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30\"/>
    </mc:Choice>
  </mc:AlternateContent>
  <xr:revisionPtr revIDLastSave="0" documentId="13_ncr:1_{CE7B0AAD-76E9-4849-B183-50FEBD8387D9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52511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平成30年11月末</t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8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0" fillId="0" borderId="0" xfId="0" applyAlignment="1"/>
    <xf numFmtId="0" fontId="7" fillId="0" borderId="0" xfId="0" applyFont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6" fillId="0" borderId="0" xfId="0" applyFont="1" applyAlignment="1">
      <alignment horizontal="right"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A808B9-5AAD-4A8A-A7DD-6FC0AF4D6EBD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51" t="s">
        <v>148</v>
      </c>
      <c r="B1" t="s">
        <v>149</v>
      </c>
    </row>
    <row r="2" spans="1:5" x14ac:dyDescent="0.2">
      <c r="A2" s="54" t="s">
        <v>150</v>
      </c>
      <c r="B2" s="54"/>
      <c r="D2" s="54" t="s">
        <v>151</v>
      </c>
      <c r="E2" s="54"/>
    </row>
    <row r="3" spans="1:5" x14ac:dyDescent="0.2">
      <c r="A3" s="52">
        <v>1</v>
      </c>
      <c r="B3" s="53" t="s">
        <v>152</v>
      </c>
      <c r="D3" s="52">
        <v>101</v>
      </c>
      <c r="E3" s="53" t="s">
        <v>244</v>
      </c>
    </row>
    <row r="4" spans="1:5" x14ac:dyDescent="0.2">
      <c r="A4" s="52">
        <v>2</v>
      </c>
      <c r="B4" s="53" t="s">
        <v>153</v>
      </c>
      <c r="D4" s="52">
        <v>102</v>
      </c>
      <c r="E4" s="53" t="s">
        <v>154</v>
      </c>
    </row>
    <row r="5" spans="1:5" x14ac:dyDescent="0.2">
      <c r="A5" s="52">
        <v>3</v>
      </c>
      <c r="B5" s="53" t="s">
        <v>155</v>
      </c>
      <c r="D5" s="52">
        <v>103</v>
      </c>
      <c r="E5" s="53" t="s">
        <v>156</v>
      </c>
    </row>
    <row r="6" spans="1:5" x14ac:dyDescent="0.2">
      <c r="A6" s="52">
        <v>4</v>
      </c>
      <c r="B6" s="53" t="s">
        <v>157</v>
      </c>
      <c r="D6" s="52">
        <v>104</v>
      </c>
      <c r="E6" s="53" t="s">
        <v>158</v>
      </c>
    </row>
    <row r="7" spans="1:5" x14ac:dyDescent="0.2">
      <c r="A7" s="52">
        <v>5</v>
      </c>
      <c r="B7" s="53" t="s">
        <v>159</v>
      </c>
      <c r="D7" s="52">
        <v>105</v>
      </c>
      <c r="E7" s="53" t="s">
        <v>160</v>
      </c>
    </row>
    <row r="8" spans="1:5" x14ac:dyDescent="0.2">
      <c r="A8" s="52">
        <v>6</v>
      </c>
      <c r="B8" s="53" t="s">
        <v>161</v>
      </c>
      <c r="D8" s="52">
        <v>199</v>
      </c>
      <c r="E8" s="53" t="s">
        <v>162</v>
      </c>
    </row>
    <row r="9" spans="1:5" x14ac:dyDescent="0.2">
      <c r="A9" s="52">
        <v>7</v>
      </c>
      <c r="B9" s="53" t="s">
        <v>163</v>
      </c>
    </row>
    <row r="10" spans="1:5" x14ac:dyDescent="0.2">
      <c r="A10" s="52">
        <v>8</v>
      </c>
      <c r="B10" s="53" t="s">
        <v>164</v>
      </c>
      <c r="D10" s="54" t="s">
        <v>165</v>
      </c>
      <c r="E10" s="54"/>
    </row>
    <row r="11" spans="1:5" x14ac:dyDescent="0.2">
      <c r="A11" s="52">
        <v>9</v>
      </c>
      <c r="B11" s="53" t="s">
        <v>166</v>
      </c>
      <c r="D11" s="52">
        <v>201</v>
      </c>
      <c r="E11" s="53" t="s">
        <v>167</v>
      </c>
    </row>
    <row r="12" spans="1:5" x14ac:dyDescent="0.2">
      <c r="A12" s="52">
        <v>10</v>
      </c>
      <c r="B12" s="53" t="s">
        <v>168</v>
      </c>
      <c r="D12" s="52">
        <v>202</v>
      </c>
      <c r="E12" s="53" t="s">
        <v>169</v>
      </c>
    </row>
    <row r="13" spans="1:5" x14ac:dyDescent="0.2">
      <c r="A13" s="52">
        <v>11</v>
      </c>
      <c r="B13" s="53" t="s">
        <v>170</v>
      </c>
      <c r="D13" s="52">
        <v>203</v>
      </c>
      <c r="E13" s="53" t="s">
        <v>171</v>
      </c>
    </row>
    <row r="14" spans="1:5" x14ac:dyDescent="0.2">
      <c r="A14" s="52">
        <v>12</v>
      </c>
      <c r="B14" s="53" t="s">
        <v>172</v>
      </c>
      <c r="D14" s="52">
        <v>204</v>
      </c>
      <c r="E14" s="53" t="s">
        <v>173</v>
      </c>
    </row>
    <row r="15" spans="1:5" x14ac:dyDescent="0.2">
      <c r="A15" s="52">
        <v>13</v>
      </c>
      <c r="B15" s="53" t="s">
        <v>174</v>
      </c>
      <c r="D15" s="52">
        <v>299</v>
      </c>
      <c r="E15" s="53" t="s">
        <v>175</v>
      </c>
    </row>
    <row r="16" spans="1:5" x14ac:dyDescent="0.2">
      <c r="A16" s="52">
        <v>14</v>
      </c>
      <c r="B16" s="53" t="s">
        <v>176</v>
      </c>
    </row>
    <row r="17" spans="1:5" x14ac:dyDescent="0.2">
      <c r="A17" s="52">
        <v>15</v>
      </c>
      <c r="B17" s="53" t="s">
        <v>177</v>
      </c>
      <c r="D17" s="54" t="s">
        <v>178</v>
      </c>
      <c r="E17" s="54"/>
    </row>
    <row r="18" spans="1:5" x14ac:dyDescent="0.2">
      <c r="A18" s="52">
        <v>16</v>
      </c>
      <c r="B18" s="53" t="s">
        <v>179</v>
      </c>
      <c r="D18" s="52">
        <v>301</v>
      </c>
      <c r="E18" s="53" t="s">
        <v>180</v>
      </c>
    </row>
    <row r="19" spans="1:5" x14ac:dyDescent="0.2">
      <c r="A19" s="52">
        <v>17</v>
      </c>
      <c r="B19" s="53" t="s">
        <v>181</v>
      </c>
      <c r="D19" s="52">
        <v>302</v>
      </c>
      <c r="E19" s="53" t="s">
        <v>182</v>
      </c>
    </row>
    <row r="20" spans="1:5" x14ac:dyDescent="0.2">
      <c r="A20" s="52">
        <v>18</v>
      </c>
      <c r="B20" s="53" t="s">
        <v>183</v>
      </c>
      <c r="D20" s="52">
        <v>303</v>
      </c>
      <c r="E20" s="53" t="s">
        <v>184</v>
      </c>
    </row>
    <row r="21" spans="1:5" x14ac:dyDescent="0.2">
      <c r="A21" s="52">
        <v>19</v>
      </c>
      <c r="B21" s="53" t="s">
        <v>245</v>
      </c>
      <c r="D21" s="52">
        <v>304</v>
      </c>
      <c r="E21" s="53" t="s">
        <v>185</v>
      </c>
    </row>
    <row r="22" spans="1:5" x14ac:dyDescent="0.2">
      <c r="A22" s="52">
        <v>20</v>
      </c>
      <c r="B22" s="53" t="s">
        <v>186</v>
      </c>
      <c r="D22" s="52">
        <v>305</v>
      </c>
      <c r="E22" s="53" t="s">
        <v>187</v>
      </c>
    </row>
    <row r="23" spans="1:5" x14ac:dyDescent="0.2">
      <c r="A23" s="52">
        <v>21</v>
      </c>
      <c r="B23" s="53" t="s">
        <v>188</v>
      </c>
      <c r="D23" s="52">
        <v>306</v>
      </c>
      <c r="E23" s="53" t="s">
        <v>189</v>
      </c>
    </row>
    <row r="24" spans="1:5" x14ac:dyDescent="0.2">
      <c r="A24" s="52">
        <v>22</v>
      </c>
      <c r="B24" s="53" t="s">
        <v>190</v>
      </c>
      <c r="D24" s="52">
        <v>307</v>
      </c>
      <c r="E24" s="53" t="s">
        <v>191</v>
      </c>
    </row>
    <row r="25" spans="1:5" x14ac:dyDescent="0.2">
      <c r="A25" s="52">
        <v>23</v>
      </c>
      <c r="B25" s="53" t="s">
        <v>192</v>
      </c>
      <c r="D25" s="52">
        <v>308</v>
      </c>
      <c r="E25" s="53" t="s">
        <v>193</v>
      </c>
    </row>
    <row r="26" spans="1:5" x14ac:dyDescent="0.2">
      <c r="A26" s="52">
        <v>24</v>
      </c>
      <c r="B26" s="53" t="s">
        <v>194</v>
      </c>
      <c r="D26" s="52">
        <v>309</v>
      </c>
      <c r="E26" s="53" t="s">
        <v>195</v>
      </c>
    </row>
    <row r="27" spans="1:5" x14ac:dyDescent="0.2">
      <c r="A27" s="52">
        <v>25</v>
      </c>
      <c r="B27" s="53" t="s">
        <v>196</v>
      </c>
      <c r="D27" s="52">
        <v>399</v>
      </c>
      <c r="E27" s="53" t="s">
        <v>197</v>
      </c>
    </row>
    <row r="28" spans="1:5" x14ac:dyDescent="0.2">
      <c r="A28" s="52">
        <v>26</v>
      </c>
      <c r="B28" s="53" t="s">
        <v>198</v>
      </c>
    </row>
    <row r="29" spans="1:5" x14ac:dyDescent="0.2">
      <c r="A29" s="52">
        <v>27</v>
      </c>
      <c r="B29" s="53" t="s">
        <v>199</v>
      </c>
      <c r="D29" s="54" t="s">
        <v>200</v>
      </c>
      <c r="E29" s="54"/>
    </row>
    <row r="30" spans="1:5" x14ac:dyDescent="0.2">
      <c r="A30" s="52">
        <v>28</v>
      </c>
      <c r="B30" s="53" t="s">
        <v>201</v>
      </c>
      <c r="D30" s="52">
        <v>401</v>
      </c>
      <c r="E30" s="53" t="s">
        <v>202</v>
      </c>
    </row>
    <row r="31" spans="1:5" x14ac:dyDescent="0.2">
      <c r="A31" s="52">
        <v>29</v>
      </c>
      <c r="B31" s="53" t="s">
        <v>203</v>
      </c>
      <c r="D31" s="52">
        <v>402</v>
      </c>
      <c r="E31" s="53" t="s">
        <v>204</v>
      </c>
    </row>
    <row r="32" spans="1:5" x14ac:dyDescent="0.2">
      <c r="A32" s="52">
        <v>30</v>
      </c>
      <c r="B32" s="53" t="s">
        <v>205</v>
      </c>
      <c r="D32" s="52">
        <v>403</v>
      </c>
      <c r="E32" s="53" t="s">
        <v>206</v>
      </c>
    </row>
    <row r="33" spans="1:5" x14ac:dyDescent="0.2">
      <c r="A33" s="52">
        <v>31</v>
      </c>
      <c r="B33" s="53" t="s">
        <v>207</v>
      </c>
      <c r="D33" s="52">
        <v>404</v>
      </c>
      <c r="E33" s="53" t="s">
        <v>208</v>
      </c>
    </row>
    <row r="34" spans="1:5" x14ac:dyDescent="0.2">
      <c r="A34" s="52">
        <v>32</v>
      </c>
      <c r="B34" s="53" t="s">
        <v>209</v>
      </c>
      <c r="D34" s="52">
        <v>405</v>
      </c>
      <c r="E34" s="53" t="s">
        <v>210</v>
      </c>
    </row>
    <row r="35" spans="1:5" x14ac:dyDescent="0.2">
      <c r="A35" s="52">
        <v>33</v>
      </c>
      <c r="B35" s="53" t="s">
        <v>211</v>
      </c>
      <c r="D35" s="52">
        <v>406</v>
      </c>
      <c r="E35" s="53" t="s">
        <v>212</v>
      </c>
    </row>
    <row r="36" spans="1:5" x14ac:dyDescent="0.2">
      <c r="A36" s="52">
        <v>34</v>
      </c>
      <c r="B36" s="53" t="s">
        <v>213</v>
      </c>
      <c r="D36" s="52">
        <v>407</v>
      </c>
      <c r="E36" s="53" t="s">
        <v>214</v>
      </c>
    </row>
    <row r="37" spans="1:5" x14ac:dyDescent="0.2">
      <c r="A37" s="52">
        <v>35</v>
      </c>
      <c r="B37" s="53" t="s">
        <v>215</v>
      </c>
      <c r="D37" s="52">
        <v>408</v>
      </c>
      <c r="E37" s="53" t="s">
        <v>216</v>
      </c>
    </row>
    <row r="38" spans="1:5" x14ac:dyDescent="0.2">
      <c r="A38" s="52">
        <v>36</v>
      </c>
      <c r="B38" s="53" t="s">
        <v>217</v>
      </c>
      <c r="D38" s="52">
        <v>499</v>
      </c>
      <c r="E38" s="53" t="s">
        <v>218</v>
      </c>
    </row>
    <row r="39" spans="1:5" x14ac:dyDescent="0.2">
      <c r="A39" s="52">
        <v>37</v>
      </c>
      <c r="B39" s="53" t="s">
        <v>219</v>
      </c>
    </row>
    <row r="40" spans="1:5" x14ac:dyDescent="0.2">
      <c r="A40" s="52">
        <v>38</v>
      </c>
      <c r="B40" s="53" t="s">
        <v>220</v>
      </c>
      <c r="D40" s="54" t="s">
        <v>221</v>
      </c>
      <c r="E40" s="54"/>
    </row>
    <row r="41" spans="1:5" x14ac:dyDescent="0.2">
      <c r="A41" s="52">
        <v>39</v>
      </c>
      <c r="B41" s="53" t="s">
        <v>222</v>
      </c>
      <c r="D41" s="52">
        <v>501</v>
      </c>
      <c r="E41" s="53" t="s">
        <v>223</v>
      </c>
    </row>
    <row r="42" spans="1:5" x14ac:dyDescent="0.2">
      <c r="A42" s="52">
        <v>40</v>
      </c>
      <c r="B42" s="53" t="s">
        <v>224</v>
      </c>
      <c r="D42" s="52">
        <v>502</v>
      </c>
      <c r="E42" s="53" t="s">
        <v>225</v>
      </c>
    </row>
    <row r="43" spans="1:5" x14ac:dyDescent="0.2">
      <c r="A43" s="52">
        <v>41</v>
      </c>
      <c r="B43" s="53" t="s">
        <v>226</v>
      </c>
      <c r="D43" s="52">
        <v>503</v>
      </c>
      <c r="E43" s="53" t="s">
        <v>227</v>
      </c>
    </row>
    <row r="44" spans="1:5" x14ac:dyDescent="0.2">
      <c r="A44" s="52">
        <v>42</v>
      </c>
      <c r="B44" s="53" t="s">
        <v>228</v>
      </c>
      <c r="D44" s="52">
        <v>504</v>
      </c>
      <c r="E44" s="53" t="s">
        <v>229</v>
      </c>
    </row>
    <row r="45" spans="1:5" x14ac:dyDescent="0.2">
      <c r="A45" s="52">
        <v>43</v>
      </c>
      <c r="B45" s="53" t="s">
        <v>230</v>
      </c>
      <c r="D45" s="52">
        <v>599</v>
      </c>
      <c r="E45" s="53" t="s">
        <v>231</v>
      </c>
    </row>
    <row r="46" spans="1:5" x14ac:dyDescent="0.2">
      <c r="A46" s="52">
        <v>44</v>
      </c>
      <c r="B46" s="53" t="s">
        <v>232</v>
      </c>
    </row>
    <row r="47" spans="1:5" x14ac:dyDescent="0.2">
      <c r="A47" s="52">
        <v>45</v>
      </c>
      <c r="B47" s="53" t="s">
        <v>233</v>
      </c>
      <c r="D47" s="54" t="s">
        <v>234</v>
      </c>
      <c r="E47" s="54"/>
    </row>
    <row r="48" spans="1:5" x14ac:dyDescent="0.2">
      <c r="A48" s="52">
        <v>46</v>
      </c>
      <c r="B48" s="53" t="s">
        <v>235</v>
      </c>
      <c r="D48" s="52">
        <v>601</v>
      </c>
      <c r="E48" s="53" t="s">
        <v>236</v>
      </c>
    </row>
    <row r="49" spans="1:5" x14ac:dyDescent="0.2">
      <c r="A49" s="52">
        <v>47</v>
      </c>
      <c r="B49" s="53" t="s">
        <v>237</v>
      </c>
      <c r="D49" s="52">
        <v>602</v>
      </c>
      <c r="E49" s="53" t="s">
        <v>238</v>
      </c>
    </row>
    <row r="50" spans="1:5" x14ac:dyDescent="0.2">
      <c r="A50" s="52">
        <v>48</v>
      </c>
      <c r="B50" s="53" t="s">
        <v>239</v>
      </c>
      <c r="D50" s="52">
        <v>699</v>
      </c>
      <c r="E50" s="53" t="s">
        <v>240</v>
      </c>
    </row>
    <row r="51" spans="1:5" x14ac:dyDescent="0.2">
      <c r="A51" s="52">
        <v>49</v>
      </c>
      <c r="B51" s="53" t="s">
        <v>241</v>
      </c>
    </row>
    <row r="52" spans="1:5" x14ac:dyDescent="0.2">
      <c r="A52" s="52">
        <v>50</v>
      </c>
      <c r="B52" s="53" t="s">
        <v>242</v>
      </c>
    </row>
    <row r="53" spans="1:5" x14ac:dyDescent="0.2">
      <c r="A53" s="52">
        <v>99</v>
      </c>
      <c r="B53" s="53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004E12E4-328F-427D-B8DD-E98C8079ADD8}"/>
    <hyperlink ref="B4" location="'年齢別・性別人口(02愛宕)'!A1" display="愛宕" xr:uid="{BC4F1D2E-61A9-44E9-ABD5-D69BCF91A3F4}"/>
    <hyperlink ref="B5" location="'年齢別・性別人口(03安野屋)'!A1" display="安野屋" xr:uid="{BBDF24AA-94C5-4AEE-9C2D-2D3E16388DDC}"/>
    <hyperlink ref="B6" location="'年齢別・性別人口(04八人町)'!A1" display="八人町" xr:uid="{78F02085-E9F4-4746-BA85-6BF40250FF3D}"/>
    <hyperlink ref="B7" location="'年齢別・性別人口(05五番町)'!A1" display="五番町" xr:uid="{278F08F4-194A-46FA-A3BD-274AA084A796}"/>
    <hyperlink ref="B8" location="'年齢別・性別人口(06柳町)'!A1" display="柳町" xr:uid="{C8556EF3-BCCD-4B12-98CB-E5222469CD3B}"/>
    <hyperlink ref="B9" location="'年齢別・性別人口(07清水町)'!A1" display="清水町" xr:uid="{749715FE-93E9-4A35-A032-0A1433D8BBA1}"/>
    <hyperlink ref="B10" location="'年齢別・性別人口(08星井町)'!A1" display="星井町" xr:uid="{44923927-7D3E-4E8A-BD44-B7F1576F0D00}"/>
    <hyperlink ref="B11" location="'年齢別・性別人口(09西田地方)'!A1" display="西田地方" xr:uid="{598F2390-9C84-4C35-89E3-8EBAE08578E0}"/>
    <hyperlink ref="B12" location="'年齢別・性別人口(10堀川)'!A1" display="堀川" xr:uid="{9B3A91E5-C22F-4E4E-9E75-03C973536F81}"/>
    <hyperlink ref="B13" location="'年齢別・性別人口(11堀川南)'!A1" display="堀川南" xr:uid="{38E0FCCF-6906-4055-B13D-AA360A54A975}"/>
    <hyperlink ref="B14" location="'年齢別・性別人口(12東部)'!A1" display="東部" xr:uid="{C42D6903-D4C6-43DF-BCC8-876BB514167F}"/>
    <hyperlink ref="B15" location="'年齢別・性別人口(13奥田)'!A1" display="奥田" xr:uid="{EB6B5D20-32CD-449E-8FA9-DE74864C6511}"/>
    <hyperlink ref="B16" location="'年齢別・性別人口(14奥田北)'!A1" display="奥田北" xr:uid="{86BC832F-6C50-407F-8431-3A0653BAFB9A}"/>
    <hyperlink ref="B18" location="'年齢別・性別人口(16五福)'!A1" display="五福" xr:uid="{CB5F04C2-FCE9-43FF-B9B7-C64F45314DB8}"/>
    <hyperlink ref="B19" location="'年齢別・性別人口(17神明)'!A1" display="神明" xr:uid="{A2A08EA3-FD28-492B-A42A-7435F038D691}"/>
    <hyperlink ref="B20" location="'年齢別・性別人口(18岩瀬)'!A1" display="岩瀬" xr:uid="{C3FA7D08-A34D-4C26-A84F-02280BD08439}"/>
    <hyperlink ref="B21" location="'年齢別・性別人口(19萩浦)'!A1" display="荻浦" xr:uid="{48DEFC7C-BA0A-4955-A67B-CACD5E462354}"/>
    <hyperlink ref="B22" location="'年齢別・性別人口(20大広田)'!A1" display="大広田" xr:uid="{344C0F6C-4D41-4D75-B8C8-9B26323B29C5}"/>
    <hyperlink ref="B23" location="'年齢別・性別人口(21浜黒崎)'!A1" display="浜黒崎" xr:uid="{5D6F3E54-722B-4409-85CD-99AEA512F791}"/>
    <hyperlink ref="B24" location="'年齢別・性別人口(22針原)'!A1" display="針原" xr:uid="{879C28F7-BAC3-48F3-8941-1356031FDA4C}"/>
    <hyperlink ref="B25" location="'年齢別・性別人口(23豊田)'!A1" display="豊田" xr:uid="{CDAE06BD-1C90-4ED1-8CC4-F32E11BE8955}"/>
    <hyperlink ref="B26" location="'年齢別・性別人口(24広田)'!A1" display="広田" xr:uid="{55B78C0A-3F7C-45F4-BB89-F9D5DE44447D}"/>
    <hyperlink ref="B27" location="'年齢別・性別人口(25新庄)'!A1" display="新庄" xr:uid="{8D8E3D25-9545-4B5A-B623-411B651D494F}"/>
    <hyperlink ref="B28" location="'年齢別・性別人口(26藤ノ木)'!A1" display="藤ノ木" xr:uid="{AA18DB39-3094-44DC-B280-0CABCD90B659}"/>
    <hyperlink ref="B29" location="'年齢別・性別人口(27山室)'!A1" display="山室" xr:uid="{77736034-039B-44F2-B5D5-94B923609CF8}"/>
    <hyperlink ref="B30" location="'年齢別・性別人口(28山室中部)'!A1" display="山室中部" xr:uid="{7F2B444E-7AD5-470F-9F15-E3763D802965}"/>
    <hyperlink ref="B31" location="'年齢別・性別人口(29太田)'!A1" display="太田" xr:uid="{A7BD9D4A-17B3-4C05-80D7-81A59D3A9694}"/>
    <hyperlink ref="B32" location="'年齢別・性別人口(30蜷川)'!A1" display="蜷川" xr:uid="{BBF98F4E-EB47-4F6A-A9D8-A0F2339B238B}"/>
    <hyperlink ref="B33" location="'年齢別・性別人口(31新保)'!A1" display="新保" xr:uid="{B5042FB4-0008-4178-BD2D-C461814B95C6}"/>
    <hyperlink ref="B34" location="'年齢別・性別人口(32熊野)'!A1" display="熊野" xr:uid="{84CE7ACE-804A-483C-A747-892F9C264EA3}"/>
    <hyperlink ref="B35" location="'年齢別・性別人口(33月岡)'!A1" display="月岡" xr:uid="{E19FEB3C-EBD9-4979-A586-1502D8BC43B1}"/>
    <hyperlink ref="B36" location="'年齢別・性別人口(34四方)'!A1" display="四方" xr:uid="{A4F781A2-ABB1-4D9D-BC24-6A2701B75096}"/>
    <hyperlink ref="B37" location="'年齢別・性別人口(35八幡)'!A1" display="八幡" xr:uid="{34B26AF9-F9AD-4670-8418-85142B5BF8D0}"/>
    <hyperlink ref="B38" location="'年齢別・性別人口(36草島)'!A1" display="草島" xr:uid="{3E4BC438-AB93-4D17-B30E-B2CC57E117C0}"/>
    <hyperlink ref="B39" location="'年齢別・性別人口(37倉垣)'!A1" display="倉垣" xr:uid="{49D7AD42-4F56-45D1-A16E-7115AF9B2CE8}"/>
    <hyperlink ref="B40" location="'年齢別・性別人口(38呉羽)'!A1" display="呉羽" xr:uid="{77A27F92-0E1B-44F6-A0DB-60FD292C5B02}"/>
    <hyperlink ref="B41" location="'年齢別・性別人口(39長岡)'!A1" display="長岡" xr:uid="{035A2A86-8D7D-492D-A3CA-A0F932E8161F}"/>
    <hyperlink ref="B42" location="'年齢別・性別人口(40寒江)'!A1" display="寒江" xr:uid="{939FB3B0-BFE4-4E25-BE7D-3E92144D8256}"/>
    <hyperlink ref="B43" location="'年齢別・性別人口(41古沢)'!A1" display="古沢" xr:uid="{0847DB6D-129F-483E-926D-697A396E1EF6}"/>
    <hyperlink ref="B44" location="'年齢別・性別人口(42老田)'!A1" display="老田" xr:uid="{E5A58EFA-647D-47D2-9278-209563A973EB}"/>
    <hyperlink ref="B45" location="'年齢別・性別人口(43池多)'!A1" display="池多" xr:uid="{B1AFF241-2188-4EFA-8D18-334774446712}"/>
    <hyperlink ref="B46" location="'年齢別・性別人口(44水橋中部)'!A1" display="水橋中部" xr:uid="{8F967D08-E2AD-4D07-9620-1DC391B7F506}"/>
    <hyperlink ref="B47" location="'年齢別・性別人口(45水橋西部)'!A1" display="水橋西部" xr:uid="{E236F7A2-7306-403F-A2E9-C9EFE11BE601}"/>
    <hyperlink ref="B48" location="'年齢別・性別人口(46水橋東部)'!A1" display="水橋東部" xr:uid="{48CD34ED-27AE-4B16-BA40-1D2A26C124AC}"/>
    <hyperlink ref="B49" location="'年齢別・性別人口(47三郷)'!A1" display="三郷" xr:uid="{92849A6E-5394-47F6-AB83-8612DE13DEA5}"/>
    <hyperlink ref="B50" location="'年齢別・性別人口(48上条)'!A1" display="上条" xr:uid="{D8B861A4-996F-4BB3-9262-914736B2834D}"/>
    <hyperlink ref="B51" location="'年齢別・性別人口(49光陽)'!A1" display="光陽" xr:uid="{A27EC41F-15A1-4B5D-AE17-2308E6923FB1}"/>
    <hyperlink ref="B52" location="'年齢別・性別人口(50新庄北）'!A1" display="新庄北" xr:uid="{F1BFF4F6-1966-4612-886A-5AC1018A0C48}"/>
    <hyperlink ref="B53" location="'年齢別・性別人口(0099富山地域)'!A1" display="富山地域（合計）" xr:uid="{60512B5B-4EC6-41B3-88BD-0A52DD7B6233}"/>
    <hyperlink ref="E3" location="'年齢別・性別人口0101下タ)'!A1" display="下夕" xr:uid="{B4A07A8A-9605-4ADA-BCD2-6905533E142C}"/>
    <hyperlink ref="E4" location="'年齢別・性別人口(0102小羽)'!A1" display="小羽" xr:uid="{E6CC25EA-38C7-4A2E-B00E-8C8530E3FE0E}"/>
    <hyperlink ref="E5" location="'年齢別・性別人口(0103船峅)'!A1" display="船峅" xr:uid="{269F1CDC-D650-4404-9B8B-4330123D75F5}"/>
    <hyperlink ref="E6" location="'年齢別・性別人口(0104大沢野)'!A1" display="大沢野" xr:uid="{15B7B71F-099C-45BF-9BB4-3C7E12F53B92}"/>
    <hyperlink ref="E7" location="'年齢別・性別人口(0105大久保)'!A1" display="大久保" xr:uid="{033088B5-76B6-4CB3-A265-07A98FBD64EE}"/>
    <hyperlink ref="E8" location="'年齢別・性別人口(0199大沢野地域)'!A1" display="大沢野地域（合計）" xr:uid="{DBB374D9-38F9-414F-A6B2-0296E1D7E41D}"/>
    <hyperlink ref="E11" location="'年齢別・性別人口(0201上滝)'!A1" display="上滝" xr:uid="{E0FA4F5B-D839-499E-ACF3-2B1865E83AAE}"/>
    <hyperlink ref="E12" location="'年齢別・性別人口(0202大山)'!A1" display="大山" xr:uid="{9EF25EED-F086-4B13-AE04-4BD3BD1602CE}"/>
    <hyperlink ref="E13" location="'年齢別・性別人口(0203大庄)'!A1" display="大庄" xr:uid="{F998CB79-AC16-4FBC-8057-DF25E702F623}"/>
    <hyperlink ref="E14" location="'年齢別・性別人口(0204福沢)'!A1" display="福沢" xr:uid="{F678F31B-541E-4B1A-923D-1A45EDB2F980}"/>
    <hyperlink ref="E15" location="'年齢別・性別人口(0299大山地域)'!A1" display="大山地域（合計）" xr:uid="{E712DBD8-3317-4238-B16B-3801A5FD1464}"/>
    <hyperlink ref="E18" location="'年齢別・性別人口(0301八尾)'!A1" display="八尾" xr:uid="{66CB47A9-36A8-4178-A1FE-683C993F72FF}"/>
    <hyperlink ref="E19" location="'年齢別・性別人口(0302保内)'!A1" display="保内" xr:uid="{C6C1D8F7-A28C-4416-A0F7-A4AD329839E7}"/>
    <hyperlink ref="E20" location="'年齢別・性別人口(0303杉原)'!A1" display="杉原" xr:uid="{74816E19-8EE6-4EB3-AB30-84DA37A0D710}"/>
    <hyperlink ref="E21" location="'年齢別・性別人口(0304卯花)'!A1" display="卯花" xr:uid="{35C1D8B3-3929-4250-90A8-523E92A4EC9F}"/>
    <hyperlink ref="E22" location="'年齢別・性別人口(0305室牧)'!A1" display="室牧" xr:uid="{3A7904D1-6D69-441C-BD36-18FA05C9EA14}"/>
    <hyperlink ref="E23" location="'年齢別・性別人口(0306黒瀬谷)'!A1" display="黒瀬谷" xr:uid="{AAFDEC41-C5AE-470B-BA74-32F100D5AC9C}"/>
    <hyperlink ref="E24" location="'年齢別・性別人口(0307野積)'!A1" display="野積" xr:uid="{4780FD77-1E96-40AD-89CA-013B02C2AEC6}"/>
    <hyperlink ref="E25" location="'年齢別・性別人口(0308仁歩)'!A1" display="仁歩" xr:uid="{4F63544E-AE35-4296-B600-8B5925EF2CFF}"/>
    <hyperlink ref="E26" location="'年齢別・性別人口(0309大長谷)'!A1" display="大長谷" xr:uid="{6FCD76C7-8A34-4F7F-9EA1-B25F8A8D7982}"/>
    <hyperlink ref="E27" location="'年齢別・性別人口(0399八尾地域)'!A1" display="八尾地域（合計）" xr:uid="{C0DC1609-2610-41DC-ACC3-577257845A73}"/>
    <hyperlink ref="E30" location="'年齢別・性別人口(0401速星)'!A1" display="速星" xr:uid="{FEA4B2DF-AC11-4D75-A395-37ABEC2D99A0}"/>
    <hyperlink ref="E31" location="'年齢別・性別人口(0402鵜坂)'!A1" display="鵜坂" xr:uid="{59B90CC3-691F-46B6-AB4B-DE5806B0E72C}"/>
    <hyperlink ref="E32" location="'年齢別・性別人口(0403朝日)'!A1" display="朝日" xr:uid="{AE974442-4187-4CC0-9CD2-BCC98EE83615}"/>
    <hyperlink ref="E33" location="'年齢別・性別人口(0404宮川)'!A1" display="宮川" xr:uid="{1F1F76BD-3BEC-4588-9C89-B06748F1DC28}"/>
    <hyperlink ref="E34" location="'年齢別・性別人口(0405婦中熊野)'!A1" display="婦中熊野" xr:uid="{7F5ED9A5-614D-4A9D-94EA-5E54EC235E49}"/>
    <hyperlink ref="E35" location="'年齢別・性別人口(0406古里)'!A1" display="古里" xr:uid="{730EE556-976A-4535-9DA2-76163BDB373E}"/>
    <hyperlink ref="E36" location="'年齢別・性別人口(0407音川)'!A1" display="音川" xr:uid="{5CEDBB52-0E6A-4BC2-9433-A68DA3335F97}"/>
    <hyperlink ref="E37" location="'年齢別・性別人口(0408神保)'!A1" display="神保" xr:uid="{9A329AC5-75EE-4566-AAA5-674B2C783341}"/>
    <hyperlink ref="E38" location="'年齢別・性別人口(0499婦中地域)'!A1" display="婦中地域（合計）" xr:uid="{19B93918-7DDC-4684-B6A9-38082EFCF9B2}"/>
    <hyperlink ref="E41" location="'年齢別・性別人口(0501山田南部)'!A1" display="山田南部" xr:uid="{98FABFA8-0681-4298-A08D-150E5D5F0FF5}"/>
    <hyperlink ref="E42" location="'年齢別・性別人口(0502山田中部)'!A1" display="山田中部" xr:uid="{5261D3E2-346C-4A4E-B29B-66EC176849CA}"/>
    <hyperlink ref="E43" location="'年齢別・性別人口(0503山田西部)'!A1" display="山田西部" xr:uid="{9277DE91-ADD1-4D5F-B04D-9BF8EFEC9011}"/>
    <hyperlink ref="E44" location="'年齢別・性別人口(0504山田東部)'!A1" display="山田東部" xr:uid="{C46450AB-176B-4C22-BAC7-6D4CB69975AE}"/>
    <hyperlink ref="E45" location="'年齢別・性別人口(0599山田地域)'!A1" display="山田地域（合計）" xr:uid="{AE7BD64D-AFFB-4DE0-90B8-4929BBC4B190}"/>
    <hyperlink ref="E48" location="'年齢別・性別人口(0601細入北部)'!A1" display="細入北部" xr:uid="{2284A054-C32B-43FE-8AE2-392182EF92E3}"/>
    <hyperlink ref="E49" location="'年齢別・性別人口(0602細入南部)'!A1" display="細入南部" xr:uid="{6FE9ED57-7A69-4E3D-BF92-DD4AC1B8D014}"/>
    <hyperlink ref="E50" location="'年齢別・性別人口(0699細入地域)'!A1" display="細入地域（合計）" xr:uid="{EDE4A6D1-9306-48D3-B20C-FA7AC21EFD6D}"/>
    <hyperlink ref="B17" location="'年齢別・性別人口(15桜谷)'!A1" display="桜谷" xr:uid="{3AC440B1-3985-4EA2-A98D-2094687E77AA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2</v>
      </c>
      <c r="C5" s="12">
        <v>24</v>
      </c>
      <c r="D5" s="13">
        <v>46</v>
      </c>
    </row>
    <row r="6" spans="1:10" ht="18" customHeight="1" x14ac:dyDescent="0.2">
      <c r="A6" s="14">
        <v>1</v>
      </c>
      <c r="B6" s="15">
        <v>20</v>
      </c>
      <c r="C6" s="16">
        <v>21</v>
      </c>
      <c r="D6" s="17">
        <v>41</v>
      </c>
    </row>
    <row r="7" spans="1:10" ht="18" customHeight="1" x14ac:dyDescent="0.2">
      <c r="A7" s="14">
        <v>2</v>
      </c>
      <c r="B7" s="15">
        <v>25</v>
      </c>
      <c r="C7" s="16">
        <v>25</v>
      </c>
      <c r="D7" s="17">
        <v>50</v>
      </c>
    </row>
    <row r="8" spans="1:10" ht="18" customHeight="1" x14ac:dyDescent="0.2">
      <c r="A8" s="14">
        <v>3</v>
      </c>
      <c r="B8" s="15">
        <v>27</v>
      </c>
      <c r="C8" s="16">
        <v>22</v>
      </c>
      <c r="D8" s="17">
        <v>49</v>
      </c>
    </row>
    <row r="9" spans="1:10" ht="18" customHeight="1" x14ac:dyDescent="0.2">
      <c r="A9" s="14">
        <v>4</v>
      </c>
      <c r="B9" s="15">
        <v>22</v>
      </c>
      <c r="C9" s="16">
        <v>22</v>
      </c>
      <c r="D9" s="17">
        <v>44</v>
      </c>
    </row>
    <row r="10" spans="1:10" ht="18" customHeight="1" x14ac:dyDescent="0.2">
      <c r="A10" s="18" t="s">
        <v>48</v>
      </c>
      <c r="B10" s="15">
        <v>116</v>
      </c>
      <c r="C10" s="16">
        <v>114</v>
      </c>
      <c r="D10" s="17">
        <v>230</v>
      </c>
    </row>
    <row r="11" spans="1:10" ht="18" customHeight="1" x14ac:dyDescent="0.2">
      <c r="A11" s="14">
        <v>5</v>
      </c>
      <c r="B11" s="15">
        <v>31</v>
      </c>
      <c r="C11" s="16">
        <v>21</v>
      </c>
      <c r="D11" s="17">
        <v>52</v>
      </c>
    </row>
    <row r="12" spans="1:10" ht="18" customHeight="1" x14ac:dyDescent="0.2">
      <c r="A12" s="14">
        <v>6</v>
      </c>
      <c r="B12" s="15">
        <v>28</v>
      </c>
      <c r="C12" s="16">
        <v>31</v>
      </c>
      <c r="D12" s="17">
        <v>59</v>
      </c>
    </row>
    <row r="13" spans="1:10" ht="18" customHeight="1" x14ac:dyDescent="0.2">
      <c r="A13" s="14">
        <v>7</v>
      </c>
      <c r="B13" s="15">
        <v>29</v>
      </c>
      <c r="C13" s="16">
        <v>30</v>
      </c>
      <c r="D13" s="17">
        <v>59</v>
      </c>
    </row>
    <row r="14" spans="1:10" ht="18" customHeight="1" x14ac:dyDescent="0.2">
      <c r="A14" s="14">
        <v>8</v>
      </c>
      <c r="B14" s="15">
        <v>25</v>
      </c>
      <c r="C14" s="16">
        <v>18</v>
      </c>
      <c r="D14" s="17">
        <v>43</v>
      </c>
    </row>
    <row r="15" spans="1:10" ht="18" customHeight="1" x14ac:dyDescent="0.2">
      <c r="A15" s="14">
        <v>9</v>
      </c>
      <c r="B15" s="15">
        <v>30</v>
      </c>
      <c r="C15" s="16">
        <v>22</v>
      </c>
      <c r="D15" s="17">
        <v>52</v>
      </c>
    </row>
    <row r="16" spans="1:10" ht="18" customHeight="1" x14ac:dyDescent="0.2">
      <c r="A16" s="18" t="s">
        <v>49</v>
      </c>
      <c r="B16" s="15">
        <v>143</v>
      </c>
      <c r="C16" s="16">
        <v>122</v>
      </c>
      <c r="D16" s="17">
        <v>265</v>
      </c>
    </row>
    <row r="17" spans="1:4" ht="18" customHeight="1" x14ac:dyDescent="0.2">
      <c r="A17" s="14">
        <v>10</v>
      </c>
      <c r="B17" s="15">
        <v>26</v>
      </c>
      <c r="C17" s="16">
        <v>36</v>
      </c>
      <c r="D17" s="17">
        <v>62</v>
      </c>
    </row>
    <row r="18" spans="1:4" ht="18" customHeight="1" x14ac:dyDescent="0.2">
      <c r="A18" s="14">
        <v>11</v>
      </c>
      <c r="B18" s="15">
        <v>28</v>
      </c>
      <c r="C18" s="16">
        <v>34</v>
      </c>
      <c r="D18" s="17">
        <v>62</v>
      </c>
    </row>
    <row r="19" spans="1:4" ht="18" customHeight="1" x14ac:dyDescent="0.2">
      <c r="A19" s="14">
        <v>12</v>
      </c>
      <c r="B19" s="15">
        <v>23</v>
      </c>
      <c r="C19" s="16">
        <v>23</v>
      </c>
      <c r="D19" s="17">
        <v>46</v>
      </c>
    </row>
    <row r="20" spans="1:4" ht="18" customHeight="1" x14ac:dyDescent="0.2">
      <c r="A20" s="14">
        <v>13</v>
      </c>
      <c r="B20" s="15">
        <v>22</v>
      </c>
      <c r="C20" s="16">
        <v>31</v>
      </c>
      <c r="D20" s="17">
        <v>53</v>
      </c>
    </row>
    <row r="21" spans="1:4" ht="18" customHeight="1" x14ac:dyDescent="0.2">
      <c r="A21" s="14">
        <v>14</v>
      </c>
      <c r="B21" s="15">
        <v>21</v>
      </c>
      <c r="C21" s="16">
        <v>31</v>
      </c>
      <c r="D21" s="17">
        <v>52</v>
      </c>
    </row>
    <row r="22" spans="1:4" ht="18" customHeight="1" x14ac:dyDescent="0.2">
      <c r="A22" s="18" t="s">
        <v>50</v>
      </c>
      <c r="B22" s="15">
        <v>120</v>
      </c>
      <c r="C22" s="16">
        <v>155</v>
      </c>
      <c r="D22" s="17">
        <v>275</v>
      </c>
    </row>
    <row r="23" spans="1:4" ht="18" customHeight="1" x14ac:dyDescent="0.2">
      <c r="A23" s="18" t="s">
        <v>51</v>
      </c>
      <c r="B23" s="15">
        <v>379</v>
      </c>
      <c r="C23" s="16">
        <v>391</v>
      </c>
      <c r="D23" s="17">
        <v>770</v>
      </c>
    </row>
    <row r="24" spans="1:4" ht="18" customHeight="1" x14ac:dyDescent="0.2">
      <c r="A24" s="14">
        <v>15</v>
      </c>
      <c r="B24" s="15">
        <v>31</v>
      </c>
      <c r="C24" s="16">
        <v>25</v>
      </c>
      <c r="D24" s="17">
        <v>56</v>
      </c>
    </row>
    <row r="25" spans="1:4" ht="18" customHeight="1" x14ac:dyDescent="0.2">
      <c r="A25" s="14">
        <v>16</v>
      </c>
      <c r="B25" s="15">
        <v>27</v>
      </c>
      <c r="C25" s="16">
        <v>25</v>
      </c>
      <c r="D25" s="17">
        <v>52</v>
      </c>
    </row>
    <row r="26" spans="1:4" ht="18" customHeight="1" x14ac:dyDescent="0.2">
      <c r="A26" s="14">
        <v>17</v>
      </c>
      <c r="B26" s="15">
        <v>27</v>
      </c>
      <c r="C26" s="16">
        <v>26</v>
      </c>
      <c r="D26" s="17">
        <v>53</v>
      </c>
    </row>
    <row r="27" spans="1:4" ht="18" customHeight="1" x14ac:dyDescent="0.2">
      <c r="A27" s="14">
        <v>18</v>
      </c>
      <c r="B27" s="15">
        <v>32</v>
      </c>
      <c r="C27" s="16">
        <v>15</v>
      </c>
      <c r="D27" s="17">
        <v>47</v>
      </c>
    </row>
    <row r="28" spans="1:4" ht="18" customHeight="1" x14ac:dyDescent="0.2">
      <c r="A28" s="14">
        <v>19</v>
      </c>
      <c r="B28" s="15">
        <v>20</v>
      </c>
      <c r="C28" s="16">
        <v>25</v>
      </c>
      <c r="D28" s="17">
        <v>45</v>
      </c>
    </row>
    <row r="29" spans="1:4" ht="18" customHeight="1" x14ac:dyDescent="0.2">
      <c r="A29" s="18" t="s">
        <v>52</v>
      </c>
      <c r="B29" s="15">
        <v>137</v>
      </c>
      <c r="C29" s="16">
        <v>116</v>
      </c>
      <c r="D29" s="17">
        <v>253</v>
      </c>
    </row>
    <row r="30" spans="1:4" ht="18" customHeight="1" x14ac:dyDescent="0.2">
      <c r="A30" s="14">
        <v>20</v>
      </c>
      <c r="B30" s="15">
        <v>32</v>
      </c>
      <c r="C30" s="16">
        <v>16</v>
      </c>
      <c r="D30" s="17">
        <v>48</v>
      </c>
    </row>
    <row r="31" spans="1:4" ht="18" customHeight="1" x14ac:dyDescent="0.2">
      <c r="A31" s="14">
        <v>21</v>
      </c>
      <c r="B31" s="15">
        <v>34</v>
      </c>
      <c r="C31" s="16">
        <v>14</v>
      </c>
      <c r="D31" s="17">
        <v>48</v>
      </c>
    </row>
    <row r="32" spans="1:4" ht="18" customHeight="1" x14ac:dyDescent="0.2">
      <c r="A32" s="14">
        <v>22</v>
      </c>
      <c r="B32" s="15">
        <v>29</v>
      </c>
      <c r="C32" s="16">
        <v>33</v>
      </c>
      <c r="D32" s="17">
        <v>62</v>
      </c>
    </row>
    <row r="33" spans="1:4" ht="18" customHeight="1" x14ac:dyDescent="0.2">
      <c r="A33" s="14">
        <v>23</v>
      </c>
      <c r="B33" s="15">
        <v>32</v>
      </c>
      <c r="C33" s="16">
        <v>16</v>
      </c>
      <c r="D33" s="17">
        <v>48</v>
      </c>
    </row>
    <row r="34" spans="1:4" ht="18" customHeight="1" x14ac:dyDescent="0.2">
      <c r="A34" s="14">
        <v>24</v>
      </c>
      <c r="B34" s="15">
        <v>23</v>
      </c>
      <c r="C34" s="16">
        <v>23</v>
      </c>
      <c r="D34" s="17">
        <v>46</v>
      </c>
    </row>
    <row r="35" spans="1:4" ht="18" customHeight="1" x14ac:dyDescent="0.2">
      <c r="A35" s="18" t="s">
        <v>53</v>
      </c>
      <c r="B35" s="15">
        <v>150</v>
      </c>
      <c r="C35" s="16">
        <v>102</v>
      </c>
      <c r="D35" s="17">
        <v>252</v>
      </c>
    </row>
    <row r="36" spans="1:4" ht="18" customHeight="1" x14ac:dyDescent="0.2">
      <c r="A36" s="14">
        <v>25</v>
      </c>
      <c r="B36" s="15">
        <v>25</v>
      </c>
      <c r="C36" s="16">
        <v>19</v>
      </c>
      <c r="D36" s="17">
        <v>44</v>
      </c>
    </row>
    <row r="37" spans="1:4" ht="18" customHeight="1" x14ac:dyDescent="0.2">
      <c r="A37" s="14">
        <v>26</v>
      </c>
      <c r="B37" s="15">
        <v>20</v>
      </c>
      <c r="C37" s="16">
        <v>18</v>
      </c>
      <c r="D37" s="17">
        <v>38</v>
      </c>
    </row>
    <row r="38" spans="1:4" ht="18" customHeight="1" x14ac:dyDescent="0.2">
      <c r="A38" s="14">
        <v>27</v>
      </c>
      <c r="B38" s="15">
        <v>23</v>
      </c>
      <c r="C38" s="16">
        <v>27</v>
      </c>
      <c r="D38" s="17">
        <v>50</v>
      </c>
    </row>
    <row r="39" spans="1:4" ht="18" customHeight="1" x14ac:dyDescent="0.2">
      <c r="A39" s="14">
        <v>28</v>
      </c>
      <c r="B39" s="15">
        <v>22</v>
      </c>
      <c r="C39" s="16">
        <v>31</v>
      </c>
      <c r="D39" s="17">
        <v>53</v>
      </c>
    </row>
    <row r="40" spans="1:4" ht="18" customHeight="1" x14ac:dyDescent="0.2">
      <c r="A40" s="14">
        <v>29</v>
      </c>
      <c r="B40" s="15">
        <v>28</v>
      </c>
      <c r="C40" s="16">
        <v>25</v>
      </c>
      <c r="D40" s="17">
        <v>53</v>
      </c>
    </row>
    <row r="41" spans="1:4" ht="18" customHeight="1" x14ac:dyDescent="0.2">
      <c r="A41" s="18" t="s">
        <v>54</v>
      </c>
      <c r="B41" s="15">
        <v>118</v>
      </c>
      <c r="C41" s="16">
        <v>120</v>
      </c>
      <c r="D41" s="17">
        <v>238</v>
      </c>
    </row>
    <row r="42" spans="1:4" ht="18" customHeight="1" x14ac:dyDescent="0.2">
      <c r="A42" s="14">
        <v>30</v>
      </c>
      <c r="B42" s="15">
        <v>33</v>
      </c>
      <c r="C42" s="16">
        <v>29</v>
      </c>
      <c r="D42" s="17">
        <v>62</v>
      </c>
    </row>
    <row r="43" spans="1:4" ht="18" customHeight="1" x14ac:dyDescent="0.2">
      <c r="A43" s="14">
        <v>31</v>
      </c>
      <c r="B43" s="15">
        <v>28</v>
      </c>
      <c r="C43" s="16">
        <v>28</v>
      </c>
      <c r="D43" s="17">
        <v>56</v>
      </c>
    </row>
    <row r="44" spans="1:4" ht="18" customHeight="1" x14ac:dyDescent="0.2">
      <c r="A44" s="14">
        <v>32</v>
      </c>
      <c r="B44" s="15">
        <v>38</v>
      </c>
      <c r="C44" s="16">
        <v>35</v>
      </c>
      <c r="D44" s="17">
        <v>73</v>
      </c>
    </row>
    <row r="45" spans="1:4" ht="18" customHeight="1" x14ac:dyDescent="0.2">
      <c r="A45" s="14">
        <v>33</v>
      </c>
      <c r="B45" s="15">
        <v>29</v>
      </c>
      <c r="C45" s="16">
        <v>33</v>
      </c>
      <c r="D45" s="17">
        <v>62</v>
      </c>
    </row>
    <row r="46" spans="1:4" ht="18" customHeight="1" x14ac:dyDescent="0.2">
      <c r="A46" s="14">
        <v>34</v>
      </c>
      <c r="B46" s="15">
        <v>52</v>
      </c>
      <c r="C46" s="16">
        <v>42</v>
      </c>
      <c r="D46" s="17">
        <v>94</v>
      </c>
    </row>
    <row r="47" spans="1:4" ht="18" customHeight="1" x14ac:dyDescent="0.2">
      <c r="A47" s="18" t="s">
        <v>55</v>
      </c>
      <c r="B47" s="15">
        <v>180</v>
      </c>
      <c r="C47" s="16">
        <v>167</v>
      </c>
      <c r="D47" s="17">
        <v>347</v>
      </c>
    </row>
    <row r="48" spans="1:4" ht="18" customHeight="1" x14ac:dyDescent="0.2">
      <c r="A48" s="14">
        <v>35</v>
      </c>
      <c r="B48" s="15">
        <v>35</v>
      </c>
      <c r="C48" s="16">
        <v>28</v>
      </c>
      <c r="D48" s="17">
        <v>63</v>
      </c>
    </row>
    <row r="49" spans="1:4" ht="18" customHeight="1" x14ac:dyDescent="0.2">
      <c r="A49" s="14">
        <v>36</v>
      </c>
      <c r="B49" s="15">
        <v>36</v>
      </c>
      <c r="C49" s="16">
        <v>28</v>
      </c>
      <c r="D49" s="17">
        <v>64</v>
      </c>
    </row>
    <row r="50" spans="1:4" ht="18" customHeight="1" x14ac:dyDescent="0.2">
      <c r="A50" s="14">
        <v>37</v>
      </c>
      <c r="B50" s="15">
        <v>47</v>
      </c>
      <c r="C50" s="16">
        <v>29</v>
      </c>
      <c r="D50" s="17">
        <v>76</v>
      </c>
    </row>
    <row r="51" spans="1:4" ht="18" customHeight="1" x14ac:dyDescent="0.2">
      <c r="A51" s="14">
        <v>38</v>
      </c>
      <c r="B51" s="15">
        <v>41</v>
      </c>
      <c r="C51" s="16">
        <v>32</v>
      </c>
      <c r="D51" s="17">
        <v>73</v>
      </c>
    </row>
    <row r="52" spans="1:4" ht="18" customHeight="1" x14ac:dyDescent="0.2">
      <c r="A52" s="14">
        <v>39</v>
      </c>
      <c r="B52" s="15">
        <v>36</v>
      </c>
      <c r="C52" s="16">
        <v>37</v>
      </c>
      <c r="D52" s="17">
        <v>73</v>
      </c>
    </row>
    <row r="53" spans="1:4" ht="18" customHeight="1" x14ac:dyDescent="0.2">
      <c r="A53" s="18" t="s">
        <v>56</v>
      </c>
      <c r="B53" s="15">
        <v>195</v>
      </c>
      <c r="C53" s="16">
        <v>154</v>
      </c>
      <c r="D53" s="17">
        <v>349</v>
      </c>
    </row>
    <row r="54" spans="1:4" ht="18" customHeight="1" x14ac:dyDescent="0.2">
      <c r="A54" s="14">
        <v>40</v>
      </c>
      <c r="B54" s="15">
        <v>41</v>
      </c>
      <c r="C54" s="16">
        <v>53</v>
      </c>
      <c r="D54" s="17">
        <v>94</v>
      </c>
    </row>
    <row r="55" spans="1:4" ht="18" customHeight="1" x14ac:dyDescent="0.2">
      <c r="A55" s="14">
        <v>41</v>
      </c>
      <c r="B55" s="15">
        <v>53</v>
      </c>
      <c r="C55" s="16">
        <v>44</v>
      </c>
      <c r="D55" s="17">
        <v>97</v>
      </c>
    </row>
    <row r="56" spans="1:4" ht="18" customHeight="1" x14ac:dyDescent="0.2">
      <c r="A56" s="14">
        <v>42</v>
      </c>
      <c r="B56" s="15">
        <v>44</v>
      </c>
      <c r="C56" s="16">
        <v>43</v>
      </c>
      <c r="D56" s="17">
        <v>87</v>
      </c>
    </row>
    <row r="57" spans="1:4" ht="18" customHeight="1" x14ac:dyDescent="0.2">
      <c r="A57" s="14">
        <v>43</v>
      </c>
      <c r="B57" s="15">
        <v>45</v>
      </c>
      <c r="C57" s="16">
        <v>41</v>
      </c>
      <c r="D57" s="17">
        <v>86</v>
      </c>
    </row>
    <row r="58" spans="1:4" ht="18" customHeight="1" x14ac:dyDescent="0.2">
      <c r="A58" s="14">
        <v>44</v>
      </c>
      <c r="B58" s="15">
        <v>51</v>
      </c>
      <c r="C58" s="16">
        <v>72</v>
      </c>
      <c r="D58" s="17">
        <v>123</v>
      </c>
    </row>
    <row r="59" spans="1:4" ht="18" customHeight="1" x14ac:dyDescent="0.2">
      <c r="A59" s="18" t="s">
        <v>57</v>
      </c>
      <c r="B59" s="15">
        <v>234</v>
      </c>
      <c r="C59" s="16">
        <v>253</v>
      </c>
      <c r="D59" s="17">
        <v>487</v>
      </c>
    </row>
    <row r="60" spans="1:4" ht="18" customHeight="1" x14ac:dyDescent="0.2">
      <c r="A60" s="14">
        <v>45</v>
      </c>
      <c r="B60" s="15">
        <v>57</v>
      </c>
      <c r="C60" s="16">
        <v>48</v>
      </c>
      <c r="D60" s="17">
        <v>105</v>
      </c>
    </row>
    <row r="61" spans="1:4" ht="18" customHeight="1" x14ac:dyDescent="0.2">
      <c r="A61" s="14">
        <v>46</v>
      </c>
      <c r="B61" s="15">
        <v>62</v>
      </c>
      <c r="C61" s="16">
        <v>58</v>
      </c>
      <c r="D61" s="17">
        <v>120</v>
      </c>
    </row>
    <row r="62" spans="1:4" ht="18" customHeight="1" x14ac:dyDescent="0.2">
      <c r="A62" s="14">
        <v>47</v>
      </c>
      <c r="B62" s="15">
        <v>58</v>
      </c>
      <c r="C62" s="16">
        <v>66</v>
      </c>
      <c r="D62" s="17">
        <v>124</v>
      </c>
    </row>
    <row r="63" spans="1:4" ht="18" customHeight="1" x14ac:dyDescent="0.2">
      <c r="A63" s="14">
        <v>48</v>
      </c>
      <c r="B63" s="15">
        <v>51</v>
      </c>
      <c r="C63" s="16">
        <v>46</v>
      </c>
      <c r="D63" s="17">
        <v>97</v>
      </c>
    </row>
    <row r="64" spans="1:4" ht="18" customHeight="1" x14ac:dyDescent="0.2">
      <c r="A64" s="14">
        <v>49</v>
      </c>
      <c r="B64" s="15">
        <v>67</v>
      </c>
      <c r="C64" s="16">
        <v>33</v>
      </c>
      <c r="D64" s="17">
        <v>100</v>
      </c>
    </row>
    <row r="65" spans="1:4" ht="18" customHeight="1" x14ac:dyDescent="0.2">
      <c r="A65" s="18" t="s">
        <v>58</v>
      </c>
      <c r="B65" s="15">
        <v>295</v>
      </c>
      <c r="C65" s="16">
        <v>251</v>
      </c>
      <c r="D65" s="17">
        <v>546</v>
      </c>
    </row>
    <row r="66" spans="1:4" ht="18" customHeight="1" x14ac:dyDescent="0.2">
      <c r="A66" s="14">
        <v>50</v>
      </c>
      <c r="B66" s="15">
        <v>48</v>
      </c>
      <c r="C66" s="16">
        <v>43</v>
      </c>
      <c r="D66" s="17">
        <v>91</v>
      </c>
    </row>
    <row r="67" spans="1:4" ht="18" customHeight="1" x14ac:dyDescent="0.2">
      <c r="A67" s="14">
        <v>51</v>
      </c>
      <c r="B67" s="15">
        <v>62</v>
      </c>
      <c r="C67" s="16">
        <v>51</v>
      </c>
      <c r="D67" s="17">
        <v>113</v>
      </c>
    </row>
    <row r="68" spans="1:4" ht="18" customHeight="1" x14ac:dyDescent="0.2">
      <c r="A68" s="14">
        <v>52</v>
      </c>
      <c r="B68" s="15">
        <v>20</v>
      </c>
      <c r="C68" s="16">
        <v>32</v>
      </c>
      <c r="D68" s="17">
        <v>52</v>
      </c>
    </row>
    <row r="69" spans="1:4" ht="18" customHeight="1" x14ac:dyDescent="0.2">
      <c r="A69" s="14">
        <v>53</v>
      </c>
      <c r="B69" s="15">
        <v>29</v>
      </c>
      <c r="C69" s="16">
        <v>42</v>
      </c>
      <c r="D69" s="17">
        <v>71</v>
      </c>
    </row>
    <row r="70" spans="1:4" ht="18" customHeight="1" x14ac:dyDescent="0.2">
      <c r="A70" s="14">
        <v>54</v>
      </c>
      <c r="B70" s="15">
        <v>47</v>
      </c>
      <c r="C70" s="16">
        <v>35</v>
      </c>
      <c r="D70" s="17">
        <v>82</v>
      </c>
    </row>
    <row r="71" spans="1:4" ht="18" customHeight="1" x14ac:dyDescent="0.2">
      <c r="A71" s="18" t="s">
        <v>59</v>
      </c>
      <c r="B71" s="15">
        <v>206</v>
      </c>
      <c r="C71" s="16">
        <v>203</v>
      </c>
      <c r="D71" s="17">
        <v>409</v>
      </c>
    </row>
    <row r="72" spans="1:4" ht="18" customHeight="1" x14ac:dyDescent="0.2">
      <c r="A72" s="14">
        <v>55</v>
      </c>
      <c r="B72" s="15">
        <v>26</v>
      </c>
      <c r="C72" s="16">
        <v>42</v>
      </c>
      <c r="D72" s="17">
        <v>68</v>
      </c>
    </row>
    <row r="73" spans="1:4" ht="18" customHeight="1" x14ac:dyDescent="0.2">
      <c r="A73" s="14">
        <v>56</v>
      </c>
      <c r="B73" s="15">
        <v>43</v>
      </c>
      <c r="C73" s="16">
        <v>32</v>
      </c>
      <c r="D73" s="17">
        <v>75</v>
      </c>
    </row>
    <row r="74" spans="1:4" ht="18" customHeight="1" x14ac:dyDescent="0.2">
      <c r="A74" s="14">
        <v>57</v>
      </c>
      <c r="B74" s="15">
        <v>37</v>
      </c>
      <c r="C74" s="16">
        <v>43</v>
      </c>
      <c r="D74" s="17">
        <v>80</v>
      </c>
    </row>
    <row r="75" spans="1:4" ht="18" customHeight="1" x14ac:dyDescent="0.2">
      <c r="A75" s="14">
        <v>58</v>
      </c>
      <c r="B75" s="15">
        <v>39</v>
      </c>
      <c r="C75" s="16">
        <v>41</v>
      </c>
      <c r="D75" s="17">
        <v>80</v>
      </c>
    </row>
    <row r="76" spans="1:4" ht="18" customHeight="1" x14ac:dyDescent="0.2">
      <c r="A76" s="14">
        <v>59</v>
      </c>
      <c r="B76" s="15">
        <v>42</v>
      </c>
      <c r="C76" s="16">
        <v>40</v>
      </c>
      <c r="D76" s="17">
        <v>82</v>
      </c>
    </row>
    <row r="77" spans="1:4" ht="18" customHeight="1" x14ac:dyDescent="0.2">
      <c r="A77" s="18" t="s">
        <v>60</v>
      </c>
      <c r="B77" s="15">
        <v>187</v>
      </c>
      <c r="C77" s="16">
        <v>198</v>
      </c>
      <c r="D77" s="17">
        <v>385</v>
      </c>
    </row>
    <row r="78" spans="1:4" ht="18" customHeight="1" x14ac:dyDescent="0.2">
      <c r="A78" s="14">
        <v>60</v>
      </c>
      <c r="B78" s="15">
        <v>43</v>
      </c>
      <c r="C78" s="16">
        <v>44</v>
      </c>
      <c r="D78" s="17">
        <v>87</v>
      </c>
    </row>
    <row r="79" spans="1:4" ht="18" customHeight="1" x14ac:dyDescent="0.2">
      <c r="A79" s="14">
        <v>61</v>
      </c>
      <c r="B79" s="15">
        <v>46</v>
      </c>
      <c r="C79" s="16">
        <v>41</v>
      </c>
      <c r="D79" s="17">
        <v>87</v>
      </c>
    </row>
    <row r="80" spans="1:4" ht="18" customHeight="1" x14ac:dyDescent="0.2">
      <c r="A80" s="14">
        <v>62</v>
      </c>
      <c r="B80" s="15">
        <v>31</v>
      </c>
      <c r="C80" s="16">
        <v>32</v>
      </c>
      <c r="D80" s="17">
        <v>63</v>
      </c>
    </row>
    <row r="81" spans="1:4" ht="18" customHeight="1" x14ac:dyDescent="0.2">
      <c r="A81" s="14">
        <v>63</v>
      </c>
      <c r="B81" s="15">
        <v>43</v>
      </c>
      <c r="C81" s="16">
        <v>34</v>
      </c>
      <c r="D81" s="17">
        <v>77</v>
      </c>
    </row>
    <row r="82" spans="1:4" ht="18" customHeight="1" x14ac:dyDescent="0.2">
      <c r="A82" s="14">
        <v>64</v>
      </c>
      <c r="B82" s="15">
        <v>37</v>
      </c>
      <c r="C82" s="16">
        <v>33</v>
      </c>
      <c r="D82" s="17">
        <v>70</v>
      </c>
    </row>
    <row r="83" spans="1:4" ht="18" customHeight="1" x14ac:dyDescent="0.2">
      <c r="A83" s="18" t="s">
        <v>61</v>
      </c>
      <c r="B83" s="15">
        <v>200</v>
      </c>
      <c r="C83" s="16">
        <v>184</v>
      </c>
      <c r="D83" s="17">
        <v>384</v>
      </c>
    </row>
    <row r="84" spans="1:4" ht="18" customHeight="1" x14ac:dyDescent="0.2">
      <c r="A84" s="18" t="s">
        <v>62</v>
      </c>
      <c r="B84" s="15">
        <v>1902</v>
      </c>
      <c r="C84" s="16">
        <v>1748</v>
      </c>
      <c r="D84" s="17">
        <v>3650</v>
      </c>
    </row>
    <row r="85" spans="1:4" ht="18" customHeight="1" x14ac:dyDescent="0.2">
      <c r="A85" s="14">
        <v>65</v>
      </c>
      <c r="B85" s="15">
        <v>38</v>
      </c>
      <c r="C85" s="16">
        <v>42</v>
      </c>
      <c r="D85" s="17">
        <v>80</v>
      </c>
    </row>
    <row r="86" spans="1:4" ht="18" customHeight="1" x14ac:dyDescent="0.2">
      <c r="A86" s="14">
        <v>66</v>
      </c>
      <c r="B86" s="15">
        <v>33</v>
      </c>
      <c r="C86" s="16">
        <v>36</v>
      </c>
      <c r="D86" s="17">
        <v>69</v>
      </c>
    </row>
    <row r="87" spans="1:4" ht="18" customHeight="1" x14ac:dyDescent="0.2">
      <c r="A87" s="14">
        <v>67</v>
      </c>
      <c r="B87" s="15">
        <v>37</v>
      </c>
      <c r="C87" s="16">
        <v>37</v>
      </c>
      <c r="D87" s="17">
        <v>74</v>
      </c>
    </row>
    <row r="88" spans="1:4" ht="18" customHeight="1" x14ac:dyDescent="0.2">
      <c r="A88" s="14">
        <v>68</v>
      </c>
      <c r="B88" s="15">
        <v>43</v>
      </c>
      <c r="C88" s="16">
        <v>57</v>
      </c>
      <c r="D88" s="17">
        <v>100</v>
      </c>
    </row>
    <row r="89" spans="1:4" ht="18" customHeight="1" x14ac:dyDescent="0.2">
      <c r="A89" s="14">
        <v>69</v>
      </c>
      <c r="B89" s="15">
        <v>42</v>
      </c>
      <c r="C89" s="16">
        <v>49</v>
      </c>
      <c r="D89" s="17">
        <v>91</v>
      </c>
    </row>
    <row r="90" spans="1:4" ht="18" customHeight="1" x14ac:dyDescent="0.2">
      <c r="A90" s="18" t="s">
        <v>63</v>
      </c>
      <c r="B90" s="15">
        <v>193</v>
      </c>
      <c r="C90" s="16">
        <v>221</v>
      </c>
      <c r="D90" s="17">
        <v>414</v>
      </c>
    </row>
    <row r="91" spans="1:4" ht="18" customHeight="1" x14ac:dyDescent="0.2">
      <c r="A91" s="14">
        <v>70</v>
      </c>
      <c r="B91" s="15">
        <v>44</v>
      </c>
      <c r="C91" s="16">
        <v>61</v>
      </c>
      <c r="D91" s="17">
        <v>105</v>
      </c>
    </row>
    <row r="92" spans="1:4" ht="18" customHeight="1" x14ac:dyDescent="0.2">
      <c r="A92" s="14">
        <v>71</v>
      </c>
      <c r="B92" s="15">
        <v>60</v>
      </c>
      <c r="C92" s="16">
        <v>71</v>
      </c>
      <c r="D92" s="17">
        <v>131</v>
      </c>
    </row>
    <row r="93" spans="1:4" ht="18" customHeight="1" x14ac:dyDescent="0.2">
      <c r="A93" s="14">
        <v>72</v>
      </c>
      <c r="B93" s="15">
        <v>17</v>
      </c>
      <c r="C93" s="16">
        <v>29</v>
      </c>
      <c r="D93" s="17">
        <v>46</v>
      </c>
    </row>
    <row r="94" spans="1:4" ht="18" customHeight="1" x14ac:dyDescent="0.2">
      <c r="A94" s="14">
        <v>73</v>
      </c>
      <c r="B94" s="15">
        <v>33</v>
      </c>
      <c r="C94" s="16">
        <v>33</v>
      </c>
      <c r="D94" s="17">
        <v>66</v>
      </c>
    </row>
    <row r="95" spans="1:4" ht="18" customHeight="1" x14ac:dyDescent="0.2">
      <c r="A95" s="14">
        <v>74</v>
      </c>
      <c r="B95" s="15">
        <v>39</v>
      </c>
      <c r="C95" s="16">
        <v>62</v>
      </c>
      <c r="D95" s="17">
        <v>101</v>
      </c>
    </row>
    <row r="96" spans="1:4" ht="18" customHeight="1" x14ac:dyDescent="0.2">
      <c r="A96" s="18" t="s">
        <v>64</v>
      </c>
      <c r="B96" s="15">
        <v>193</v>
      </c>
      <c r="C96" s="16">
        <v>256</v>
      </c>
      <c r="D96" s="17">
        <v>449</v>
      </c>
    </row>
    <row r="97" spans="1:4" ht="18" customHeight="1" x14ac:dyDescent="0.2">
      <c r="A97" s="14">
        <v>75</v>
      </c>
      <c r="B97" s="15">
        <v>30</v>
      </c>
      <c r="C97" s="16">
        <v>34</v>
      </c>
      <c r="D97" s="17">
        <v>64</v>
      </c>
    </row>
    <row r="98" spans="1:4" ht="18" customHeight="1" x14ac:dyDescent="0.2">
      <c r="A98" s="14">
        <v>76</v>
      </c>
      <c r="B98" s="15">
        <v>43</v>
      </c>
      <c r="C98" s="16">
        <v>52</v>
      </c>
      <c r="D98" s="17">
        <v>95</v>
      </c>
    </row>
    <row r="99" spans="1:4" ht="18" customHeight="1" x14ac:dyDescent="0.2">
      <c r="A99" s="14">
        <v>77</v>
      </c>
      <c r="B99" s="15">
        <v>33</v>
      </c>
      <c r="C99" s="16">
        <v>55</v>
      </c>
      <c r="D99" s="17">
        <v>88</v>
      </c>
    </row>
    <row r="100" spans="1:4" ht="18" customHeight="1" x14ac:dyDescent="0.2">
      <c r="A100" s="14">
        <v>78</v>
      </c>
      <c r="B100" s="15">
        <v>33</v>
      </c>
      <c r="C100" s="16">
        <v>39</v>
      </c>
      <c r="D100" s="17">
        <v>72</v>
      </c>
    </row>
    <row r="101" spans="1:4" ht="18" customHeight="1" x14ac:dyDescent="0.2">
      <c r="A101" s="14">
        <v>79</v>
      </c>
      <c r="B101" s="15">
        <v>24</v>
      </c>
      <c r="C101" s="16">
        <v>37</v>
      </c>
      <c r="D101" s="17">
        <v>61</v>
      </c>
    </row>
    <row r="102" spans="1:4" ht="18" customHeight="1" x14ac:dyDescent="0.2">
      <c r="A102" s="18" t="s">
        <v>65</v>
      </c>
      <c r="B102" s="15">
        <v>163</v>
      </c>
      <c r="C102" s="16">
        <v>217</v>
      </c>
      <c r="D102" s="17">
        <v>380</v>
      </c>
    </row>
    <row r="103" spans="1:4" ht="18" customHeight="1" x14ac:dyDescent="0.2">
      <c r="A103" s="14">
        <v>80</v>
      </c>
      <c r="B103" s="15">
        <v>24</v>
      </c>
      <c r="C103" s="16">
        <v>36</v>
      </c>
      <c r="D103" s="17">
        <v>60</v>
      </c>
    </row>
    <row r="104" spans="1:4" ht="18" customHeight="1" x14ac:dyDescent="0.2">
      <c r="A104" s="14">
        <v>81</v>
      </c>
      <c r="B104" s="15">
        <v>19</v>
      </c>
      <c r="C104" s="16">
        <v>50</v>
      </c>
      <c r="D104" s="17">
        <v>69</v>
      </c>
    </row>
    <row r="105" spans="1:4" ht="18" customHeight="1" x14ac:dyDescent="0.2">
      <c r="A105" s="14">
        <v>82</v>
      </c>
      <c r="B105" s="15">
        <v>17</v>
      </c>
      <c r="C105" s="16">
        <v>38</v>
      </c>
      <c r="D105" s="17">
        <v>55</v>
      </c>
    </row>
    <row r="106" spans="1:4" ht="18" customHeight="1" x14ac:dyDescent="0.2">
      <c r="A106" s="14">
        <v>83</v>
      </c>
      <c r="B106" s="15">
        <v>24</v>
      </c>
      <c r="C106" s="16">
        <v>38</v>
      </c>
      <c r="D106" s="17">
        <v>62</v>
      </c>
    </row>
    <row r="107" spans="1:4" ht="18" customHeight="1" x14ac:dyDescent="0.2">
      <c r="A107" s="14">
        <v>84</v>
      </c>
      <c r="B107" s="15">
        <v>27</v>
      </c>
      <c r="C107" s="16">
        <v>35</v>
      </c>
      <c r="D107" s="17">
        <v>62</v>
      </c>
    </row>
    <row r="108" spans="1:4" ht="18" customHeight="1" x14ac:dyDescent="0.2">
      <c r="A108" s="18" t="s">
        <v>66</v>
      </c>
      <c r="B108" s="15">
        <v>111</v>
      </c>
      <c r="C108" s="16">
        <v>197</v>
      </c>
      <c r="D108" s="17">
        <v>308</v>
      </c>
    </row>
    <row r="109" spans="1:4" ht="18" customHeight="1" x14ac:dyDescent="0.2">
      <c r="A109" s="14">
        <v>85</v>
      </c>
      <c r="B109" s="15">
        <v>15</v>
      </c>
      <c r="C109" s="16">
        <v>37</v>
      </c>
      <c r="D109" s="17">
        <v>52</v>
      </c>
    </row>
    <row r="110" spans="1:4" ht="18" customHeight="1" x14ac:dyDescent="0.2">
      <c r="A110" s="14">
        <v>86</v>
      </c>
      <c r="B110" s="15">
        <v>17</v>
      </c>
      <c r="C110" s="16">
        <v>50</v>
      </c>
      <c r="D110" s="17">
        <v>67</v>
      </c>
    </row>
    <row r="111" spans="1:4" ht="18" customHeight="1" x14ac:dyDescent="0.2">
      <c r="A111" s="14">
        <v>87</v>
      </c>
      <c r="B111" s="15">
        <v>19</v>
      </c>
      <c r="C111" s="16">
        <v>34</v>
      </c>
      <c r="D111" s="17">
        <v>53</v>
      </c>
    </row>
    <row r="112" spans="1:4" ht="18" customHeight="1" x14ac:dyDescent="0.2">
      <c r="A112" s="14">
        <v>88</v>
      </c>
      <c r="B112" s="15">
        <v>10</v>
      </c>
      <c r="C112" s="16">
        <v>24</v>
      </c>
      <c r="D112" s="17">
        <v>34</v>
      </c>
    </row>
    <row r="113" spans="1:4" ht="18" customHeight="1" x14ac:dyDescent="0.2">
      <c r="A113" s="14">
        <v>89</v>
      </c>
      <c r="B113" s="15">
        <v>17</v>
      </c>
      <c r="C113" s="16">
        <v>27</v>
      </c>
      <c r="D113" s="17">
        <v>44</v>
      </c>
    </row>
    <row r="114" spans="1:4" ht="18" customHeight="1" x14ac:dyDescent="0.2">
      <c r="A114" s="18" t="s">
        <v>67</v>
      </c>
      <c r="B114" s="15">
        <v>78</v>
      </c>
      <c r="C114" s="16">
        <v>172</v>
      </c>
      <c r="D114" s="17">
        <v>250</v>
      </c>
    </row>
    <row r="115" spans="1:4" ht="18" customHeight="1" x14ac:dyDescent="0.2">
      <c r="A115" s="14">
        <v>90</v>
      </c>
      <c r="B115" s="15">
        <v>10</v>
      </c>
      <c r="C115" s="16">
        <v>25</v>
      </c>
      <c r="D115" s="17">
        <v>35</v>
      </c>
    </row>
    <row r="116" spans="1:4" ht="18" customHeight="1" x14ac:dyDescent="0.2">
      <c r="A116" s="14">
        <v>91</v>
      </c>
      <c r="B116" s="15">
        <v>9</v>
      </c>
      <c r="C116" s="16">
        <v>27</v>
      </c>
      <c r="D116" s="17">
        <v>36</v>
      </c>
    </row>
    <row r="117" spans="1:4" ht="18" customHeight="1" x14ac:dyDescent="0.2">
      <c r="A117" s="14">
        <v>92</v>
      </c>
      <c r="B117" s="15">
        <v>4</v>
      </c>
      <c r="C117" s="16">
        <v>23</v>
      </c>
      <c r="D117" s="17">
        <v>27</v>
      </c>
    </row>
    <row r="118" spans="1:4" ht="18" customHeight="1" x14ac:dyDescent="0.2">
      <c r="A118" s="14">
        <v>93</v>
      </c>
      <c r="B118" s="15">
        <v>5</v>
      </c>
      <c r="C118" s="16">
        <v>16</v>
      </c>
      <c r="D118" s="17">
        <v>21</v>
      </c>
    </row>
    <row r="119" spans="1:4" ht="18" customHeight="1" x14ac:dyDescent="0.2">
      <c r="A119" s="14">
        <v>94</v>
      </c>
      <c r="B119" s="15">
        <v>5</v>
      </c>
      <c r="C119" s="16">
        <v>13</v>
      </c>
      <c r="D119" s="17">
        <v>18</v>
      </c>
    </row>
    <row r="120" spans="1:4" ht="18" customHeight="1" x14ac:dyDescent="0.2">
      <c r="A120" s="18" t="s">
        <v>68</v>
      </c>
      <c r="B120" s="15">
        <v>33</v>
      </c>
      <c r="C120" s="16">
        <v>104</v>
      </c>
      <c r="D120" s="17">
        <v>137</v>
      </c>
    </row>
    <row r="121" spans="1:4" ht="18" customHeight="1" x14ac:dyDescent="0.2">
      <c r="A121" s="14">
        <v>95</v>
      </c>
      <c r="B121" s="15">
        <v>3</v>
      </c>
      <c r="C121" s="16">
        <v>8</v>
      </c>
      <c r="D121" s="17">
        <v>11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2</v>
      </c>
      <c r="C123" s="16">
        <v>10</v>
      </c>
      <c r="D123" s="17">
        <v>12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8</v>
      </c>
      <c r="C126" s="16">
        <v>26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779</v>
      </c>
      <c r="C130" s="5">
        <v>1199</v>
      </c>
      <c r="D130" s="6">
        <v>1978</v>
      </c>
    </row>
    <row r="131" spans="1:4" ht="18" customHeight="1" x14ac:dyDescent="0.2">
      <c r="A131" s="20" t="s">
        <v>47</v>
      </c>
      <c r="B131" s="7">
        <v>3060</v>
      </c>
      <c r="C131" s="8">
        <v>3338</v>
      </c>
      <c r="D131" s="9">
        <v>63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4</v>
      </c>
      <c r="C5" s="12">
        <v>40</v>
      </c>
      <c r="D5" s="13">
        <v>84</v>
      </c>
    </row>
    <row r="6" spans="1:10" ht="18" customHeight="1" x14ac:dyDescent="0.2">
      <c r="A6" s="14">
        <v>1</v>
      </c>
      <c r="B6" s="15">
        <v>32</v>
      </c>
      <c r="C6" s="16">
        <v>39</v>
      </c>
      <c r="D6" s="17">
        <v>71</v>
      </c>
    </row>
    <row r="7" spans="1:10" ht="18" customHeight="1" x14ac:dyDescent="0.2">
      <c r="A7" s="14">
        <v>2</v>
      </c>
      <c r="B7" s="15">
        <v>57</v>
      </c>
      <c r="C7" s="16">
        <v>52</v>
      </c>
      <c r="D7" s="17">
        <v>109</v>
      </c>
    </row>
    <row r="8" spans="1:10" ht="18" customHeight="1" x14ac:dyDescent="0.2">
      <c r="A8" s="14">
        <v>3</v>
      </c>
      <c r="B8" s="15">
        <v>47</v>
      </c>
      <c r="C8" s="16">
        <v>37</v>
      </c>
      <c r="D8" s="17">
        <v>84</v>
      </c>
    </row>
    <row r="9" spans="1:10" ht="18" customHeight="1" x14ac:dyDescent="0.2">
      <c r="A9" s="14">
        <v>4</v>
      </c>
      <c r="B9" s="15">
        <v>35</v>
      </c>
      <c r="C9" s="16">
        <v>48</v>
      </c>
      <c r="D9" s="17">
        <v>83</v>
      </c>
    </row>
    <row r="10" spans="1:10" ht="18" customHeight="1" x14ac:dyDescent="0.2">
      <c r="A10" s="18" t="s">
        <v>48</v>
      </c>
      <c r="B10" s="15">
        <v>215</v>
      </c>
      <c r="C10" s="16">
        <v>216</v>
      </c>
      <c r="D10" s="17">
        <v>431</v>
      </c>
    </row>
    <row r="11" spans="1:10" ht="18" customHeight="1" x14ac:dyDescent="0.2">
      <c r="A11" s="14">
        <v>5</v>
      </c>
      <c r="B11" s="15">
        <v>60</v>
      </c>
      <c r="C11" s="16">
        <v>55</v>
      </c>
      <c r="D11" s="17">
        <v>115</v>
      </c>
    </row>
    <row r="12" spans="1:10" ht="18" customHeight="1" x14ac:dyDescent="0.2">
      <c r="A12" s="14">
        <v>6</v>
      </c>
      <c r="B12" s="15">
        <v>53</v>
      </c>
      <c r="C12" s="16">
        <v>57</v>
      </c>
      <c r="D12" s="17">
        <v>110</v>
      </c>
    </row>
    <row r="13" spans="1:10" ht="18" customHeight="1" x14ac:dyDescent="0.2">
      <c r="A13" s="14">
        <v>7</v>
      </c>
      <c r="B13" s="15">
        <v>50</v>
      </c>
      <c r="C13" s="16">
        <v>52</v>
      </c>
      <c r="D13" s="17">
        <v>102</v>
      </c>
    </row>
    <row r="14" spans="1:10" ht="18" customHeight="1" x14ac:dyDescent="0.2">
      <c r="A14" s="14">
        <v>8</v>
      </c>
      <c r="B14" s="15">
        <v>66</v>
      </c>
      <c r="C14" s="16">
        <v>41</v>
      </c>
      <c r="D14" s="17">
        <v>107</v>
      </c>
    </row>
    <row r="15" spans="1:10" ht="18" customHeight="1" x14ac:dyDescent="0.2">
      <c r="A15" s="14">
        <v>9</v>
      </c>
      <c r="B15" s="15">
        <v>49</v>
      </c>
      <c r="C15" s="16">
        <v>36</v>
      </c>
      <c r="D15" s="17">
        <v>85</v>
      </c>
    </row>
    <row r="16" spans="1:10" ht="18" customHeight="1" x14ac:dyDescent="0.2">
      <c r="A16" s="18" t="s">
        <v>49</v>
      </c>
      <c r="B16" s="15">
        <v>278</v>
      </c>
      <c r="C16" s="16">
        <v>241</v>
      </c>
      <c r="D16" s="17">
        <v>519</v>
      </c>
    </row>
    <row r="17" spans="1:4" ht="18" customHeight="1" x14ac:dyDescent="0.2">
      <c r="A17" s="14">
        <v>10</v>
      </c>
      <c r="B17" s="15">
        <v>36</v>
      </c>
      <c r="C17" s="16">
        <v>60</v>
      </c>
      <c r="D17" s="17">
        <v>96</v>
      </c>
    </row>
    <row r="18" spans="1:4" ht="18" customHeight="1" x14ac:dyDescent="0.2">
      <c r="A18" s="14">
        <v>11</v>
      </c>
      <c r="B18" s="15">
        <v>52</v>
      </c>
      <c r="C18" s="16">
        <v>52</v>
      </c>
      <c r="D18" s="17">
        <v>104</v>
      </c>
    </row>
    <row r="19" spans="1:4" ht="18" customHeight="1" x14ac:dyDescent="0.2">
      <c r="A19" s="14">
        <v>12</v>
      </c>
      <c r="B19" s="15">
        <v>49</v>
      </c>
      <c r="C19" s="16">
        <v>40</v>
      </c>
      <c r="D19" s="17">
        <v>89</v>
      </c>
    </row>
    <row r="20" spans="1:4" ht="18" customHeight="1" x14ac:dyDescent="0.2">
      <c r="A20" s="14">
        <v>13</v>
      </c>
      <c r="B20" s="15">
        <v>47</v>
      </c>
      <c r="C20" s="16">
        <v>42</v>
      </c>
      <c r="D20" s="17">
        <v>89</v>
      </c>
    </row>
    <row r="21" spans="1:4" ht="18" customHeight="1" x14ac:dyDescent="0.2">
      <c r="A21" s="14">
        <v>14</v>
      </c>
      <c r="B21" s="15">
        <v>43</v>
      </c>
      <c r="C21" s="16">
        <v>48</v>
      </c>
      <c r="D21" s="17">
        <v>91</v>
      </c>
    </row>
    <row r="22" spans="1:4" ht="18" customHeight="1" x14ac:dyDescent="0.2">
      <c r="A22" s="18" t="s">
        <v>50</v>
      </c>
      <c r="B22" s="15">
        <v>227</v>
      </c>
      <c r="C22" s="16">
        <v>242</v>
      </c>
      <c r="D22" s="17">
        <v>469</v>
      </c>
    </row>
    <row r="23" spans="1:4" ht="18" customHeight="1" x14ac:dyDescent="0.2">
      <c r="A23" s="18" t="s">
        <v>51</v>
      </c>
      <c r="B23" s="15">
        <v>720</v>
      </c>
      <c r="C23" s="16">
        <v>699</v>
      </c>
      <c r="D23" s="17">
        <v>1419</v>
      </c>
    </row>
    <row r="24" spans="1:4" ht="18" customHeight="1" x14ac:dyDescent="0.2">
      <c r="A24" s="14">
        <v>15</v>
      </c>
      <c r="B24" s="15">
        <v>54</v>
      </c>
      <c r="C24" s="16">
        <v>40</v>
      </c>
      <c r="D24" s="17">
        <v>94</v>
      </c>
    </row>
    <row r="25" spans="1:4" ht="18" customHeight="1" x14ac:dyDescent="0.2">
      <c r="A25" s="14">
        <v>16</v>
      </c>
      <c r="B25" s="15">
        <v>62</v>
      </c>
      <c r="C25" s="16">
        <v>56</v>
      </c>
      <c r="D25" s="17">
        <v>118</v>
      </c>
    </row>
    <row r="26" spans="1:4" ht="18" customHeight="1" x14ac:dyDescent="0.2">
      <c r="A26" s="14">
        <v>17</v>
      </c>
      <c r="B26" s="15">
        <v>66</v>
      </c>
      <c r="C26" s="16">
        <v>48</v>
      </c>
      <c r="D26" s="17">
        <v>114</v>
      </c>
    </row>
    <row r="27" spans="1:4" ht="18" customHeight="1" x14ac:dyDescent="0.2">
      <c r="A27" s="14">
        <v>18</v>
      </c>
      <c r="B27" s="15">
        <v>59</v>
      </c>
      <c r="C27" s="16">
        <v>48</v>
      </c>
      <c r="D27" s="17">
        <v>107</v>
      </c>
    </row>
    <row r="28" spans="1:4" ht="18" customHeight="1" x14ac:dyDescent="0.2">
      <c r="A28" s="14">
        <v>19</v>
      </c>
      <c r="B28" s="15">
        <v>48</v>
      </c>
      <c r="C28" s="16">
        <v>59</v>
      </c>
      <c r="D28" s="17">
        <v>107</v>
      </c>
    </row>
    <row r="29" spans="1:4" ht="18" customHeight="1" x14ac:dyDescent="0.2">
      <c r="A29" s="18" t="s">
        <v>52</v>
      </c>
      <c r="B29" s="15">
        <v>289</v>
      </c>
      <c r="C29" s="16">
        <v>251</v>
      </c>
      <c r="D29" s="17">
        <v>540</v>
      </c>
    </row>
    <row r="30" spans="1:4" ht="18" customHeight="1" x14ac:dyDescent="0.2">
      <c r="A30" s="14">
        <v>20</v>
      </c>
      <c r="B30" s="15">
        <v>52</v>
      </c>
      <c r="C30" s="16">
        <v>56</v>
      </c>
      <c r="D30" s="17">
        <v>108</v>
      </c>
    </row>
    <row r="31" spans="1:4" ht="18" customHeight="1" x14ac:dyDescent="0.2">
      <c r="A31" s="14">
        <v>21</v>
      </c>
      <c r="B31" s="15">
        <v>52</v>
      </c>
      <c r="C31" s="16">
        <v>59</v>
      </c>
      <c r="D31" s="17">
        <v>111</v>
      </c>
    </row>
    <row r="32" spans="1:4" ht="18" customHeight="1" x14ac:dyDescent="0.2">
      <c r="A32" s="14">
        <v>22</v>
      </c>
      <c r="B32" s="15">
        <v>46</v>
      </c>
      <c r="C32" s="16">
        <v>48</v>
      </c>
      <c r="D32" s="17">
        <v>94</v>
      </c>
    </row>
    <row r="33" spans="1:4" ht="18" customHeight="1" x14ac:dyDescent="0.2">
      <c r="A33" s="14">
        <v>23</v>
      </c>
      <c r="B33" s="15">
        <v>51</v>
      </c>
      <c r="C33" s="16">
        <v>48</v>
      </c>
      <c r="D33" s="17">
        <v>99</v>
      </c>
    </row>
    <row r="34" spans="1:4" ht="18" customHeight="1" x14ac:dyDescent="0.2">
      <c r="A34" s="14">
        <v>24</v>
      </c>
      <c r="B34" s="15">
        <v>44</v>
      </c>
      <c r="C34" s="16">
        <v>44</v>
      </c>
      <c r="D34" s="17">
        <v>88</v>
      </c>
    </row>
    <row r="35" spans="1:4" ht="18" customHeight="1" x14ac:dyDescent="0.2">
      <c r="A35" s="18" t="s">
        <v>53</v>
      </c>
      <c r="B35" s="15">
        <v>245</v>
      </c>
      <c r="C35" s="16">
        <v>255</v>
      </c>
      <c r="D35" s="17">
        <v>500</v>
      </c>
    </row>
    <row r="36" spans="1:4" ht="18" customHeight="1" x14ac:dyDescent="0.2">
      <c r="A36" s="14">
        <v>25</v>
      </c>
      <c r="B36" s="15">
        <v>40</v>
      </c>
      <c r="C36" s="16">
        <v>59</v>
      </c>
      <c r="D36" s="17">
        <v>99</v>
      </c>
    </row>
    <row r="37" spans="1:4" ht="18" customHeight="1" x14ac:dyDescent="0.2">
      <c r="A37" s="14">
        <v>26</v>
      </c>
      <c r="B37" s="15">
        <v>44</v>
      </c>
      <c r="C37" s="16">
        <v>43</v>
      </c>
      <c r="D37" s="17">
        <v>87</v>
      </c>
    </row>
    <row r="38" spans="1:4" ht="18" customHeight="1" x14ac:dyDescent="0.2">
      <c r="A38" s="14">
        <v>27</v>
      </c>
      <c r="B38" s="15">
        <v>46</v>
      </c>
      <c r="C38" s="16">
        <v>47</v>
      </c>
      <c r="D38" s="17">
        <v>93</v>
      </c>
    </row>
    <row r="39" spans="1:4" ht="18" customHeight="1" x14ac:dyDescent="0.2">
      <c r="A39" s="14">
        <v>28</v>
      </c>
      <c r="B39" s="15">
        <v>56</v>
      </c>
      <c r="C39" s="16">
        <v>46</v>
      </c>
      <c r="D39" s="17">
        <v>102</v>
      </c>
    </row>
    <row r="40" spans="1:4" ht="18" customHeight="1" x14ac:dyDescent="0.2">
      <c r="A40" s="14">
        <v>29</v>
      </c>
      <c r="B40" s="15">
        <v>50</v>
      </c>
      <c r="C40" s="16">
        <v>49</v>
      </c>
      <c r="D40" s="17">
        <v>99</v>
      </c>
    </row>
    <row r="41" spans="1:4" ht="18" customHeight="1" x14ac:dyDescent="0.2">
      <c r="A41" s="18" t="s">
        <v>54</v>
      </c>
      <c r="B41" s="15">
        <v>236</v>
      </c>
      <c r="C41" s="16">
        <v>244</v>
      </c>
      <c r="D41" s="17">
        <v>480</v>
      </c>
    </row>
    <row r="42" spans="1:4" ht="18" customHeight="1" x14ac:dyDescent="0.2">
      <c r="A42" s="14">
        <v>30</v>
      </c>
      <c r="B42" s="15">
        <v>62</v>
      </c>
      <c r="C42" s="16">
        <v>55</v>
      </c>
      <c r="D42" s="17">
        <v>117</v>
      </c>
    </row>
    <row r="43" spans="1:4" ht="18" customHeight="1" x14ac:dyDescent="0.2">
      <c r="A43" s="14">
        <v>31</v>
      </c>
      <c r="B43" s="15">
        <v>51</v>
      </c>
      <c r="C43" s="16">
        <v>46</v>
      </c>
      <c r="D43" s="17">
        <v>97</v>
      </c>
    </row>
    <row r="44" spans="1:4" ht="18" customHeight="1" x14ac:dyDescent="0.2">
      <c r="A44" s="14">
        <v>32</v>
      </c>
      <c r="B44" s="15">
        <v>63</v>
      </c>
      <c r="C44" s="16">
        <v>58</v>
      </c>
      <c r="D44" s="17">
        <v>121</v>
      </c>
    </row>
    <row r="45" spans="1:4" ht="18" customHeight="1" x14ac:dyDescent="0.2">
      <c r="A45" s="14">
        <v>33</v>
      </c>
      <c r="B45" s="15">
        <v>49</v>
      </c>
      <c r="C45" s="16">
        <v>58</v>
      </c>
      <c r="D45" s="17">
        <v>107</v>
      </c>
    </row>
    <row r="46" spans="1:4" ht="18" customHeight="1" x14ac:dyDescent="0.2">
      <c r="A46" s="14">
        <v>34</v>
      </c>
      <c r="B46" s="15">
        <v>73</v>
      </c>
      <c r="C46" s="16">
        <v>59</v>
      </c>
      <c r="D46" s="17">
        <v>132</v>
      </c>
    </row>
    <row r="47" spans="1:4" ht="18" customHeight="1" x14ac:dyDescent="0.2">
      <c r="A47" s="18" t="s">
        <v>55</v>
      </c>
      <c r="B47" s="15">
        <v>298</v>
      </c>
      <c r="C47" s="16">
        <v>276</v>
      </c>
      <c r="D47" s="17">
        <v>574</v>
      </c>
    </row>
    <row r="48" spans="1:4" ht="18" customHeight="1" x14ac:dyDescent="0.2">
      <c r="A48" s="14">
        <v>35</v>
      </c>
      <c r="B48" s="15">
        <v>70</v>
      </c>
      <c r="C48" s="16">
        <v>63</v>
      </c>
      <c r="D48" s="17">
        <v>133</v>
      </c>
    </row>
    <row r="49" spans="1:4" ht="18" customHeight="1" x14ac:dyDescent="0.2">
      <c r="A49" s="14">
        <v>36</v>
      </c>
      <c r="B49" s="15">
        <v>60</v>
      </c>
      <c r="C49" s="16">
        <v>72</v>
      </c>
      <c r="D49" s="17">
        <v>132</v>
      </c>
    </row>
    <row r="50" spans="1:4" ht="18" customHeight="1" x14ac:dyDescent="0.2">
      <c r="A50" s="14">
        <v>37</v>
      </c>
      <c r="B50" s="15">
        <v>68</v>
      </c>
      <c r="C50" s="16">
        <v>79</v>
      </c>
      <c r="D50" s="17">
        <v>147</v>
      </c>
    </row>
    <row r="51" spans="1:4" ht="18" customHeight="1" x14ac:dyDescent="0.2">
      <c r="A51" s="14">
        <v>38</v>
      </c>
      <c r="B51" s="15">
        <v>68</v>
      </c>
      <c r="C51" s="16">
        <v>66</v>
      </c>
      <c r="D51" s="17">
        <v>134</v>
      </c>
    </row>
    <row r="52" spans="1:4" ht="18" customHeight="1" x14ac:dyDescent="0.2">
      <c r="A52" s="14">
        <v>39</v>
      </c>
      <c r="B52" s="15">
        <v>68</v>
      </c>
      <c r="C52" s="16">
        <v>62</v>
      </c>
      <c r="D52" s="17">
        <v>130</v>
      </c>
    </row>
    <row r="53" spans="1:4" ht="18" customHeight="1" x14ac:dyDescent="0.2">
      <c r="A53" s="18" t="s">
        <v>56</v>
      </c>
      <c r="B53" s="15">
        <v>334</v>
      </c>
      <c r="C53" s="16">
        <v>342</v>
      </c>
      <c r="D53" s="17">
        <v>676</v>
      </c>
    </row>
    <row r="54" spans="1:4" ht="18" customHeight="1" x14ac:dyDescent="0.2">
      <c r="A54" s="14">
        <v>40</v>
      </c>
      <c r="B54" s="15">
        <v>73</v>
      </c>
      <c r="C54" s="16">
        <v>76</v>
      </c>
      <c r="D54" s="17">
        <v>149</v>
      </c>
    </row>
    <row r="55" spans="1:4" ht="18" customHeight="1" x14ac:dyDescent="0.2">
      <c r="A55" s="14">
        <v>41</v>
      </c>
      <c r="B55" s="15">
        <v>79</v>
      </c>
      <c r="C55" s="16">
        <v>79</v>
      </c>
      <c r="D55" s="17">
        <v>158</v>
      </c>
    </row>
    <row r="56" spans="1:4" ht="18" customHeight="1" x14ac:dyDescent="0.2">
      <c r="A56" s="14">
        <v>42</v>
      </c>
      <c r="B56" s="15">
        <v>88</v>
      </c>
      <c r="C56" s="16">
        <v>87</v>
      </c>
      <c r="D56" s="17">
        <v>175</v>
      </c>
    </row>
    <row r="57" spans="1:4" ht="18" customHeight="1" x14ac:dyDescent="0.2">
      <c r="A57" s="14">
        <v>43</v>
      </c>
      <c r="B57" s="15">
        <v>81</v>
      </c>
      <c r="C57" s="16">
        <v>104</v>
      </c>
      <c r="D57" s="17">
        <v>185</v>
      </c>
    </row>
    <row r="58" spans="1:4" ht="18" customHeight="1" x14ac:dyDescent="0.2">
      <c r="A58" s="14">
        <v>44</v>
      </c>
      <c r="B58" s="15">
        <v>104</v>
      </c>
      <c r="C58" s="16">
        <v>101</v>
      </c>
      <c r="D58" s="17">
        <v>205</v>
      </c>
    </row>
    <row r="59" spans="1:4" ht="18" customHeight="1" x14ac:dyDescent="0.2">
      <c r="A59" s="18" t="s">
        <v>57</v>
      </c>
      <c r="B59" s="15">
        <v>425</v>
      </c>
      <c r="C59" s="16">
        <v>447</v>
      </c>
      <c r="D59" s="17">
        <v>872</v>
      </c>
    </row>
    <row r="60" spans="1:4" ht="18" customHeight="1" x14ac:dyDescent="0.2">
      <c r="A60" s="14">
        <v>45</v>
      </c>
      <c r="B60" s="15">
        <v>90</v>
      </c>
      <c r="C60" s="16">
        <v>99</v>
      </c>
      <c r="D60" s="17">
        <v>189</v>
      </c>
    </row>
    <row r="61" spans="1:4" ht="18" customHeight="1" x14ac:dyDescent="0.2">
      <c r="A61" s="14">
        <v>46</v>
      </c>
      <c r="B61" s="15">
        <v>124</v>
      </c>
      <c r="C61" s="16">
        <v>112</v>
      </c>
      <c r="D61" s="17">
        <v>236</v>
      </c>
    </row>
    <row r="62" spans="1:4" ht="18" customHeight="1" x14ac:dyDescent="0.2">
      <c r="A62" s="14">
        <v>47</v>
      </c>
      <c r="B62" s="15">
        <v>111</v>
      </c>
      <c r="C62" s="16">
        <v>114</v>
      </c>
      <c r="D62" s="17">
        <v>225</v>
      </c>
    </row>
    <row r="63" spans="1:4" ht="18" customHeight="1" x14ac:dyDescent="0.2">
      <c r="A63" s="14">
        <v>48</v>
      </c>
      <c r="B63" s="15">
        <v>99</v>
      </c>
      <c r="C63" s="16">
        <v>116</v>
      </c>
      <c r="D63" s="17">
        <v>215</v>
      </c>
    </row>
    <row r="64" spans="1:4" ht="18" customHeight="1" x14ac:dyDescent="0.2">
      <c r="A64" s="14">
        <v>49</v>
      </c>
      <c r="B64" s="15">
        <v>93</v>
      </c>
      <c r="C64" s="16">
        <v>92</v>
      </c>
      <c r="D64" s="17">
        <v>185</v>
      </c>
    </row>
    <row r="65" spans="1:4" ht="18" customHeight="1" x14ac:dyDescent="0.2">
      <c r="A65" s="18" t="s">
        <v>58</v>
      </c>
      <c r="B65" s="15">
        <v>517</v>
      </c>
      <c r="C65" s="16">
        <v>533</v>
      </c>
      <c r="D65" s="17">
        <v>1050</v>
      </c>
    </row>
    <row r="66" spans="1:4" ht="18" customHeight="1" x14ac:dyDescent="0.2">
      <c r="A66" s="14">
        <v>50</v>
      </c>
      <c r="B66" s="15">
        <v>98</v>
      </c>
      <c r="C66" s="16">
        <v>109</v>
      </c>
      <c r="D66" s="17">
        <v>207</v>
      </c>
    </row>
    <row r="67" spans="1:4" ht="18" customHeight="1" x14ac:dyDescent="0.2">
      <c r="A67" s="14">
        <v>51</v>
      </c>
      <c r="B67" s="15">
        <v>106</v>
      </c>
      <c r="C67" s="16">
        <v>95</v>
      </c>
      <c r="D67" s="17">
        <v>201</v>
      </c>
    </row>
    <row r="68" spans="1:4" ht="18" customHeight="1" x14ac:dyDescent="0.2">
      <c r="A68" s="14">
        <v>52</v>
      </c>
      <c r="B68" s="15">
        <v>66</v>
      </c>
      <c r="C68" s="16">
        <v>59</v>
      </c>
      <c r="D68" s="17">
        <v>125</v>
      </c>
    </row>
    <row r="69" spans="1:4" ht="18" customHeight="1" x14ac:dyDescent="0.2">
      <c r="A69" s="14">
        <v>53</v>
      </c>
      <c r="B69" s="15">
        <v>86</v>
      </c>
      <c r="C69" s="16">
        <v>97</v>
      </c>
      <c r="D69" s="17">
        <v>183</v>
      </c>
    </row>
    <row r="70" spans="1:4" ht="18" customHeight="1" x14ac:dyDescent="0.2">
      <c r="A70" s="14">
        <v>54</v>
      </c>
      <c r="B70" s="15">
        <v>85</v>
      </c>
      <c r="C70" s="16">
        <v>85</v>
      </c>
      <c r="D70" s="17">
        <v>170</v>
      </c>
    </row>
    <row r="71" spans="1:4" ht="18" customHeight="1" x14ac:dyDescent="0.2">
      <c r="A71" s="18" t="s">
        <v>59</v>
      </c>
      <c r="B71" s="15">
        <v>441</v>
      </c>
      <c r="C71" s="16">
        <v>445</v>
      </c>
      <c r="D71" s="17">
        <v>886</v>
      </c>
    </row>
    <row r="72" spans="1:4" ht="18" customHeight="1" x14ac:dyDescent="0.2">
      <c r="A72" s="14">
        <v>55</v>
      </c>
      <c r="B72" s="15">
        <v>97</v>
      </c>
      <c r="C72" s="16">
        <v>87</v>
      </c>
      <c r="D72" s="17">
        <v>184</v>
      </c>
    </row>
    <row r="73" spans="1:4" ht="18" customHeight="1" x14ac:dyDescent="0.2">
      <c r="A73" s="14">
        <v>56</v>
      </c>
      <c r="B73" s="15">
        <v>78</v>
      </c>
      <c r="C73" s="16">
        <v>86</v>
      </c>
      <c r="D73" s="17">
        <v>164</v>
      </c>
    </row>
    <row r="74" spans="1:4" ht="18" customHeight="1" x14ac:dyDescent="0.2">
      <c r="A74" s="14">
        <v>57</v>
      </c>
      <c r="B74" s="15">
        <v>77</v>
      </c>
      <c r="C74" s="16">
        <v>78</v>
      </c>
      <c r="D74" s="17">
        <v>155</v>
      </c>
    </row>
    <row r="75" spans="1:4" ht="18" customHeight="1" x14ac:dyDescent="0.2">
      <c r="A75" s="14">
        <v>58</v>
      </c>
      <c r="B75" s="15">
        <v>84</v>
      </c>
      <c r="C75" s="16">
        <v>73</v>
      </c>
      <c r="D75" s="17">
        <v>157</v>
      </c>
    </row>
    <row r="76" spans="1:4" ht="18" customHeight="1" x14ac:dyDescent="0.2">
      <c r="A76" s="14">
        <v>59</v>
      </c>
      <c r="B76" s="15">
        <v>78</v>
      </c>
      <c r="C76" s="16">
        <v>77</v>
      </c>
      <c r="D76" s="17">
        <v>155</v>
      </c>
    </row>
    <row r="77" spans="1:4" ht="18" customHeight="1" x14ac:dyDescent="0.2">
      <c r="A77" s="18" t="s">
        <v>60</v>
      </c>
      <c r="B77" s="15">
        <v>414</v>
      </c>
      <c r="C77" s="16">
        <v>401</v>
      </c>
      <c r="D77" s="17">
        <v>815</v>
      </c>
    </row>
    <row r="78" spans="1:4" ht="18" customHeight="1" x14ac:dyDescent="0.2">
      <c r="A78" s="14">
        <v>60</v>
      </c>
      <c r="B78" s="15">
        <v>64</v>
      </c>
      <c r="C78" s="16">
        <v>82</v>
      </c>
      <c r="D78" s="17">
        <v>146</v>
      </c>
    </row>
    <row r="79" spans="1:4" ht="18" customHeight="1" x14ac:dyDescent="0.2">
      <c r="A79" s="14">
        <v>61</v>
      </c>
      <c r="B79" s="15">
        <v>72</v>
      </c>
      <c r="C79" s="16">
        <v>56</v>
      </c>
      <c r="D79" s="17">
        <v>128</v>
      </c>
    </row>
    <row r="80" spans="1:4" ht="18" customHeight="1" x14ac:dyDescent="0.2">
      <c r="A80" s="14">
        <v>62</v>
      </c>
      <c r="B80" s="15">
        <v>57</v>
      </c>
      <c r="C80" s="16">
        <v>79</v>
      </c>
      <c r="D80" s="17">
        <v>136</v>
      </c>
    </row>
    <row r="81" spans="1:4" ht="18" customHeight="1" x14ac:dyDescent="0.2">
      <c r="A81" s="14">
        <v>63</v>
      </c>
      <c r="B81" s="15">
        <v>70</v>
      </c>
      <c r="C81" s="16">
        <v>72</v>
      </c>
      <c r="D81" s="17">
        <v>142</v>
      </c>
    </row>
    <row r="82" spans="1:4" ht="18" customHeight="1" x14ac:dyDescent="0.2">
      <c r="A82" s="14">
        <v>64</v>
      </c>
      <c r="B82" s="15">
        <v>71</v>
      </c>
      <c r="C82" s="16">
        <v>67</v>
      </c>
      <c r="D82" s="17">
        <v>138</v>
      </c>
    </row>
    <row r="83" spans="1:4" ht="18" customHeight="1" x14ac:dyDescent="0.2">
      <c r="A83" s="18" t="s">
        <v>61</v>
      </c>
      <c r="B83" s="15">
        <v>334</v>
      </c>
      <c r="C83" s="16">
        <v>356</v>
      </c>
      <c r="D83" s="17">
        <v>690</v>
      </c>
    </row>
    <row r="84" spans="1:4" ht="18" customHeight="1" x14ac:dyDescent="0.2">
      <c r="A84" s="18" t="s">
        <v>62</v>
      </c>
      <c r="B84" s="15">
        <v>3533</v>
      </c>
      <c r="C84" s="16">
        <v>3550</v>
      </c>
      <c r="D84" s="17">
        <v>7083</v>
      </c>
    </row>
    <row r="85" spans="1:4" ht="18" customHeight="1" x14ac:dyDescent="0.2">
      <c r="A85" s="14">
        <v>65</v>
      </c>
      <c r="B85" s="15">
        <v>67</v>
      </c>
      <c r="C85" s="16">
        <v>64</v>
      </c>
      <c r="D85" s="17">
        <v>131</v>
      </c>
    </row>
    <row r="86" spans="1:4" ht="18" customHeight="1" x14ac:dyDescent="0.2">
      <c r="A86" s="14">
        <v>66</v>
      </c>
      <c r="B86" s="15">
        <v>71</v>
      </c>
      <c r="C86" s="16">
        <v>70</v>
      </c>
      <c r="D86" s="17">
        <v>141</v>
      </c>
    </row>
    <row r="87" spans="1:4" ht="18" customHeight="1" x14ac:dyDescent="0.2">
      <c r="A87" s="14">
        <v>67</v>
      </c>
      <c r="B87" s="15">
        <v>63</v>
      </c>
      <c r="C87" s="16">
        <v>72</v>
      </c>
      <c r="D87" s="17">
        <v>135</v>
      </c>
    </row>
    <row r="88" spans="1:4" ht="18" customHeight="1" x14ac:dyDescent="0.2">
      <c r="A88" s="14">
        <v>68</v>
      </c>
      <c r="B88" s="15">
        <v>65</v>
      </c>
      <c r="C88" s="16">
        <v>90</v>
      </c>
      <c r="D88" s="17">
        <v>155</v>
      </c>
    </row>
    <row r="89" spans="1:4" ht="18" customHeight="1" x14ac:dyDescent="0.2">
      <c r="A89" s="14">
        <v>69</v>
      </c>
      <c r="B89" s="15">
        <v>102</v>
      </c>
      <c r="C89" s="16">
        <v>84</v>
      </c>
      <c r="D89" s="17">
        <v>186</v>
      </c>
    </row>
    <row r="90" spans="1:4" ht="18" customHeight="1" x14ac:dyDescent="0.2">
      <c r="A90" s="18" t="s">
        <v>63</v>
      </c>
      <c r="B90" s="15">
        <v>368</v>
      </c>
      <c r="C90" s="16">
        <v>380</v>
      </c>
      <c r="D90" s="17">
        <v>748</v>
      </c>
    </row>
    <row r="91" spans="1:4" ht="18" customHeight="1" x14ac:dyDescent="0.2">
      <c r="A91" s="14">
        <v>70</v>
      </c>
      <c r="B91" s="15">
        <v>101</v>
      </c>
      <c r="C91" s="16">
        <v>92</v>
      </c>
      <c r="D91" s="17">
        <v>193</v>
      </c>
    </row>
    <row r="92" spans="1:4" ht="18" customHeight="1" x14ac:dyDescent="0.2">
      <c r="A92" s="14">
        <v>71</v>
      </c>
      <c r="B92" s="15">
        <v>82</v>
      </c>
      <c r="C92" s="16">
        <v>101</v>
      </c>
      <c r="D92" s="17">
        <v>183</v>
      </c>
    </row>
    <row r="93" spans="1:4" ht="18" customHeight="1" x14ac:dyDescent="0.2">
      <c r="A93" s="14">
        <v>72</v>
      </c>
      <c r="B93" s="15">
        <v>53</v>
      </c>
      <c r="C93" s="16">
        <v>53</v>
      </c>
      <c r="D93" s="17">
        <v>106</v>
      </c>
    </row>
    <row r="94" spans="1:4" ht="18" customHeight="1" x14ac:dyDescent="0.2">
      <c r="A94" s="14">
        <v>73</v>
      </c>
      <c r="B94" s="15">
        <v>36</v>
      </c>
      <c r="C94" s="16">
        <v>58</v>
      </c>
      <c r="D94" s="17">
        <v>94</v>
      </c>
    </row>
    <row r="95" spans="1:4" ht="18" customHeight="1" x14ac:dyDescent="0.2">
      <c r="A95" s="14">
        <v>74</v>
      </c>
      <c r="B95" s="15">
        <v>72</v>
      </c>
      <c r="C95" s="16">
        <v>103</v>
      </c>
      <c r="D95" s="17">
        <v>175</v>
      </c>
    </row>
    <row r="96" spans="1:4" ht="18" customHeight="1" x14ac:dyDescent="0.2">
      <c r="A96" s="18" t="s">
        <v>64</v>
      </c>
      <c r="B96" s="15">
        <v>344</v>
      </c>
      <c r="C96" s="16">
        <v>407</v>
      </c>
      <c r="D96" s="17">
        <v>751</v>
      </c>
    </row>
    <row r="97" spans="1:4" ht="18" customHeight="1" x14ac:dyDescent="0.2">
      <c r="A97" s="14">
        <v>75</v>
      </c>
      <c r="B97" s="15">
        <v>57</v>
      </c>
      <c r="C97" s="16">
        <v>72</v>
      </c>
      <c r="D97" s="17">
        <v>129</v>
      </c>
    </row>
    <row r="98" spans="1:4" ht="18" customHeight="1" x14ac:dyDescent="0.2">
      <c r="A98" s="14">
        <v>76</v>
      </c>
      <c r="B98" s="15">
        <v>83</v>
      </c>
      <c r="C98" s="16">
        <v>98</v>
      </c>
      <c r="D98" s="17">
        <v>181</v>
      </c>
    </row>
    <row r="99" spans="1:4" ht="18" customHeight="1" x14ac:dyDescent="0.2">
      <c r="A99" s="14">
        <v>77</v>
      </c>
      <c r="B99" s="15">
        <v>42</v>
      </c>
      <c r="C99" s="16">
        <v>78</v>
      </c>
      <c r="D99" s="17">
        <v>120</v>
      </c>
    </row>
    <row r="100" spans="1:4" ht="18" customHeight="1" x14ac:dyDescent="0.2">
      <c r="A100" s="14">
        <v>78</v>
      </c>
      <c r="B100" s="15">
        <v>46</v>
      </c>
      <c r="C100" s="16">
        <v>76</v>
      </c>
      <c r="D100" s="17">
        <v>122</v>
      </c>
    </row>
    <row r="101" spans="1:4" ht="18" customHeight="1" x14ac:dyDescent="0.2">
      <c r="A101" s="14">
        <v>79</v>
      </c>
      <c r="B101" s="15">
        <v>36</v>
      </c>
      <c r="C101" s="16">
        <v>65</v>
      </c>
      <c r="D101" s="17">
        <v>101</v>
      </c>
    </row>
    <row r="102" spans="1:4" ht="18" customHeight="1" x14ac:dyDescent="0.2">
      <c r="A102" s="18" t="s">
        <v>65</v>
      </c>
      <c r="B102" s="15">
        <v>264</v>
      </c>
      <c r="C102" s="16">
        <v>389</v>
      </c>
      <c r="D102" s="17">
        <v>653</v>
      </c>
    </row>
    <row r="103" spans="1:4" ht="18" customHeight="1" x14ac:dyDescent="0.2">
      <c r="A103" s="14">
        <v>80</v>
      </c>
      <c r="B103" s="15">
        <v>46</v>
      </c>
      <c r="C103" s="16">
        <v>54</v>
      </c>
      <c r="D103" s="17">
        <v>100</v>
      </c>
    </row>
    <row r="104" spans="1:4" ht="18" customHeight="1" x14ac:dyDescent="0.2">
      <c r="A104" s="14">
        <v>81</v>
      </c>
      <c r="B104" s="15">
        <v>36</v>
      </c>
      <c r="C104" s="16">
        <v>63</v>
      </c>
      <c r="D104" s="17">
        <v>99</v>
      </c>
    </row>
    <row r="105" spans="1:4" ht="18" customHeight="1" x14ac:dyDescent="0.2">
      <c r="A105" s="14">
        <v>82</v>
      </c>
      <c r="B105" s="15">
        <v>52</v>
      </c>
      <c r="C105" s="16">
        <v>87</v>
      </c>
      <c r="D105" s="17">
        <v>139</v>
      </c>
    </row>
    <row r="106" spans="1:4" ht="18" customHeight="1" x14ac:dyDescent="0.2">
      <c r="A106" s="14">
        <v>83</v>
      </c>
      <c r="B106" s="15">
        <v>35</v>
      </c>
      <c r="C106" s="16">
        <v>69</v>
      </c>
      <c r="D106" s="17">
        <v>104</v>
      </c>
    </row>
    <row r="107" spans="1:4" ht="18" customHeight="1" x14ac:dyDescent="0.2">
      <c r="A107" s="14">
        <v>84</v>
      </c>
      <c r="B107" s="15">
        <v>33</v>
      </c>
      <c r="C107" s="16">
        <v>67</v>
      </c>
      <c r="D107" s="17">
        <v>100</v>
      </c>
    </row>
    <row r="108" spans="1:4" ht="18" customHeight="1" x14ac:dyDescent="0.2">
      <c r="A108" s="18" t="s">
        <v>66</v>
      </c>
      <c r="B108" s="15">
        <v>202</v>
      </c>
      <c r="C108" s="16">
        <v>340</v>
      </c>
      <c r="D108" s="17">
        <v>542</v>
      </c>
    </row>
    <row r="109" spans="1:4" ht="18" customHeight="1" x14ac:dyDescent="0.2">
      <c r="A109" s="14">
        <v>85</v>
      </c>
      <c r="B109" s="15">
        <v>45</v>
      </c>
      <c r="C109" s="16">
        <v>71</v>
      </c>
      <c r="D109" s="17">
        <v>116</v>
      </c>
    </row>
    <row r="110" spans="1:4" ht="18" customHeight="1" x14ac:dyDescent="0.2">
      <c r="A110" s="14">
        <v>86</v>
      </c>
      <c r="B110" s="15">
        <v>26</v>
      </c>
      <c r="C110" s="16">
        <v>70</v>
      </c>
      <c r="D110" s="17">
        <v>96</v>
      </c>
    </row>
    <row r="111" spans="1:4" ht="18" customHeight="1" x14ac:dyDescent="0.2">
      <c r="A111" s="14">
        <v>87</v>
      </c>
      <c r="B111" s="15">
        <v>25</v>
      </c>
      <c r="C111" s="16">
        <v>67</v>
      </c>
      <c r="D111" s="17">
        <v>92</v>
      </c>
    </row>
    <row r="112" spans="1:4" ht="18" customHeight="1" x14ac:dyDescent="0.2">
      <c r="A112" s="14">
        <v>88</v>
      </c>
      <c r="B112" s="15">
        <v>27</v>
      </c>
      <c r="C112" s="16">
        <v>72</v>
      </c>
      <c r="D112" s="17">
        <v>99</v>
      </c>
    </row>
    <row r="113" spans="1:4" ht="18" customHeight="1" x14ac:dyDescent="0.2">
      <c r="A113" s="14">
        <v>89</v>
      </c>
      <c r="B113" s="15">
        <v>15</v>
      </c>
      <c r="C113" s="16">
        <v>53</v>
      </c>
      <c r="D113" s="17">
        <v>68</v>
      </c>
    </row>
    <row r="114" spans="1:4" ht="18" customHeight="1" x14ac:dyDescent="0.2">
      <c r="A114" s="18" t="s">
        <v>67</v>
      </c>
      <c r="B114" s="15">
        <v>138</v>
      </c>
      <c r="C114" s="16">
        <v>333</v>
      </c>
      <c r="D114" s="17">
        <v>471</v>
      </c>
    </row>
    <row r="115" spans="1:4" ht="18" customHeight="1" x14ac:dyDescent="0.2">
      <c r="A115" s="14">
        <v>90</v>
      </c>
      <c r="B115" s="15">
        <v>18</v>
      </c>
      <c r="C115" s="16">
        <v>34</v>
      </c>
      <c r="D115" s="17">
        <v>52</v>
      </c>
    </row>
    <row r="116" spans="1:4" ht="18" customHeight="1" x14ac:dyDescent="0.2">
      <c r="A116" s="14">
        <v>91</v>
      </c>
      <c r="B116" s="15">
        <v>22</v>
      </c>
      <c r="C116" s="16">
        <v>39</v>
      </c>
      <c r="D116" s="17">
        <v>61</v>
      </c>
    </row>
    <row r="117" spans="1:4" ht="18" customHeight="1" x14ac:dyDescent="0.2">
      <c r="A117" s="14">
        <v>92</v>
      </c>
      <c r="B117" s="15">
        <v>16</v>
      </c>
      <c r="C117" s="16">
        <v>35</v>
      </c>
      <c r="D117" s="17">
        <v>51</v>
      </c>
    </row>
    <row r="118" spans="1:4" ht="18" customHeight="1" x14ac:dyDescent="0.2">
      <c r="A118" s="14">
        <v>93</v>
      </c>
      <c r="B118" s="15">
        <v>8</v>
      </c>
      <c r="C118" s="16">
        <v>23</v>
      </c>
      <c r="D118" s="17">
        <v>31</v>
      </c>
    </row>
    <row r="119" spans="1:4" ht="18" customHeight="1" x14ac:dyDescent="0.2">
      <c r="A119" s="14">
        <v>94</v>
      </c>
      <c r="B119" s="15">
        <v>6</v>
      </c>
      <c r="C119" s="16">
        <v>20</v>
      </c>
      <c r="D119" s="17">
        <v>26</v>
      </c>
    </row>
    <row r="120" spans="1:4" ht="18" customHeight="1" x14ac:dyDescent="0.2">
      <c r="A120" s="18" t="s">
        <v>68</v>
      </c>
      <c r="B120" s="15">
        <v>70</v>
      </c>
      <c r="C120" s="16">
        <v>151</v>
      </c>
      <c r="D120" s="17">
        <v>221</v>
      </c>
    </row>
    <row r="121" spans="1:4" ht="18" customHeight="1" x14ac:dyDescent="0.2">
      <c r="A121" s="14">
        <v>95</v>
      </c>
      <c r="B121" s="15">
        <v>6</v>
      </c>
      <c r="C121" s="16">
        <v>15</v>
      </c>
      <c r="D121" s="17">
        <v>21</v>
      </c>
    </row>
    <row r="122" spans="1:4" ht="18" customHeight="1" x14ac:dyDescent="0.2">
      <c r="A122" s="14">
        <v>96</v>
      </c>
      <c r="B122" s="15">
        <v>4</v>
      </c>
      <c r="C122" s="16">
        <v>13</v>
      </c>
      <c r="D122" s="17">
        <v>17</v>
      </c>
    </row>
    <row r="123" spans="1:4" ht="18" customHeight="1" x14ac:dyDescent="0.2">
      <c r="A123" s="14">
        <v>97</v>
      </c>
      <c r="B123" s="15">
        <v>4</v>
      </c>
      <c r="C123" s="16">
        <v>10</v>
      </c>
      <c r="D123" s="17">
        <v>14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5</v>
      </c>
      <c r="C126" s="16">
        <v>43</v>
      </c>
      <c r="D126" s="17">
        <v>58</v>
      </c>
    </row>
    <row r="127" spans="1:4" ht="18" customHeight="1" x14ac:dyDescent="0.2">
      <c r="A127" s="14">
        <v>100</v>
      </c>
      <c r="B127" s="15">
        <v>2</v>
      </c>
      <c r="C127" s="16">
        <v>3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9</v>
      </c>
      <c r="D128" s="17">
        <v>9</v>
      </c>
    </row>
    <row r="129" spans="1:4" ht="18" customHeight="1" x14ac:dyDescent="0.2">
      <c r="A129" s="18" t="s">
        <v>71</v>
      </c>
      <c r="B129" s="15">
        <v>2</v>
      </c>
      <c r="C129" s="16">
        <v>12</v>
      </c>
      <c r="D129" s="17">
        <v>14</v>
      </c>
    </row>
    <row r="130" spans="1:4" ht="18" customHeight="1" x14ac:dyDescent="0.2">
      <c r="A130" s="18" t="s">
        <v>72</v>
      </c>
      <c r="B130" s="4">
        <v>1403</v>
      </c>
      <c r="C130" s="5">
        <v>2055</v>
      </c>
      <c r="D130" s="6">
        <v>3458</v>
      </c>
    </row>
    <row r="131" spans="1:4" ht="18" customHeight="1" x14ac:dyDescent="0.2">
      <c r="A131" s="20" t="s">
        <v>47</v>
      </c>
      <c r="B131" s="7">
        <v>5656</v>
      </c>
      <c r="C131" s="8">
        <v>6304</v>
      </c>
      <c r="D131" s="9">
        <v>1196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9</v>
      </c>
      <c r="C5" s="12">
        <v>74</v>
      </c>
      <c r="D5" s="13">
        <v>153</v>
      </c>
    </row>
    <row r="6" spans="1:10" ht="18" customHeight="1" x14ac:dyDescent="0.2">
      <c r="A6" s="14">
        <v>1</v>
      </c>
      <c r="B6" s="15">
        <v>72</v>
      </c>
      <c r="C6" s="16">
        <v>65</v>
      </c>
      <c r="D6" s="17">
        <v>137</v>
      </c>
    </row>
    <row r="7" spans="1:10" ht="18" customHeight="1" x14ac:dyDescent="0.2">
      <c r="A7" s="14">
        <v>2</v>
      </c>
      <c r="B7" s="15">
        <v>81</v>
      </c>
      <c r="C7" s="16">
        <v>74</v>
      </c>
      <c r="D7" s="17">
        <v>155</v>
      </c>
    </row>
    <row r="8" spans="1:10" ht="18" customHeight="1" x14ac:dyDescent="0.2">
      <c r="A8" s="14">
        <v>3</v>
      </c>
      <c r="B8" s="15">
        <v>73</v>
      </c>
      <c r="C8" s="16">
        <v>74</v>
      </c>
      <c r="D8" s="17">
        <v>147</v>
      </c>
    </row>
    <row r="9" spans="1:10" ht="18" customHeight="1" x14ac:dyDescent="0.2">
      <c r="A9" s="14">
        <v>4</v>
      </c>
      <c r="B9" s="15">
        <v>81</v>
      </c>
      <c r="C9" s="16">
        <v>69</v>
      </c>
      <c r="D9" s="17">
        <v>150</v>
      </c>
    </row>
    <row r="10" spans="1:10" ht="18" customHeight="1" x14ac:dyDescent="0.2">
      <c r="A10" s="18" t="s">
        <v>48</v>
      </c>
      <c r="B10" s="15">
        <v>386</v>
      </c>
      <c r="C10" s="16">
        <v>356</v>
      </c>
      <c r="D10" s="17">
        <v>742</v>
      </c>
    </row>
    <row r="11" spans="1:10" ht="18" customHeight="1" x14ac:dyDescent="0.2">
      <c r="A11" s="14">
        <v>5</v>
      </c>
      <c r="B11" s="15">
        <v>95</v>
      </c>
      <c r="C11" s="16">
        <v>68</v>
      </c>
      <c r="D11" s="17">
        <v>163</v>
      </c>
    </row>
    <row r="12" spans="1:10" ht="18" customHeight="1" x14ac:dyDescent="0.2">
      <c r="A12" s="14">
        <v>6</v>
      </c>
      <c r="B12" s="15">
        <v>72</v>
      </c>
      <c r="C12" s="16">
        <v>65</v>
      </c>
      <c r="D12" s="17">
        <v>137</v>
      </c>
    </row>
    <row r="13" spans="1:10" ht="18" customHeight="1" x14ac:dyDescent="0.2">
      <c r="A13" s="14">
        <v>7</v>
      </c>
      <c r="B13" s="15">
        <v>62</v>
      </c>
      <c r="C13" s="16">
        <v>89</v>
      </c>
      <c r="D13" s="17">
        <v>151</v>
      </c>
    </row>
    <row r="14" spans="1:10" ht="18" customHeight="1" x14ac:dyDescent="0.2">
      <c r="A14" s="14">
        <v>8</v>
      </c>
      <c r="B14" s="15">
        <v>74</v>
      </c>
      <c r="C14" s="16">
        <v>66</v>
      </c>
      <c r="D14" s="17">
        <v>140</v>
      </c>
    </row>
    <row r="15" spans="1:10" ht="18" customHeight="1" x14ac:dyDescent="0.2">
      <c r="A15" s="14">
        <v>9</v>
      </c>
      <c r="B15" s="15">
        <v>61</v>
      </c>
      <c r="C15" s="16">
        <v>70</v>
      </c>
      <c r="D15" s="17">
        <v>131</v>
      </c>
    </row>
    <row r="16" spans="1:10" ht="18" customHeight="1" x14ac:dyDescent="0.2">
      <c r="A16" s="18" t="s">
        <v>49</v>
      </c>
      <c r="B16" s="15">
        <v>364</v>
      </c>
      <c r="C16" s="16">
        <v>358</v>
      </c>
      <c r="D16" s="17">
        <v>722</v>
      </c>
    </row>
    <row r="17" spans="1:4" ht="18" customHeight="1" x14ac:dyDescent="0.2">
      <c r="A17" s="14">
        <v>10</v>
      </c>
      <c r="B17" s="15">
        <v>73</v>
      </c>
      <c r="C17" s="16">
        <v>64</v>
      </c>
      <c r="D17" s="17">
        <v>137</v>
      </c>
    </row>
    <row r="18" spans="1:4" ht="18" customHeight="1" x14ac:dyDescent="0.2">
      <c r="A18" s="14">
        <v>11</v>
      </c>
      <c r="B18" s="15">
        <v>79</v>
      </c>
      <c r="C18" s="16">
        <v>71</v>
      </c>
      <c r="D18" s="17">
        <v>150</v>
      </c>
    </row>
    <row r="19" spans="1:4" ht="18" customHeight="1" x14ac:dyDescent="0.2">
      <c r="A19" s="14">
        <v>12</v>
      </c>
      <c r="B19" s="15">
        <v>76</v>
      </c>
      <c r="C19" s="16">
        <v>74</v>
      </c>
      <c r="D19" s="17">
        <v>150</v>
      </c>
    </row>
    <row r="20" spans="1:4" ht="18" customHeight="1" x14ac:dyDescent="0.2">
      <c r="A20" s="14">
        <v>13</v>
      </c>
      <c r="B20" s="15">
        <v>72</v>
      </c>
      <c r="C20" s="16">
        <v>58</v>
      </c>
      <c r="D20" s="17">
        <v>130</v>
      </c>
    </row>
    <row r="21" spans="1:4" ht="18" customHeight="1" x14ac:dyDescent="0.2">
      <c r="A21" s="14">
        <v>14</v>
      </c>
      <c r="B21" s="15">
        <v>84</v>
      </c>
      <c r="C21" s="16">
        <v>63</v>
      </c>
      <c r="D21" s="17">
        <v>147</v>
      </c>
    </row>
    <row r="22" spans="1:4" ht="18" customHeight="1" x14ac:dyDescent="0.2">
      <c r="A22" s="18" t="s">
        <v>50</v>
      </c>
      <c r="B22" s="15">
        <v>384</v>
      </c>
      <c r="C22" s="16">
        <v>330</v>
      </c>
      <c r="D22" s="17">
        <v>714</v>
      </c>
    </row>
    <row r="23" spans="1:4" ht="18" customHeight="1" x14ac:dyDescent="0.2">
      <c r="A23" s="18" t="s">
        <v>51</v>
      </c>
      <c r="B23" s="15">
        <v>1134</v>
      </c>
      <c r="C23" s="16">
        <v>1044</v>
      </c>
      <c r="D23" s="17">
        <v>2178</v>
      </c>
    </row>
    <row r="24" spans="1:4" ht="18" customHeight="1" x14ac:dyDescent="0.2">
      <c r="A24" s="14">
        <v>15</v>
      </c>
      <c r="B24" s="15">
        <v>60</v>
      </c>
      <c r="C24" s="16">
        <v>74</v>
      </c>
      <c r="D24" s="17">
        <v>134</v>
      </c>
    </row>
    <row r="25" spans="1:4" ht="18" customHeight="1" x14ac:dyDescent="0.2">
      <c r="A25" s="14">
        <v>16</v>
      </c>
      <c r="B25" s="15">
        <v>69</v>
      </c>
      <c r="C25" s="16">
        <v>73</v>
      </c>
      <c r="D25" s="17">
        <v>142</v>
      </c>
    </row>
    <row r="26" spans="1:4" ht="18" customHeight="1" x14ac:dyDescent="0.2">
      <c r="A26" s="14">
        <v>17</v>
      </c>
      <c r="B26" s="15">
        <v>58</v>
      </c>
      <c r="C26" s="16">
        <v>67</v>
      </c>
      <c r="D26" s="17">
        <v>125</v>
      </c>
    </row>
    <row r="27" spans="1:4" ht="18" customHeight="1" x14ac:dyDescent="0.2">
      <c r="A27" s="14">
        <v>18</v>
      </c>
      <c r="B27" s="15">
        <v>72</v>
      </c>
      <c r="C27" s="16">
        <v>62</v>
      </c>
      <c r="D27" s="17">
        <v>134</v>
      </c>
    </row>
    <row r="28" spans="1:4" ht="18" customHeight="1" x14ac:dyDescent="0.2">
      <c r="A28" s="14">
        <v>19</v>
      </c>
      <c r="B28" s="15">
        <v>61</v>
      </c>
      <c r="C28" s="16">
        <v>68</v>
      </c>
      <c r="D28" s="17">
        <v>129</v>
      </c>
    </row>
    <row r="29" spans="1:4" ht="18" customHeight="1" x14ac:dyDescent="0.2">
      <c r="A29" s="18" t="s">
        <v>52</v>
      </c>
      <c r="B29" s="15">
        <v>320</v>
      </c>
      <c r="C29" s="16">
        <v>344</v>
      </c>
      <c r="D29" s="17">
        <v>664</v>
      </c>
    </row>
    <row r="30" spans="1:4" ht="18" customHeight="1" x14ac:dyDescent="0.2">
      <c r="A30" s="14">
        <v>20</v>
      </c>
      <c r="B30" s="15">
        <v>68</v>
      </c>
      <c r="C30" s="16">
        <v>66</v>
      </c>
      <c r="D30" s="17">
        <v>134</v>
      </c>
    </row>
    <row r="31" spans="1:4" ht="18" customHeight="1" x14ac:dyDescent="0.2">
      <c r="A31" s="14">
        <v>21</v>
      </c>
      <c r="B31" s="15">
        <v>52</v>
      </c>
      <c r="C31" s="16">
        <v>77</v>
      </c>
      <c r="D31" s="17">
        <v>129</v>
      </c>
    </row>
    <row r="32" spans="1:4" ht="18" customHeight="1" x14ac:dyDescent="0.2">
      <c r="A32" s="14">
        <v>22</v>
      </c>
      <c r="B32" s="15">
        <v>66</v>
      </c>
      <c r="C32" s="16">
        <v>59</v>
      </c>
      <c r="D32" s="17">
        <v>125</v>
      </c>
    </row>
    <row r="33" spans="1:4" ht="18" customHeight="1" x14ac:dyDescent="0.2">
      <c r="A33" s="14">
        <v>23</v>
      </c>
      <c r="B33" s="15">
        <v>70</v>
      </c>
      <c r="C33" s="16">
        <v>52</v>
      </c>
      <c r="D33" s="17">
        <v>122</v>
      </c>
    </row>
    <row r="34" spans="1:4" ht="18" customHeight="1" x14ac:dyDescent="0.2">
      <c r="A34" s="14">
        <v>24</v>
      </c>
      <c r="B34" s="15">
        <v>80</v>
      </c>
      <c r="C34" s="16">
        <v>83</v>
      </c>
      <c r="D34" s="17">
        <v>163</v>
      </c>
    </row>
    <row r="35" spans="1:4" ht="18" customHeight="1" x14ac:dyDescent="0.2">
      <c r="A35" s="18" t="s">
        <v>53</v>
      </c>
      <c r="B35" s="15">
        <v>336</v>
      </c>
      <c r="C35" s="16">
        <v>337</v>
      </c>
      <c r="D35" s="17">
        <v>673</v>
      </c>
    </row>
    <row r="36" spans="1:4" ht="18" customHeight="1" x14ac:dyDescent="0.2">
      <c r="A36" s="14">
        <v>25</v>
      </c>
      <c r="B36" s="15">
        <v>55</v>
      </c>
      <c r="C36" s="16">
        <v>57</v>
      </c>
      <c r="D36" s="17">
        <v>112</v>
      </c>
    </row>
    <row r="37" spans="1:4" ht="18" customHeight="1" x14ac:dyDescent="0.2">
      <c r="A37" s="14">
        <v>26</v>
      </c>
      <c r="B37" s="15">
        <v>68</v>
      </c>
      <c r="C37" s="16">
        <v>68</v>
      </c>
      <c r="D37" s="17">
        <v>136</v>
      </c>
    </row>
    <row r="38" spans="1:4" ht="18" customHeight="1" x14ac:dyDescent="0.2">
      <c r="A38" s="14">
        <v>27</v>
      </c>
      <c r="B38" s="15">
        <v>79</v>
      </c>
      <c r="C38" s="16">
        <v>73</v>
      </c>
      <c r="D38" s="17">
        <v>152</v>
      </c>
    </row>
    <row r="39" spans="1:4" ht="18" customHeight="1" x14ac:dyDescent="0.2">
      <c r="A39" s="14">
        <v>28</v>
      </c>
      <c r="B39" s="15">
        <v>82</v>
      </c>
      <c r="C39" s="16">
        <v>82</v>
      </c>
      <c r="D39" s="17">
        <v>164</v>
      </c>
    </row>
    <row r="40" spans="1:4" ht="18" customHeight="1" x14ac:dyDescent="0.2">
      <c r="A40" s="14">
        <v>29</v>
      </c>
      <c r="B40" s="15">
        <v>82</v>
      </c>
      <c r="C40" s="16">
        <v>88</v>
      </c>
      <c r="D40" s="17">
        <v>170</v>
      </c>
    </row>
    <row r="41" spans="1:4" ht="18" customHeight="1" x14ac:dyDescent="0.2">
      <c r="A41" s="18" t="s">
        <v>54</v>
      </c>
      <c r="B41" s="15">
        <v>366</v>
      </c>
      <c r="C41" s="16">
        <v>368</v>
      </c>
      <c r="D41" s="17">
        <v>734</v>
      </c>
    </row>
    <row r="42" spans="1:4" ht="18" customHeight="1" x14ac:dyDescent="0.2">
      <c r="A42" s="14">
        <v>30</v>
      </c>
      <c r="B42" s="15">
        <v>76</v>
      </c>
      <c r="C42" s="16">
        <v>84</v>
      </c>
      <c r="D42" s="17">
        <v>160</v>
      </c>
    </row>
    <row r="43" spans="1:4" ht="18" customHeight="1" x14ac:dyDescent="0.2">
      <c r="A43" s="14">
        <v>31</v>
      </c>
      <c r="B43" s="15">
        <v>83</v>
      </c>
      <c r="C43" s="16">
        <v>90</v>
      </c>
      <c r="D43" s="17">
        <v>173</v>
      </c>
    </row>
    <row r="44" spans="1:4" ht="18" customHeight="1" x14ac:dyDescent="0.2">
      <c r="A44" s="14">
        <v>32</v>
      </c>
      <c r="B44" s="15">
        <v>89</v>
      </c>
      <c r="C44" s="16">
        <v>99</v>
      </c>
      <c r="D44" s="17">
        <v>188</v>
      </c>
    </row>
    <row r="45" spans="1:4" ht="18" customHeight="1" x14ac:dyDescent="0.2">
      <c r="A45" s="14">
        <v>33</v>
      </c>
      <c r="B45" s="15">
        <v>92</v>
      </c>
      <c r="C45" s="16">
        <v>92</v>
      </c>
      <c r="D45" s="17">
        <v>184</v>
      </c>
    </row>
    <row r="46" spans="1:4" ht="18" customHeight="1" x14ac:dyDescent="0.2">
      <c r="A46" s="14">
        <v>34</v>
      </c>
      <c r="B46" s="15">
        <v>101</v>
      </c>
      <c r="C46" s="16">
        <v>89</v>
      </c>
      <c r="D46" s="17">
        <v>190</v>
      </c>
    </row>
    <row r="47" spans="1:4" ht="18" customHeight="1" x14ac:dyDescent="0.2">
      <c r="A47" s="18" t="s">
        <v>55</v>
      </c>
      <c r="B47" s="15">
        <v>441</v>
      </c>
      <c r="C47" s="16">
        <v>454</v>
      </c>
      <c r="D47" s="17">
        <v>895</v>
      </c>
    </row>
    <row r="48" spans="1:4" ht="18" customHeight="1" x14ac:dyDescent="0.2">
      <c r="A48" s="14">
        <v>35</v>
      </c>
      <c r="B48" s="15">
        <v>101</v>
      </c>
      <c r="C48" s="16">
        <v>101</v>
      </c>
      <c r="D48" s="17">
        <v>202</v>
      </c>
    </row>
    <row r="49" spans="1:4" ht="18" customHeight="1" x14ac:dyDescent="0.2">
      <c r="A49" s="14">
        <v>36</v>
      </c>
      <c r="B49" s="15">
        <v>112</v>
      </c>
      <c r="C49" s="16">
        <v>102</v>
      </c>
      <c r="D49" s="17">
        <v>214</v>
      </c>
    </row>
    <row r="50" spans="1:4" ht="18" customHeight="1" x14ac:dyDescent="0.2">
      <c r="A50" s="14">
        <v>37</v>
      </c>
      <c r="B50" s="15">
        <v>107</v>
      </c>
      <c r="C50" s="16">
        <v>95</v>
      </c>
      <c r="D50" s="17">
        <v>202</v>
      </c>
    </row>
    <row r="51" spans="1:4" ht="18" customHeight="1" x14ac:dyDescent="0.2">
      <c r="A51" s="14">
        <v>38</v>
      </c>
      <c r="B51" s="15">
        <v>100</v>
      </c>
      <c r="C51" s="16">
        <v>115</v>
      </c>
      <c r="D51" s="17">
        <v>215</v>
      </c>
    </row>
    <row r="52" spans="1:4" ht="18" customHeight="1" x14ac:dyDescent="0.2">
      <c r="A52" s="14">
        <v>39</v>
      </c>
      <c r="B52" s="15">
        <v>107</v>
      </c>
      <c r="C52" s="16">
        <v>102</v>
      </c>
      <c r="D52" s="17">
        <v>209</v>
      </c>
    </row>
    <row r="53" spans="1:4" ht="18" customHeight="1" x14ac:dyDescent="0.2">
      <c r="A53" s="18" t="s">
        <v>56</v>
      </c>
      <c r="B53" s="15">
        <v>527</v>
      </c>
      <c r="C53" s="16">
        <v>515</v>
      </c>
      <c r="D53" s="17">
        <v>1042</v>
      </c>
    </row>
    <row r="54" spans="1:4" ht="18" customHeight="1" x14ac:dyDescent="0.2">
      <c r="A54" s="14">
        <v>40</v>
      </c>
      <c r="B54" s="15">
        <v>132</v>
      </c>
      <c r="C54" s="16">
        <v>114</v>
      </c>
      <c r="D54" s="17">
        <v>246</v>
      </c>
    </row>
    <row r="55" spans="1:4" ht="18" customHeight="1" x14ac:dyDescent="0.2">
      <c r="A55" s="14">
        <v>41</v>
      </c>
      <c r="B55" s="15">
        <v>124</v>
      </c>
      <c r="C55" s="16">
        <v>108</v>
      </c>
      <c r="D55" s="17">
        <v>232</v>
      </c>
    </row>
    <row r="56" spans="1:4" ht="18" customHeight="1" x14ac:dyDescent="0.2">
      <c r="A56" s="14">
        <v>42</v>
      </c>
      <c r="B56" s="15">
        <v>132</v>
      </c>
      <c r="C56" s="16">
        <v>117</v>
      </c>
      <c r="D56" s="17">
        <v>249</v>
      </c>
    </row>
    <row r="57" spans="1:4" ht="18" customHeight="1" x14ac:dyDescent="0.2">
      <c r="A57" s="14">
        <v>43</v>
      </c>
      <c r="B57" s="15">
        <v>151</v>
      </c>
      <c r="C57" s="16">
        <v>141</v>
      </c>
      <c r="D57" s="17">
        <v>292</v>
      </c>
    </row>
    <row r="58" spans="1:4" ht="18" customHeight="1" x14ac:dyDescent="0.2">
      <c r="A58" s="14">
        <v>44</v>
      </c>
      <c r="B58" s="15">
        <v>152</v>
      </c>
      <c r="C58" s="16">
        <v>124</v>
      </c>
      <c r="D58" s="17">
        <v>276</v>
      </c>
    </row>
    <row r="59" spans="1:4" ht="18" customHeight="1" x14ac:dyDescent="0.2">
      <c r="A59" s="18" t="s">
        <v>57</v>
      </c>
      <c r="B59" s="15">
        <v>691</v>
      </c>
      <c r="C59" s="16">
        <v>604</v>
      </c>
      <c r="D59" s="17">
        <v>1295</v>
      </c>
    </row>
    <row r="60" spans="1:4" ht="18" customHeight="1" x14ac:dyDescent="0.2">
      <c r="A60" s="14">
        <v>45</v>
      </c>
      <c r="B60" s="15">
        <v>140</v>
      </c>
      <c r="C60" s="16">
        <v>120</v>
      </c>
      <c r="D60" s="17">
        <v>260</v>
      </c>
    </row>
    <row r="61" spans="1:4" ht="18" customHeight="1" x14ac:dyDescent="0.2">
      <c r="A61" s="14">
        <v>46</v>
      </c>
      <c r="B61" s="15">
        <v>133</v>
      </c>
      <c r="C61" s="16">
        <v>135</v>
      </c>
      <c r="D61" s="17">
        <v>268</v>
      </c>
    </row>
    <row r="62" spans="1:4" ht="18" customHeight="1" x14ac:dyDescent="0.2">
      <c r="A62" s="14">
        <v>47</v>
      </c>
      <c r="B62" s="15">
        <v>120</v>
      </c>
      <c r="C62" s="16">
        <v>121</v>
      </c>
      <c r="D62" s="17">
        <v>241</v>
      </c>
    </row>
    <row r="63" spans="1:4" ht="18" customHeight="1" x14ac:dyDescent="0.2">
      <c r="A63" s="14">
        <v>48</v>
      </c>
      <c r="B63" s="15">
        <v>116</v>
      </c>
      <c r="C63" s="16">
        <v>122</v>
      </c>
      <c r="D63" s="17">
        <v>238</v>
      </c>
    </row>
    <row r="64" spans="1:4" ht="18" customHeight="1" x14ac:dyDescent="0.2">
      <c r="A64" s="14">
        <v>49</v>
      </c>
      <c r="B64" s="15">
        <v>92</v>
      </c>
      <c r="C64" s="16">
        <v>87</v>
      </c>
      <c r="D64" s="17">
        <v>179</v>
      </c>
    </row>
    <row r="65" spans="1:4" ht="18" customHeight="1" x14ac:dyDescent="0.2">
      <c r="A65" s="18" t="s">
        <v>58</v>
      </c>
      <c r="B65" s="15">
        <v>601</v>
      </c>
      <c r="C65" s="16">
        <v>585</v>
      </c>
      <c r="D65" s="17">
        <v>1186</v>
      </c>
    </row>
    <row r="66" spans="1:4" ht="18" customHeight="1" x14ac:dyDescent="0.2">
      <c r="A66" s="14">
        <v>50</v>
      </c>
      <c r="B66" s="15">
        <v>108</v>
      </c>
      <c r="C66" s="16">
        <v>94</v>
      </c>
      <c r="D66" s="17">
        <v>202</v>
      </c>
    </row>
    <row r="67" spans="1:4" ht="18" customHeight="1" x14ac:dyDescent="0.2">
      <c r="A67" s="14">
        <v>51</v>
      </c>
      <c r="B67" s="15">
        <v>106</v>
      </c>
      <c r="C67" s="16">
        <v>120</v>
      </c>
      <c r="D67" s="17">
        <v>226</v>
      </c>
    </row>
    <row r="68" spans="1:4" ht="18" customHeight="1" x14ac:dyDescent="0.2">
      <c r="A68" s="14">
        <v>52</v>
      </c>
      <c r="B68" s="15">
        <v>87</v>
      </c>
      <c r="C68" s="16">
        <v>80</v>
      </c>
      <c r="D68" s="17">
        <v>167</v>
      </c>
    </row>
    <row r="69" spans="1:4" ht="18" customHeight="1" x14ac:dyDescent="0.2">
      <c r="A69" s="14">
        <v>53</v>
      </c>
      <c r="B69" s="15">
        <v>103</v>
      </c>
      <c r="C69" s="16">
        <v>107</v>
      </c>
      <c r="D69" s="17">
        <v>210</v>
      </c>
    </row>
    <row r="70" spans="1:4" ht="18" customHeight="1" x14ac:dyDescent="0.2">
      <c r="A70" s="14">
        <v>54</v>
      </c>
      <c r="B70" s="15">
        <v>89</v>
      </c>
      <c r="C70" s="16">
        <v>91</v>
      </c>
      <c r="D70" s="17">
        <v>180</v>
      </c>
    </row>
    <row r="71" spans="1:4" ht="18" customHeight="1" x14ac:dyDescent="0.2">
      <c r="A71" s="18" t="s">
        <v>59</v>
      </c>
      <c r="B71" s="15">
        <v>493</v>
      </c>
      <c r="C71" s="16">
        <v>492</v>
      </c>
      <c r="D71" s="17">
        <v>985</v>
      </c>
    </row>
    <row r="72" spans="1:4" ht="18" customHeight="1" x14ac:dyDescent="0.2">
      <c r="A72" s="14">
        <v>55</v>
      </c>
      <c r="B72" s="15">
        <v>79</v>
      </c>
      <c r="C72" s="16">
        <v>83</v>
      </c>
      <c r="D72" s="17">
        <v>162</v>
      </c>
    </row>
    <row r="73" spans="1:4" ht="18" customHeight="1" x14ac:dyDescent="0.2">
      <c r="A73" s="14">
        <v>56</v>
      </c>
      <c r="B73" s="15">
        <v>81</v>
      </c>
      <c r="C73" s="16">
        <v>64</v>
      </c>
      <c r="D73" s="17">
        <v>145</v>
      </c>
    </row>
    <row r="74" spans="1:4" ht="18" customHeight="1" x14ac:dyDescent="0.2">
      <c r="A74" s="14">
        <v>57</v>
      </c>
      <c r="B74" s="15">
        <v>76</v>
      </c>
      <c r="C74" s="16">
        <v>94</v>
      </c>
      <c r="D74" s="17">
        <v>170</v>
      </c>
    </row>
    <row r="75" spans="1:4" ht="18" customHeight="1" x14ac:dyDescent="0.2">
      <c r="A75" s="14">
        <v>58</v>
      </c>
      <c r="B75" s="15">
        <v>77</v>
      </c>
      <c r="C75" s="16">
        <v>90</v>
      </c>
      <c r="D75" s="17">
        <v>167</v>
      </c>
    </row>
    <row r="76" spans="1:4" ht="18" customHeight="1" x14ac:dyDescent="0.2">
      <c r="A76" s="14">
        <v>59</v>
      </c>
      <c r="B76" s="15">
        <v>78</v>
      </c>
      <c r="C76" s="16">
        <v>101</v>
      </c>
      <c r="D76" s="17">
        <v>179</v>
      </c>
    </row>
    <row r="77" spans="1:4" ht="18" customHeight="1" x14ac:dyDescent="0.2">
      <c r="A77" s="18" t="s">
        <v>60</v>
      </c>
      <c r="B77" s="15">
        <v>391</v>
      </c>
      <c r="C77" s="16">
        <v>432</v>
      </c>
      <c r="D77" s="17">
        <v>823</v>
      </c>
    </row>
    <row r="78" spans="1:4" ht="18" customHeight="1" x14ac:dyDescent="0.2">
      <c r="A78" s="14">
        <v>60</v>
      </c>
      <c r="B78" s="15">
        <v>72</v>
      </c>
      <c r="C78" s="16">
        <v>70</v>
      </c>
      <c r="D78" s="17">
        <v>142</v>
      </c>
    </row>
    <row r="79" spans="1:4" ht="18" customHeight="1" x14ac:dyDescent="0.2">
      <c r="A79" s="14">
        <v>61</v>
      </c>
      <c r="B79" s="15">
        <v>71</v>
      </c>
      <c r="C79" s="16">
        <v>64</v>
      </c>
      <c r="D79" s="17">
        <v>135</v>
      </c>
    </row>
    <row r="80" spans="1:4" ht="18" customHeight="1" x14ac:dyDescent="0.2">
      <c r="A80" s="14">
        <v>62</v>
      </c>
      <c r="B80" s="15">
        <v>77</v>
      </c>
      <c r="C80" s="16">
        <v>75</v>
      </c>
      <c r="D80" s="17">
        <v>152</v>
      </c>
    </row>
    <row r="81" spans="1:4" ht="18" customHeight="1" x14ac:dyDescent="0.2">
      <c r="A81" s="14">
        <v>63</v>
      </c>
      <c r="B81" s="15">
        <v>78</v>
      </c>
      <c r="C81" s="16">
        <v>84</v>
      </c>
      <c r="D81" s="17">
        <v>162</v>
      </c>
    </row>
    <row r="82" spans="1:4" ht="18" customHeight="1" x14ac:dyDescent="0.2">
      <c r="A82" s="14">
        <v>64</v>
      </c>
      <c r="B82" s="15">
        <v>82</v>
      </c>
      <c r="C82" s="16">
        <v>83</v>
      </c>
      <c r="D82" s="17">
        <v>165</v>
      </c>
    </row>
    <row r="83" spans="1:4" ht="18" customHeight="1" x14ac:dyDescent="0.2">
      <c r="A83" s="18" t="s">
        <v>61</v>
      </c>
      <c r="B83" s="15">
        <v>380</v>
      </c>
      <c r="C83" s="16">
        <v>376</v>
      </c>
      <c r="D83" s="17">
        <v>756</v>
      </c>
    </row>
    <row r="84" spans="1:4" ht="18" customHeight="1" x14ac:dyDescent="0.2">
      <c r="A84" s="18" t="s">
        <v>62</v>
      </c>
      <c r="B84" s="15">
        <v>4546</v>
      </c>
      <c r="C84" s="16">
        <v>4507</v>
      </c>
      <c r="D84" s="17">
        <v>9053</v>
      </c>
    </row>
    <row r="85" spans="1:4" ht="18" customHeight="1" x14ac:dyDescent="0.2">
      <c r="A85" s="14">
        <v>65</v>
      </c>
      <c r="B85" s="15">
        <v>86</v>
      </c>
      <c r="C85" s="16">
        <v>90</v>
      </c>
      <c r="D85" s="17">
        <v>176</v>
      </c>
    </row>
    <row r="86" spans="1:4" ht="18" customHeight="1" x14ac:dyDescent="0.2">
      <c r="A86" s="14">
        <v>66</v>
      </c>
      <c r="B86" s="15">
        <v>88</v>
      </c>
      <c r="C86" s="16">
        <v>81</v>
      </c>
      <c r="D86" s="17">
        <v>169</v>
      </c>
    </row>
    <row r="87" spans="1:4" ht="18" customHeight="1" x14ac:dyDescent="0.2">
      <c r="A87" s="14">
        <v>67</v>
      </c>
      <c r="B87" s="15">
        <v>79</v>
      </c>
      <c r="C87" s="16">
        <v>97</v>
      </c>
      <c r="D87" s="17">
        <v>176</v>
      </c>
    </row>
    <row r="88" spans="1:4" ht="18" customHeight="1" x14ac:dyDescent="0.2">
      <c r="A88" s="14">
        <v>68</v>
      </c>
      <c r="B88" s="15">
        <v>95</v>
      </c>
      <c r="C88" s="16">
        <v>102</v>
      </c>
      <c r="D88" s="17">
        <v>197</v>
      </c>
    </row>
    <row r="89" spans="1:4" ht="18" customHeight="1" x14ac:dyDescent="0.2">
      <c r="A89" s="14">
        <v>69</v>
      </c>
      <c r="B89" s="15">
        <v>99</v>
      </c>
      <c r="C89" s="16">
        <v>136</v>
      </c>
      <c r="D89" s="17">
        <v>235</v>
      </c>
    </row>
    <row r="90" spans="1:4" ht="18" customHeight="1" x14ac:dyDescent="0.2">
      <c r="A90" s="18" t="s">
        <v>63</v>
      </c>
      <c r="B90" s="15">
        <v>447</v>
      </c>
      <c r="C90" s="16">
        <v>506</v>
      </c>
      <c r="D90" s="17">
        <v>953</v>
      </c>
    </row>
    <row r="91" spans="1:4" ht="18" customHeight="1" x14ac:dyDescent="0.2">
      <c r="A91" s="14">
        <v>70</v>
      </c>
      <c r="B91" s="15">
        <v>112</v>
      </c>
      <c r="C91" s="16">
        <v>116</v>
      </c>
      <c r="D91" s="17">
        <v>228</v>
      </c>
    </row>
    <row r="92" spans="1:4" ht="18" customHeight="1" x14ac:dyDescent="0.2">
      <c r="A92" s="14">
        <v>71</v>
      </c>
      <c r="B92" s="15">
        <v>108</v>
      </c>
      <c r="C92" s="16">
        <v>123</v>
      </c>
      <c r="D92" s="17">
        <v>231</v>
      </c>
    </row>
    <row r="93" spans="1:4" ht="18" customHeight="1" x14ac:dyDescent="0.2">
      <c r="A93" s="14">
        <v>72</v>
      </c>
      <c r="B93" s="15">
        <v>80</v>
      </c>
      <c r="C93" s="16">
        <v>71</v>
      </c>
      <c r="D93" s="17">
        <v>151</v>
      </c>
    </row>
    <row r="94" spans="1:4" ht="18" customHeight="1" x14ac:dyDescent="0.2">
      <c r="A94" s="14">
        <v>73</v>
      </c>
      <c r="B94" s="15">
        <v>53</v>
      </c>
      <c r="C94" s="16">
        <v>78</v>
      </c>
      <c r="D94" s="17">
        <v>131</v>
      </c>
    </row>
    <row r="95" spans="1:4" ht="18" customHeight="1" x14ac:dyDescent="0.2">
      <c r="A95" s="14">
        <v>74</v>
      </c>
      <c r="B95" s="15">
        <v>85</v>
      </c>
      <c r="C95" s="16">
        <v>110</v>
      </c>
      <c r="D95" s="17">
        <v>195</v>
      </c>
    </row>
    <row r="96" spans="1:4" ht="18" customHeight="1" x14ac:dyDescent="0.2">
      <c r="A96" s="18" t="s">
        <v>64</v>
      </c>
      <c r="B96" s="15">
        <v>438</v>
      </c>
      <c r="C96" s="16">
        <v>498</v>
      </c>
      <c r="D96" s="17">
        <v>936</v>
      </c>
    </row>
    <row r="97" spans="1:4" ht="18" customHeight="1" x14ac:dyDescent="0.2">
      <c r="A97" s="14">
        <v>75</v>
      </c>
      <c r="B97" s="15">
        <v>78</v>
      </c>
      <c r="C97" s="16">
        <v>99</v>
      </c>
      <c r="D97" s="17">
        <v>177</v>
      </c>
    </row>
    <row r="98" spans="1:4" ht="18" customHeight="1" x14ac:dyDescent="0.2">
      <c r="A98" s="14">
        <v>76</v>
      </c>
      <c r="B98" s="15">
        <v>59</v>
      </c>
      <c r="C98" s="16">
        <v>94</v>
      </c>
      <c r="D98" s="17">
        <v>153</v>
      </c>
    </row>
    <row r="99" spans="1:4" ht="18" customHeight="1" x14ac:dyDescent="0.2">
      <c r="A99" s="14">
        <v>77</v>
      </c>
      <c r="B99" s="15">
        <v>72</v>
      </c>
      <c r="C99" s="16">
        <v>91</v>
      </c>
      <c r="D99" s="17">
        <v>163</v>
      </c>
    </row>
    <row r="100" spans="1:4" ht="18" customHeight="1" x14ac:dyDescent="0.2">
      <c r="A100" s="14">
        <v>78</v>
      </c>
      <c r="B100" s="15">
        <v>71</v>
      </c>
      <c r="C100" s="16">
        <v>70</v>
      </c>
      <c r="D100" s="17">
        <v>141</v>
      </c>
    </row>
    <row r="101" spans="1:4" ht="18" customHeight="1" x14ac:dyDescent="0.2">
      <c r="A101" s="14">
        <v>79</v>
      </c>
      <c r="B101" s="15">
        <v>58</v>
      </c>
      <c r="C101" s="16">
        <v>65</v>
      </c>
      <c r="D101" s="17">
        <v>123</v>
      </c>
    </row>
    <row r="102" spans="1:4" ht="18" customHeight="1" x14ac:dyDescent="0.2">
      <c r="A102" s="18" t="s">
        <v>65</v>
      </c>
      <c r="B102" s="15">
        <v>338</v>
      </c>
      <c r="C102" s="16">
        <v>419</v>
      </c>
      <c r="D102" s="17">
        <v>757</v>
      </c>
    </row>
    <row r="103" spans="1:4" ht="18" customHeight="1" x14ac:dyDescent="0.2">
      <c r="A103" s="14">
        <v>80</v>
      </c>
      <c r="B103" s="15">
        <v>46</v>
      </c>
      <c r="C103" s="16">
        <v>55</v>
      </c>
      <c r="D103" s="17">
        <v>101</v>
      </c>
    </row>
    <row r="104" spans="1:4" ht="18" customHeight="1" x14ac:dyDescent="0.2">
      <c r="A104" s="14">
        <v>81</v>
      </c>
      <c r="B104" s="15">
        <v>48</v>
      </c>
      <c r="C104" s="16">
        <v>68</v>
      </c>
      <c r="D104" s="17">
        <v>116</v>
      </c>
    </row>
    <row r="105" spans="1:4" ht="18" customHeight="1" x14ac:dyDescent="0.2">
      <c r="A105" s="14">
        <v>82</v>
      </c>
      <c r="B105" s="15">
        <v>54</v>
      </c>
      <c r="C105" s="16">
        <v>67</v>
      </c>
      <c r="D105" s="17">
        <v>121</v>
      </c>
    </row>
    <row r="106" spans="1:4" ht="18" customHeight="1" x14ac:dyDescent="0.2">
      <c r="A106" s="14">
        <v>83</v>
      </c>
      <c r="B106" s="15">
        <v>40</v>
      </c>
      <c r="C106" s="16">
        <v>69</v>
      </c>
      <c r="D106" s="17">
        <v>109</v>
      </c>
    </row>
    <row r="107" spans="1:4" ht="18" customHeight="1" x14ac:dyDescent="0.2">
      <c r="A107" s="14">
        <v>84</v>
      </c>
      <c r="B107" s="15">
        <v>33</v>
      </c>
      <c r="C107" s="16">
        <v>60</v>
      </c>
      <c r="D107" s="17">
        <v>93</v>
      </c>
    </row>
    <row r="108" spans="1:4" ht="18" customHeight="1" x14ac:dyDescent="0.2">
      <c r="A108" s="18" t="s">
        <v>66</v>
      </c>
      <c r="B108" s="15">
        <v>221</v>
      </c>
      <c r="C108" s="16">
        <v>319</v>
      </c>
      <c r="D108" s="17">
        <v>540</v>
      </c>
    </row>
    <row r="109" spans="1:4" ht="18" customHeight="1" x14ac:dyDescent="0.2">
      <c r="A109" s="14">
        <v>85</v>
      </c>
      <c r="B109" s="15">
        <v>44</v>
      </c>
      <c r="C109" s="16">
        <v>57</v>
      </c>
      <c r="D109" s="17">
        <v>101</v>
      </c>
    </row>
    <row r="110" spans="1:4" ht="18" customHeight="1" x14ac:dyDescent="0.2">
      <c r="A110" s="14">
        <v>86</v>
      </c>
      <c r="B110" s="15">
        <v>28</v>
      </c>
      <c r="C110" s="16">
        <v>62</v>
      </c>
      <c r="D110" s="17">
        <v>90</v>
      </c>
    </row>
    <row r="111" spans="1:4" ht="18" customHeight="1" x14ac:dyDescent="0.2">
      <c r="A111" s="14">
        <v>87</v>
      </c>
      <c r="B111" s="15">
        <v>22</v>
      </c>
      <c r="C111" s="16">
        <v>63</v>
      </c>
      <c r="D111" s="17">
        <v>85</v>
      </c>
    </row>
    <row r="112" spans="1:4" ht="18" customHeight="1" x14ac:dyDescent="0.2">
      <c r="A112" s="14">
        <v>88</v>
      </c>
      <c r="B112" s="15">
        <v>27</v>
      </c>
      <c r="C112" s="16">
        <v>40</v>
      </c>
      <c r="D112" s="17">
        <v>67</v>
      </c>
    </row>
    <row r="113" spans="1:4" ht="18" customHeight="1" x14ac:dyDescent="0.2">
      <c r="A113" s="14">
        <v>89</v>
      </c>
      <c r="B113" s="15">
        <v>14</v>
      </c>
      <c r="C113" s="16">
        <v>25</v>
      </c>
      <c r="D113" s="17">
        <v>39</v>
      </c>
    </row>
    <row r="114" spans="1:4" ht="18" customHeight="1" x14ac:dyDescent="0.2">
      <c r="A114" s="18" t="s">
        <v>67</v>
      </c>
      <c r="B114" s="15">
        <v>135</v>
      </c>
      <c r="C114" s="16">
        <v>247</v>
      </c>
      <c r="D114" s="17">
        <v>382</v>
      </c>
    </row>
    <row r="115" spans="1:4" ht="18" customHeight="1" x14ac:dyDescent="0.2">
      <c r="A115" s="14">
        <v>90</v>
      </c>
      <c r="B115" s="15">
        <v>18</v>
      </c>
      <c r="C115" s="16">
        <v>30</v>
      </c>
      <c r="D115" s="17">
        <v>48</v>
      </c>
    </row>
    <row r="116" spans="1:4" ht="18" customHeight="1" x14ac:dyDescent="0.2">
      <c r="A116" s="14">
        <v>91</v>
      </c>
      <c r="B116" s="15">
        <v>7</v>
      </c>
      <c r="C116" s="16">
        <v>23</v>
      </c>
      <c r="D116" s="17">
        <v>30</v>
      </c>
    </row>
    <row r="117" spans="1:4" ht="18" customHeight="1" x14ac:dyDescent="0.2">
      <c r="A117" s="14">
        <v>92</v>
      </c>
      <c r="B117" s="15">
        <v>9</v>
      </c>
      <c r="C117" s="16">
        <v>23</v>
      </c>
      <c r="D117" s="17">
        <v>32</v>
      </c>
    </row>
    <row r="118" spans="1:4" ht="18" customHeight="1" x14ac:dyDescent="0.2">
      <c r="A118" s="14">
        <v>93</v>
      </c>
      <c r="B118" s="15">
        <v>3</v>
      </c>
      <c r="C118" s="16">
        <v>16</v>
      </c>
      <c r="D118" s="17">
        <v>19</v>
      </c>
    </row>
    <row r="119" spans="1:4" ht="18" customHeight="1" x14ac:dyDescent="0.2">
      <c r="A119" s="14">
        <v>94</v>
      </c>
      <c r="B119" s="15">
        <v>5</v>
      </c>
      <c r="C119" s="16">
        <v>20</v>
      </c>
      <c r="D119" s="17">
        <v>25</v>
      </c>
    </row>
    <row r="120" spans="1:4" ht="18" customHeight="1" x14ac:dyDescent="0.2">
      <c r="A120" s="18" t="s">
        <v>68</v>
      </c>
      <c r="B120" s="15">
        <v>42</v>
      </c>
      <c r="C120" s="16">
        <v>112</v>
      </c>
      <c r="D120" s="17">
        <v>154</v>
      </c>
    </row>
    <row r="121" spans="1:4" ht="18" customHeight="1" x14ac:dyDescent="0.2">
      <c r="A121" s="14">
        <v>95</v>
      </c>
      <c r="B121" s="15">
        <v>4</v>
      </c>
      <c r="C121" s="16">
        <v>11</v>
      </c>
      <c r="D121" s="17">
        <v>15</v>
      </c>
    </row>
    <row r="122" spans="1:4" ht="18" customHeight="1" x14ac:dyDescent="0.2">
      <c r="A122" s="14">
        <v>96</v>
      </c>
      <c r="B122" s="15">
        <v>4</v>
      </c>
      <c r="C122" s="16">
        <v>12</v>
      </c>
      <c r="D122" s="17">
        <v>16</v>
      </c>
    </row>
    <row r="123" spans="1:4" ht="18" customHeight="1" x14ac:dyDescent="0.2">
      <c r="A123" s="14">
        <v>97</v>
      </c>
      <c r="B123" s="15">
        <v>3</v>
      </c>
      <c r="C123" s="16">
        <v>5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1</v>
      </c>
      <c r="C126" s="16">
        <v>35</v>
      </c>
      <c r="D126" s="17">
        <v>4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633</v>
      </c>
      <c r="C130" s="5">
        <v>2141</v>
      </c>
      <c r="D130" s="6">
        <v>3774</v>
      </c>
    </row>
    <row r="131" spans="1:4" ht="18" customHeight="1" x14ac:dyDescent="0.2">
      <c r="A131" s="20" t="s">
        <v>47</v>
      </c>
      <c r="B131" s="7">
        <v>7313</v>
      </c>
      <c r="C131" s="8">
        <v>7692</v>
      </c>
      <c r="D131" s="9">
        <v>1500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3</v>
      </c>
      <c r="C5" s="12">
        <v>18</v>
      </c>
      <c r="D5" s="13">
        <v>41</v>
      </c>
    </row>
    <row r="6" spans="1:10" ht="18" customHeight="1" x14ac:dyDescent="0.2">
      <c r="A6" s="14">
        <v>1</v>
      </c>
      <c r="B6" s="15">
        <v>36</v>
      </c>
      <c r="C6" s="16">
        <v>21</v>
      </c>
      <c r="D6" s="17">
        <v>57</v>
      </c>
    </row>
    <row r="7" spans="1:10" ht="18" customHeight="1" x14ac:dyDescent="0.2">
      <c r="A7" s="14">
        <v>2</v>
      </c>
      <c r="B7" s="15">
        <v>22</v>
      </c>
      <c r="C7" s="16">
        <v>29</v>
      </c>
      <c r="D7" s="17">
        <v>51</v>
      </c>
    </row>
    <row r="8" spans="1:10" ht="18" customHeight="1" x14ac:dyDescent="0.2">
      <c r="A8" s="14">
        <v>3</v>
      </c>
      <c r="B8" s="15">
        <v>28</v>
      </c>
      <c r="C8" s="16">
        <v>29</v>
      </c>
      <c r="D8" s="17">
        <v>57</v>
      </c>
    </row>
    <row r="9" spans="1:10" ht="18" customHeight="1" x14ac:dyDescent="0.2">
      <c r="A9" s="14">
        <v>4</v>
      </c>
      <c r="B9" s="15">
        <v>29</v>
      </c>
      <c r="C9" s="16">
        <v>31</v>
      </c>
      <c r="D9" s="17">
        <v>60</v>
      </c>
    </row>
    <row r="10" spans="1:10" ht="18" customHeight="1" x14ac:dyDescent="0.2">
      <c r="A10" s="18" t="s">
        <v>48</v>
      </c>
      <c r="B10" s="15">
        <v>138</v>
      </c>
      <c r="C10" s="16">
        <v>128</v>
      </c>
      <c r="D10" s="17">
        <v>266</v>
      </c>
    </row>
    <row r="11" spans="1:10" ht="18" customHeight="1" x14ac:dyDescent="0.2">
      <c r="A11" s="14">
        <v>5</v>
      </c>
      <c r="B11" s="15">
        <v>26</v>
      </c>
      <c r="C11" s="16">
        <v>25</v>
      </c>
      <c r="D11" s="17">
        <v>51</v>
      </c>
    </row>
    <row r="12" spans="1:10" ht="18" customHeight="1" x14ac:dyDescent="0.2">
      <c r="A12" s="14">
        <v>6</v>
      </c>
      <c r="B12" s="15">
        <v>23</v>
      </c>
      <c r="C12" s="16">
        <v>31</v>
      </c>
      <c r="D12" s="17">
        <v>54</v>
      </c>
    </row>
    <row r="13" spans="1:10" ht="18" customHeight="1" x14ac:dyDescent="0.2">
      <c r="A13" s="14">
        <v>7</v>
      </c>
      <c r="B13" s="15">
        <v>28</v>
      </c>
      <c r="C13" s="16">
        <v>31</v>
      </c>
      <c r="D13" s="17">
        <v>59</v>
      </c>
    </row>
    <row r="14" spans="1:10" ht="18" customHeight="1" x14ac:dyDescent="0.2">
      <c r="A14" s="14">
        <v>8</v>
      </c>
      <c r="B14" s="15">
        <v>26</v>
      </c>
      <c r="C14" s="16">
        <v>26</v>
      </c>
      <c r="D14" s="17">
        <v>52</v>
      </c>
    </row>
    <row r="15" spans="1:10" ht="18" customHeight="1" x14ac:dyDescent="0.2">
      <c r="A15" s="14">
        <v>9</v>
      </c>
      <c r="B15" s="15">
        <v>31</v>
      </c>
      <c r="C15" s="16">
        <v>27</v>
      </c>
      <c r="D15" s="17">
        <v>58</v>
      </c>
    </row>
    <row r="16" spans="1:10" ht="18" customHeight="1" x14ac:dyDescent="0.2">
      <c r="A16" s="18" t="s">
        <v>49</v>
      </c>
      <c r="B16" s="15">
        <v>134</v>
      </c>
      <c r="C16" s="16">
        <v>140</v>
      </c>
      <c r="D16" s="17">
        <v>274</v>
      </c>
    </row>
    <row r="17" spans="1:4" ht="18" customHeight="1" x14ac:dyDescent="0.2">
      <c r="A17" s="14">
        <v>10</v>
      </c>
      <c r="B17" s="15">
        <v>27</v>
      </c>
      <c r="C17" s="16">
        <v>25</v>
      </c>
      <c r="D17" s="17">
        <v>52</v>
      </c>
    </row>
    <row r="18" spans="1:4" ht="18" customHeight="1" x14ac:dyDescent="0.2">
      <c r="A18" s="14">
        <v>11</v>
      </c>
      <c r="B18" s="15">
        <v>29</v>
      </c>
      <c r="C18" s="16">
        <v>26</v>
      </c>
      <c r="D18" s="17">
        <v>55</v>
      </c>
    </row>
    <row r="19" spans="1:4" ht="18" customHeight="1" x14ac:dyDescent="0.2">
      <c r="A19" s="14">
        <v>12</v>
      </c>
      <c r="B19" s="15">
        <v>32</v>
      </c>
      <c r="C19" s="16">
        <v>31</v>
      </c>
      <c r="D19" s="17">
        <v>63</v>
      </c>
    </row>
    <row r="20" spans="1:4" ht="18" customHeight="1" x14ac:dyDescent="0.2">
      <c r="A20" s="14">
        <v>13</v>
      </c>
      <c r="B20" s="15">
        <v>37</v>
      </c>
      <c r="C20" s="16">
        <v>29</v>
      </c>
      <c r="D20" s="17">
        <v>66</v>
      </c>
    </row>
    <row r="21" spans="1:4" ht="18" customHeight="1" x14ac:dyDescent="0.2">
      <c r="A21" s="14">
        <v>14</v>
      </c>
      <c r="B21" s="15">
        <v>27</v>
      </c>
      <c r="C21" s="16">
        <v>31</v>
      </c>
      <c r="D21" s="17">
        <v>58</v>
      </c>
    </row>
    <row r="22" spans="1:4" ht="18" customHeight="1" x14ac:dyDescent="0.2">
      <c r="A22" s="18" t="s">
        <v>50</v>
      </c>
      <c r="B22" s="15">
        <v>152</v>
      </c>
      <c r="C22" s="16">
        <v>142</v>
      </c>
      <c r="D22" s="17">
        <v>294</v>
      </c>
    </row>
    <row r="23" spans="1:4" ht="18" customHeight="1" x14ac:dyDescent="0.2">
      <c r="A23" s="18" t="s">
        <v>51</v>
      </c>
      <c r="B23" s="15">
        <v>424</v>
      </c>
      <c r="C23" s="16">
        <v>410</v>
      </c>
      <c r="D23" s="17">
        <v>834</v>
      </c>
    </row>
    <row r="24" spans="1:4" ht="18" customHeight="1" x14ac:dyDescent="0.2">
      <c r="A24" s="14">
        <v>15</v>
      </c>
      <c r="B24" s="15">
        <v>35</v>
      </c>
      <c r="C24" s="16">
        <v>41</v>
      </c>
      <c r="D24" s="17">
        <v>76</v>
      </c>
    </row>
    <row r="25" spans="1:4" ht="18" customHeight="1" x14ac:dyDescent="0.2">
      <c r="A25" s="14">
        <v>16</v>
      </c>
      <c r="B25" s="15">
        <v>27</v>
      </c>
      <c r="C25" s="16">
        <v>26</v>
      </c>
      <c r="D25" s="17">
        <v>53</v>
      </c>
    </row>
    <row r="26" spans="1:4" ht="18" customHeight="1" x14ac:dyDescent="0.2">
      <c r="A26" s="14">
        <v>17</v>
      </c>
      <c r="B26" s="15">
        <v>34</v>
      </c>
      <c r="C26" s="16">
        <v>34</v>
      </c>
      <c r="D26" s="17">
        <v>68</v>
      </c>
    </row>
    <row r="27" spans="1:4" ht="18" customHeight="1" x14ac:dyDescent="0.2">
      <c r="A27" s="14">
        <v>18</v>
      </c>
      <c r="B27" s="15">
        <v>42</v>
      </c>
      <c r="C27" s="16">
        <v>42</v>
      </c>
      <c r="D27" s="17">
        <v>84</v>
      </c>
    </row>
    <row r="28" spans="1:4" ht="18" customHeight="1" x14ac:dyDescent="0.2">
      <c r="A28" s="14">
        <v>19</v>
      </c>
      <c r="B28" s="15">
        <v>36</v>
      </c>
      <c r="C28" s="16">
        <v>33</v>
      </c>
      <c r="D28" s="17">
        <v>69</v>
      </c>
    </row>
    <row r="29" spans="1:4" ht="18" customHeight="1" x14ac:dyDescent="0.2">
      <c r="A29" s="18" t="s">
        <v>52</v>
      </c>
      <c r="B29" s="15">
        <v>174</v>
      </c>
      <c r="C29" s="16">
        <v>176</v>
      </c>
      <c r="D29" s="17">
        <v>350</v>
      </c>
    </row>
    <row r="30" spans="1:4" ht="18" customHeight="1" x14ac:dyDescent="0.2">
      <c r="A30" s="14">
        <v>20</v>
      </c>
      <c r="B30" s="15">
        <v>37</v>
      </c>
      <c r="C30" s="16">
        <v>30</v>
      </c>
      <c r="D30" s="17">
        <v>67</v>
      </c>
    </row>
    <row r="31" spans="1:4" ht="18" customHeight="1" x14ac:dyDescent="0.2">
      <c r="A31" s="14">
        <v>21</v>
      </c>
      <c r="B31" s="15">
        <v>48</v>
      </c>
      <c r="C31" s="16">
        <v>34</v>
      </c>
      <c r="D31" s="17">
        <v>82</v>
      </c>
    </row>
    <row r="32" spans="1:4" ht="18" customHeight="1" x14ac:dyDescent="0.2">
      <c r="A32" s="14">
        <v>22</v>
      </c>
      <c r="B32" s="15">
        <v>44</v>
      </c>
      <c r="C32" s="16">
        <v>37</v>
      </c>
      <c r="D32" s="17">
        <v>81</v>
      </c>
    </row>
    <row r="33" spans="1:4" ht="18" customHeight="1" x14ac:dyDescent="0.2">
      <c r="A33" s="14">
        <v>23</v>
      </c>
      <c r="B33" s="15">
        <v>54</v>
      </c>
      <c r="C33" s="16">
        <v>35</v>
      </c>
      <c r="D33" s="17">
        <v>89</v>
      </c>
    </row>
    <row r="34" spans="1:4" ht="18" customHeight="1" x14ac:dyDescent="0.2">
      <c r="A34" s="14">
        <v>24</v>
      </c>
      <c r="B34" s="15">
        <v>69</v>
      </c>
      <c r="C34" s="16">
        <v>45</v>
      </c>
      <c r="D34" s="17">
        <v>114</v>
      </c>
    </row>
    <row r="35" spans="1:4" ht="18" customHeight="1" x14ac:dyDescent="0.2">
      <c r="A35" s="18" t="s">
        <v>53</v>
      </c>
      <c r="B35" s="15">
        <v>252</v>
      </c>
      <c r="C35" s="16">
        <v>181</v>
      </c>
      <c r="D35" s="17">
        <v>433</v>
      </c>
    </row>
    <row r="36" spans="1:4" ht="18" customHeight="1" x14ac:dyDescent="0.2">
      <c r="A36" s="14">
        <v>25</v>
      </c>
      <c r="B36" s="15">
        <v>82</v>
      </c>
      <c r="C36" s="16">
        <v>46</v>
      </c>
      <c r="D36" s="17">
        <v>128</v>
      </c>
    </row>
    <row r="37" spans="1:4" ht="18" customHeight="1" x14ac:dyDescent="0.2">
      <c r="A37" s="14">
        <v>26</v>
      </c>
      <c r="B37" s="15">
        <v>83</v>
      </c>
      <c r="C37" s="16">
        <v>43</v>
      </c>
      <c r="D37" s="17">
        <v>126</v>
      </c>
    </row>
    <row r="38" spans="1:4" ht="18" customHeight="1" x14ac:dyDescent="0.2">
      <c r="A38" s="14">
        <v>27</v>
      </c>
      <c r="B38" s="15">
        <v>64</v>
      </c>
      <c r="C38" s="16">
        <v>39</v>
      </c>
      <c r="D38" s="17">
        <v>103</v>
      </c>
    </row>
    <row r="39" spans="1:4" ht="18" customHeight="1" x14ac:dyDescent="0.2">
      <c r="A39" s="14">
        <v>28</v>
      </c>
      <c r="B39" s="15">
        <v>57</v>
      </c>
      <c r="C39" s="16">
        <v>24</v>
      </c>
      <c r="D39" s="17">
        <v>81</v>
      </c>
    </row>
    <row r="40" spans="1:4" ht="18" customHeight="1" x14ac:dyDescent="0.2">
      <c r="A40" s="14">
        <v>29</v>
      </c>
      <c r="B40" s="15">
        <v>43</v>
      </c>
      <c r="C40" s="16">
        <v>43</v>
      </c>
      <c r="D40" s="17">
        <v>86</v>
      </c>
    </row>
    <row r="41" spans="1:4" ht="18" customHeight="1" x14ac:dyDescent="0.2">
      <c r="A41" s="18" t="s">
        <v>54</v>
      </c>
      <c r="B41" s="15">
        <v>329</v>
      </c>
      <c r="C41" s="16">
        <v>195</v>
      </c>
      <c r="D41" s="17">
        <v>524</v>
      </c>
    </row>
    <row r="42" spans="1:4" ht="18" customHeight="1" x14ac:dyDescent="0.2">
      <c r="A42" s="14">
        <v>30</v>
      </c>
      <c r="B42" s="15">
        <v>44</v>
      </c>
      <c r="C42" s="16">
        <v>38</v>
      </c>
      <c r="D42" s="17">
        <v>82</v>
      </c>
    </row>
    <row r="43" spans="1:4" ht="18" customHeight="1" x14ac:dyDescent="0.2">
      <c r="A43" s="14">
        <v>31</v>
      </c>
      <c r="B43" s="15">
        <v>51</v>
      </c>
      <c r="C43" s="16">
        <v>48</v>
      </c>
      <c r="D43" s="17">
        <v>99</v>
      </c>
    </row>
    <row r="44" spans="1:4" ht="18" customHeight="1" x14ac:dyDescent="0.2">
      <c r="A44" s="14">
        <v>32</v>
      </c>
      <c r="B44" s="15">
        <v>43</v>
      </c>
      <c r="C44" s="16">
        <v>38</v>
      </c>
      <c r="D44" s="17">
        <v>81</v>
      </c>
    </row>
    <row r="45" spans="1:4" ht="18" customHeight="1" x14ac:dyDescent="0.2">
      <c r="A45" s="14">
        <v>33</v>
      </c>
      <c r="B45" s="15">
        <v>38</v>
      </c>
      <c r="C45" s="16">
        <v>50</v>
      </c>
      <c r="D45" s="17">
        <v>88</v>
      </c>
    </row>
    <row r="46" spans="1:4" ht="18" customHeight="1" x14ac:dyDescent="0.2">
      <c r="A46" s="14">
        <v>34</v>
      </c>
      <c r="B46" s="15">
        <v>58</v>
      </c>
      <c r="C46" s="16">
        <v>44</v>
      </c>
      <c r="D46" s="17">
        <v>102</v>
      </c>
    </row>
    <row r="47" spans="1:4" ht="18" customHeight="1" x14ac:dyDescent="0.2">
      <c r="A47" s="18" t="s">
        <v>55</v>
      </c>
      <c r="B47" s="15">
        <v>234</v>
      </c>
      <c r="C47" s="16">
        <v>218</v>
      </c>
      <c r="D47" s="17">
        <v>452</v>
      </c>
    </row>
    <row r="48" spans="1:4" ht="18" customHeight="1" x14ac:dyDescent="0.2">
      <c r="A48" s="14">
        <v>35</v>
      </c>
      <c r="B48" s="15">
        <v>55</v>
      </c>
      <c r="C48" s="16">
        <v>30</v>
      </c>
      <c r="D48" s="17">
        <v>85</v>
      </c>
    </row>
    <row r="49" spans="1:4" ht="18" customHeight="1" x14ac:dyDescent="0.2">
      <c r="A49" s="14">
        <v>36</v>
      </c>
      <c r="B49" s="15">
        <v>54</v>
      </c>
      <c r="C49" s="16">
        <v>47</v>
      </c>
      <c r="D49" s="17">
        <v>101</v>
      </c>
    </row>
    <row r="50" spans="1:4" ht="18" customHeight="1" x14ac:dyDescent="0.2">
      <c r="A50" s="14">
        <v>37</v>
      </c>
      <c r="B50" s="15">
        <v>28</v>
      </c>
      <c r="C50" s="16">
        <v>42</v>
      </c>
      <c r="D50" s="17">
        <v>70</v>
      </c>
    </row>
    <row r="51" spans="1:4" ht="18" customHeight="1" x14ac:dyDescent="0.2">
      <c r="A51" s="14">
        <v>38</v>
      </c>
      <c r="B51" s="15">
        <v>42</v>
      </c>
      <c r="C51" s="16">
        <v>45</v>
      </c>
      <c r="D51" s="17">
        <v>87</v>
      </c>
    </row>
    <row r="52" spans="1:4" ht="18" customHeight="1" x14ac:dyDescent="0.2">
      <c r="A52" s="14">
        <v>39</v>
      </c>
      <c r="B52" s="15">
        <v>47</v>
      </c>
      <c r="C52" s="16">
        <v>56</v>
      </c>
      <c r="D52" s="17">
        <v>103</v>
      </c>
    </row>
    <row r="53" spans="1:4" ht="18" customHeight="1" x14ac:dyDescent="0.2">
      <c r="A53" s="18" t="s">
        <v>56</v>
      </c>
      <c r="B53" s="15">
        <v>226</v>
      </c>
      <c r="C53" s="16">
        <v>220</v>
      </c>
      <c r="D53" s="17">
        <v>446</v>
      </c>
    </row>
    <row r="54" spans="1:4" ht="18" customHeight="1" x14ac:dyDescent="0.2">
      <c r="A54" s="14">
        <v>40</v>
      </c>
      <c r="B54" s="15">
        <v>48</v>
      </c>
      <c r="C54" s="16">
        <v>47</v>
      </c>
      <c r="D54" s="17">
        <v>95</v>
      </c>
    </row>
    <row r="55" spans="1:4" ht="18" customHeight="1" x14ac:dyDescent="0.2">
      <c r="A55" s="14">
        <v>41</v>
      </c>
      <c r="B55" s="15">
        <v>68</v>
      </c>
      <c r="C55" s="16">
        <v>34</v>
      </c>
      <c r="D55" s="17">
        <v>102</v>
      </c>
    </row>
    <row r="56" spans="1:4" ht="18" customHeight="1" x14ac:dyDescent="0.2">
      <c r="A56" s="14">
        <v>42</v>
      </c>
      <c r="B56" s="15">
        <v>47</v>
      </c>
      <c r="C56" s="16">
        <v>52</v>
      </c>
      <c r="D56" s="17">
        <v>99</v>
      </c>
    </row>
    <row r="57" spans="1:4" ht="18" customHeight="1" x14ac:dyDescent="0.2">
      <c r="A57" s="14">
        <v>43</v>
      </c>
      <c r="B57" s="15">
        <v>51</v>
      </c>
      <c r="C57" s="16">
        <v>64</v>
      </c>
      <c r="D57" s="17">
        <v>115</v>
      </c>
    </row>
    <row r="58" spans="1:4" ht="18" customHeight="1" x14ac:dyDescent="0.2">
      <c r="A58" s="14">
        <v>44</v>
      </c>
      <c r="B58" s="15">
        <v>59</v>
      </c>
      <c r="C58" s="16">
        <v>68</v>
      </c>
      <c r="D58" s="17">
        <v>127</v>
      </c>
    </row>
    <row r="59" spans="1:4" ht="18" customHeight="1" x14ac:dyDescent="0.2">
      <c r="A59" s="18" t="s">
        <v>57</v>
      </c>
      <c r="B59" s="15">
        <v>273</v>
      </c>
      <c r="C59" s="16">
        <v>265</v>
      </c>
      <c r="D59" s="17">
        <v>538</v>
      </c>
    </row>
    <row r="60" spans="1:4" ht="18" customHeight="1" x14ac:dyDescent="0.2">
      <c r="A60" s="14">
        <v>45</v>
      </c>
      <c r="B60" s="15">
        <v>67</v>
      </c>
      <c r="C60" s="16">
        <v>64</v>
      </c>
      <c r="D60" s="17">
        <v>131</v>
      </c>
    </row>
    <row r="61" spans="1:4" ht="18" customHeight="1" x14ac:dyDescent="0.2">
      <c r="A61" s="14">
        <v>46</v>
      </c>
      <c r="B61" s="15">
        <v>71</v>
      </c>
      <c r="C61" s="16">
        <v>56</v>
      </c>
      <c r="D61" s="17">
        <v>127</v>
      </c>
    </row>
    <row r="62" spans="1:4" ht="18" customHeight="1" x14ac:dyDescent="0.2">
      <c r="A62" s="14">
        <v>47</v>
      </c>
      <c r="B62" s="15">
        <v>63</v>
      </c>
      <c r="C62" s="16">
        <v>62</v>
      </c>
      <c r="D62" s="17">
        <v>125</v>
      </c>
    </row>
    <row r="63" spans="1:4" ht="18" customHeight="1" x14ac:dyDescent="0.2">
      <c r="A63" s="14">
        <v>48</v>
      </c>
      <c r="B63" s="15">
        <v>67</v>
      </c>
      <c r="C63" s="16">
        <v>58</v>
      </c>
      <c r="D63" s="17">
        <v>125</v>
      </c>
    </row>
    <row r="64" spans="1:4" ht="18" customHeight="1" x14ac:dyDescent="0.2">
      <c r="A64" s="14">
        <v>49</v>
      </c>
      <c r="B64" s="15">
        <v>57</v>
      </c>
      <c r="C64" s="16">
        <v>45</v>
      </c>
      <c r="D64" s="17">
        <v>102</v>
      </c>
    </row>
    <row r="65" spans="1:4" ht="18" customHeight="1" x14ac:dyDescent="0.2">
      <c r="A65" s="18" t="s">
        <v>58</v>
      </c>
      <c r="B65" s="15">
        <v>325</v>
      </c>
      <c r="C65" s="16">
        <v>285</v>
      </c>
      <c r="D65" s="17">
        <v>610</v>
      </c>
    </row>
    <row r="66" spans="1:4" ht="18" customHeight="1" x14ac:dyDescent="0.2">
      <c r="A66" s="14">
        <v>50</v>
      </c>
      <c r="B66" s="15">
        <v>75</v>
      </c>
      <c r="C66" s="16">
        <v>46</v>
      </c>
      <c r="D66" s="17">
        <v>121</v>
      </c>
    </row>
    <row r="67" spans="1:4" ht="18" customHeight="1" x14ac:dyDescent="0.2">
      <c r="A67" s="14">
        <v>51</v>
      </c>
      <c r="B67" s="15">
        <v>70</v>
      </c>
      <c r="C67" s="16">
        <v>54</v>
      </c>
      <c r="D67" s="17">
        <v>124</v>
      </c>
    </row>
    <row r="68" spans="1:4" ht="18" customHeight="1" x14ac:dyDescent="0.2">
      <c r="A68" s="14">
        <v>52</v>
      </c>
      <c r="B68" s="15">
        <v>37</v>
      </c>
      <c r="C68" s="16">
        <v>43</v>
      </c>
      <c r="D68" s="17">
        <v>80</v>
      </c>
    </row>
    <row r="69" spans="1:4" ht="18" customHeight="1" x14ac:dyDescent="0.2">
      <c r="A69" s="14">
        <v>53</v>
      </c>
      <c r="B69" s="15">
        <v>56</v>
      </c>
      <c r="C69" s="16">
        <v>64</v>
      </c>
      <c r="D69" s="17">
        <v>120</v>
      </c>
    </row>
    <row r="70" spans="1:4" ht="18" customHeight="1" x14ac:dyDescent="0.2">
      <c r="A70" s="14">
        <v>54</v>
      </c>
      <c r="B70" s="15">
        <v>55</v>
      </c>
      <c r="C70" s="16">
        <v>47</v>
      </c>
      <c r="D70" s="17">
        <v>102</v>
      </c>
    </row>
    <row r="71" spans="1:4" ht="18" customHeight="1" x14ac:dyDescent="0.2">
      <c r="A71" s="18" t="s">
        <v>59</v>
      </c>
      <c r="B71" s="15">
        <v>293</v>
      </c>
      <c r="C71" s="16">
        <v>254</v>
      </c>
      <c r="D71" s="17">
        <v>547</v>
      </c>
    </row>
    <row r="72" spans="1:4" ht="18" customHeight="1" x14ac:dyDescent="0.2">
      <c r="A72" s="14">
        <v>55</v>
      </c>
      <c r="B72" s="15">
        <v>58</v>
      </c>
      <c r="C72" s="16">
        <v>55</v>
      </c>
      <c r="D72" s="17">
        <v>113</v>
      </c>
    </row>
    <row r="73" spans="1:4" ht="18" customHeight="1" x14ac:dyDescent="0.2">
      <c r="A73" s="14">
        <v>56</v>
      </c>
      <c r="B73" s="15">
        <v>37</v>
      </c>
      <c r="C73" s="16">
        <v>53</v>
      </c>
      <c r="D73" s="17">
        <v>90</v>
      </c>
    </row>
    <row r="74" spans="1:4" ht="18" customHeight="1" x14ac:dyDescent="0.2">
      <c r="A74" s="14">
        <v>57</v>
      </c>
      <c r="B74" s="15">
        <v>49</v>
      </c>
      <c r="C74" s="16">
        <v>47</v>
      </c>
      <c r="D74" s="17">
        <v>96</v>
      </c>
    </row>
    <row r="75" spans="1:4" ht="18" customHeight="1" x14ac:dyDescent="0.2">
      <c r="A75" s="14">
        <v>58</v>
      </c>
      <c r="B75" s="15">
        <v>44</v>
      </c>
      <c r="C75" s="16">
        <v>51</v>
      </c>
      <c r="D75" s="17">
        <v>95</v>
      </c>
    </row>
    <row r="76" spans="1:4" ht="18" customHeight="1" x14ac:dyDescent="0.2">
      <c r="A76" s="14">
        <v>59</v>
      </c>
      <c r="B76" s="15">
        <v>61</v>
      </c>
      <c r="C76" s="16">
        <v>53</v>
      </c>
      <c r="D76" s="17">
        <v>114</v>
      </c>
    </row>
    <row r="77" spans="1:4" ht="18" customHeight="1" x14ac:dyDescent="0.2">
      <c r="A77" s="18" t="s">
        <v>60</v>
      </c>
      <c r="B77" s="15">
        <v>249</v>
      </c>
      <c r="C77" s="16">
        <v>259</v>
      </c>
      <c r="D77" s="17">
        <v>508</v>
      </c>
    </row>
    <row r="78" spans="1:4" ht="18" customHeight="1" x14ac:dyDescent="0.2">
      <c r="A78" s="14">
        <v>60</v>
      </c>
      <c r="B78" s="15">
        <v>51</v>
      </c>
      <c r="C78" s="16">
        <v>41</v>
      </c>
      <c r="D78" s="17">
        <v>92</v>
      </c>
    </row>
    <row r="79" spans="1:4" ht="18" customHeight="1" x14ac:dyDescent="0.2">
      <c r="A79" s="14">
        <v>61</v>
      </c>
      <c r="B79" s="15">
        <v>50</v>
      </c>
      <c r="C79" s="16">
        <v>39</v>
      </c>
      <c r="D79" s="17">
        <v>89</v>
      </c>
    </row>
    <row r="80" spans="1:4" ht="18" customHeight="1" x14ac:dyDescent="0.2">
      <c r="A80" s="14">
        <v>62</v>
      </c>
      <c r="B80" s="15">
        <v>46</v>
      </c>
      <c r="C80" s="16">
        <v>51</v>
      </c>
      <c r="D80" s="17">
        <v>97</v>
      </c>
    </row>
    <row r="81" spans="1:4" ht="18" customHeight="1" x14ac:dyDescent="0.2">
      <c r="A81" s="14">
        <v>63</v>
      </c>
      <c r="B81" s="15">
        <v>51</v>
      </c>
      <c r="C81" s="16">
        <v>54</v>
      </c>
      <c r="D81" s="17">
        <v>105</v>
      </c>
    </row>
    <row r="82" spans="1:4" ht="18" customHeight="1" x14ac:dyDescent="0.2">
      <c r="A82" s="14">
        <v>64</v>
      </c>
      <c r="B82" s="15">
        <v>50</v>
      </c>
      <c r="C82" s="16">
        <v>47</v>
      </c>
      <c r="D82" s="17">
        <v>97</v>
      </c>
    </row>
    <row r="83" spans="1:4" ht="18" customHeight="1" x14ac:dyDescent="0.2">
      <c r="A83" s="18" t="s">
        <v>61</v>
      </c>
      <c r="B83" s="15">
        <v>248</v>
      </c>
      <c r="C83" s="16">
        <v>232</v>
      </c>
      <c r="D83" s="17">
        <v>480</v>
      </c>
    </row>
    <row r="84" spans="1:4" ht="18" customHeight="1" x14ac:dyDescent="0.2">
      <c r="A84" s="18" t="s">
        <v>62</v>
      </c>
      <c r="B84" s="15">
        <v>2603</v>
      </c>
      <c r="C84" s="16">
        <v>2285</v>
      </c>
      <c r="D84" s="17">
        <v>4888</v>
      </c>
    </row>
    <row r="85" spans="1:4" ht="18" customHeight="1" x14ac:dyDescent="0.2">
      <c r="A85" s="14">
        <v>65</v>
      </c>
      <c r="B85" s="15">
        <v>45</v>
      </c>
      <c r="C85" s="16">
        <v>48</v>
      </c>
      <c r="D85" s="17">
        <v>93</v>
      </c>
    </row>
    <row r="86" spans="1:4" ht="18" customHeight="1" x14ac:dyDescent="0.2">
      <c r="A86" s="14">
        <v>66</v>
      </c>
      <c r="B86" s="15">
        <v>47</v>
      </c>
      <c r="C86" s="16">
        <v>59</v>
      </c>
      <c r="D86" s="17">
        <v>106</v>
      </c>
    </row>
    <row r="87" spans="1:4" ht="18" customHeight="1" x14ac:dyDescent="0.2">
      <c r="A87" s="14">
        <v>67</v>
      </c>
      <c r="B87" s="15">
        <v>46</v>
      </c>
      <c r="C87" s="16">
        <v>60</v>
      </c>
      <c r="D87" s="17">
        <v>106</v>
      </c>
    </row>
    <row r="88" spans="1:4" ht="18" customHeight="1" x14ac:dyDescent="0.2">
      <c r="A88" s="14">
        <v>68</v>
      </c>
      <c r="B88" s="15">
        <v>61</v>
      </c>
      <c r="C88" s="16">
        <v>76</v>
      </c>
      <c r="D88" s="17">
        <v>137</v>
      </c>
    </row>
    <row r="89" spans="1:4" ht="18" customHeight="1" x14ac:dyDescent="0.2">
      <c r="A89" s="14">
        <v>69</v>
      </c>
      <c r="B89" s="15">
        <v>59</v>
      </c>
      <c r="C89" s="16">
        <v>88</v>
      </c>
      <c r="D89" s="17">
        <v>147</v>
      </c>
    </row>
    <row r="90" spans="1:4" ht="18" customHeight="1" x14ac:dyDescent="0.2">
      <c r="A90" s="18" t="s">
        <v>63</v>
      </c>
      <c r="B90" s="15">
        <v>258</v>
      </c>
      <c r="C90" s="16">
        <v>331</v>
      </c>
      <c r="D90" s="17">
        <v>589</v>
      </c>
    </row>
    <row r="91" spans="1:4" ht="18" customHeight="1" x14ac:dyDescent="0.2">
      <c r="A91" s="14">
        <v>70</v>
      </c>
      <c r="B91" s="15">
        <v>65</v>
      </c>
      <c r="C91" s="16">
        <v>76</v>
      </c>
      <c r="D91" s="17">
        <v>141</v>
      </c>
    </row>
    <row r="92" spans="1:4" ht="18" customHeight="1" x14ac:dyDescent="0.2">
      <c r="A92" s="14">
        <v>71</v>
      </c>
      <c r="B92" s="15">
        <v>88</v>
      </c>
      <c r="C92" s="16">
        <v>99</v>
      </c>
      <c r="D92" s="17">
        <v>187</v>
      </c>
    </row>
    <row r="93" spans="1:4" ht="18" customHeight="1" x14ac:dyDescent="0.2">
      <c r="A93" s="14">
        <v>72</v>
      </c>
      <c r="B93" s="15">
        <v>54</v>
      </c>
      <c r="C93" s="16">
        <v>55</v>
      </c>
      <c r="D93" s="17">
        <v>109</v>
      </c>
    </row>
    <row r="94" spans="1:4" ht="18" customHeight="1" x14ac:dyDescent="0.2">
      <c r="A94" s="14">
        <v>73</v>
      </c>
      <c r="B94" s="15">
        <v>52</v>
      </c>
      <c r="C94" s="16">
        <v>42</v>
      </c>
      <c r="D94" s="17">
        <v>94</v>
      </c>
    </row>
    <row r="95" spans="1:4" ht="18" customHeight="1" x14ac:dyDescent="0.2">
      <c r="A95" s="14">
        <v>74</v>
      </c>
      <c r="B95" s="15">
        <v>54</v>
      </c>
      <c r="C95" s="16">
        <v>52</v>
      </c>
      <c r="D95" s="17">
        <v>106</v>
      </c>
    </row>
    <row r="96" spans="1:4" ht="18" customHeight="1" x14ac:dyDescent="0.2">
      <c r="A96" s="18" t="s">
        <v>64</v>
      </c>
      <c r="B96" s="15">
        <v>313</v>
      </c>
      <c r="C96" s="16">
        <v>324</v>
      </c>
      <c r="D96" s="17">
        <v>637</v>
      </c>
    </row>
    <row r="97" spans="1:4" ht="18" customHeight="1" x14ac:dyDescent="0.2">
      <c r="A97" s="14">
        <v>75</v>
      </c>
      <c r="B97" s="15">
        <v>40</v>
      </c>
      <c r="C97" s="16">
        <v>79</v>
      </c>
      <c r="D97" s="17">
        <v>119</v>
      </c>
    </row>
    <row r="98" spans="1:4" ht="18" customHeight="1" x14ac:dyDescent="0.2">
      <c r="A98" s="14">
        <v>76</v>
      </c>
      <c r="B98" s="15">
        <v>55</v>
      </c>
      <c r="C98" s="16">
        <v>68</v>
      </c>
      <c r="D98" s="17">
        <v>123</v>
      </c>
    </row>
    <row r="99" spans="1:4" ht="18" customHeight="1" x14ac:dyDescent="0.2">
      <c r="A99" s="14">
        <v>77</v>
      </c>
      <c r="B99" s="15">
        <v>65</v>
      </c>
      <c r="C99" s="16">
        <v>60</v>
      </c>
      <c r="D99" s="17">
        <v>125</v>
      </c>
    </row>
    <row r="100" spans="1:4" ht="18" customHeight="1" x14ac:dyDescent="0.2">
      <c r="A100" s="14">
        <v>78</v>
      </c>
      <c r="B100" s="15">
        <v>37</v>
      </c>
      <c r="C100" s="16">
        <v>54</v>
      </c>
      <c r="D100" s="17">
        <v>91</v>
      </c>
    </row>
    <row r="101" spans="1:4" ht="18" customHeight="1" x14ac:dyDescent="0.2">
      <c r="A101" s="14">
        <v>79</v>
      </c>
      <c r="B101" s="15">
        <v>37</v>
      </c>
      <c r="C101" s="16">
        <v>45</v>
      </c>
      <c r="D101" s="17">
        <v>82</v>
      </c>
    </row>
    <row r="102" spans="1:4" ht="18" customHeight="1" x14ac:dyDescent="0.2">
      <c r="A102" s="18" t="s">
        <v>65</v>
      </c>
      <c r="B102" s="15">
        <v>234</v>
      </c>
      <c r="C102" s="16">
        <v>306</v>
      </c>
      <c r="D102" s="17">
        <v>540</v>
      </c>
    </row>
    <row r="103" spans="1:4" ht="18" customHeight="1" x14ac:dyDescent="0.2">
      <c r="A103" s="14">
        <v>80</v>
      </c>
      <c r="B103" s="15">
        <v>37</v>
      </c>
      <c r="C103" s="16">
        <v>45</v>
      </c>
      <c r="D103" s="17">
        <v>82</v>
      </c>
    </row>
    <row r="104" spans="1:4" ht="18" customHeight="1" x14ac:dyDescent="0.2">
      <c r="A104" s="14">
        <v>81</v>
      </c>
      <c r="B104" s="15">
        <v>35</v>
      </c>
      <c r="C104" s="16">
        <v>58</v>
      </c>
      <c r="D104" s="17">
        <v>93</v>
      </c>
    </row>
    <row r="105" spans="1:4" ht="18" customHeight="1" x14ac:dyDescent="0.2">
      <c r="A105" s="14">
        <v>82</v>
      </c>
      <c r="B105" s="15">
        <v>26</v>
      </c>
      <c r="C105" s="16">
        <v>51</v>
      </c>
      <c r="D105" s="17">
        <v>77</v>
      </c>
    </row>
    <row r="106" spans="1:4" ht="18" customHeight="1" x14ac:dyDescent="0.2">
      <c r="A106" s="14">
        <v>83</v>
      </c>
      <c r="B106" s="15">
        <v>37</v>
      </c>
      <c r="C106" s="16">
        <v>40</v>
      </c>
      <c r="D106" s="17">
        <v>77</v>
      </c>
    </row>
    <row r="107" spans="1:4" ht="18" customHeight="1" x14ac:dyDescent="0.2">
      <c r="A107" s="14">
        <v>84</v>
      </c>
      <c r="B107" s="15">
        <v>23</v>
      </c>
      <c r="C107" s="16">
        <v>55</v>
      </c>
      <c r="D107" s="17">
        <v>78</v>
      </c>
    </row>
    <row r="108" spans="1:4" ht="18" customHeight="1" x14ac:dyDescent="0.2">
      <c r="A108" s="18" t="s">
        <v>66</v>
      </c>
      <c r="B108" s="15">
        <v>158</v>
      </c>
      <c r="C108" s="16">
        <v>249</v>
      </c>
      <c r="D108" s="17">
        <v>407</v>
      </c>
    </row>
    <row r="109" spans="1:4" ht="18" customHeight="1" x14ac:dyDescent="0.2">
      <c r="A109" s="14">
        <v>85</v>
      </c>
      <c r="B109" s="15">
        <v>33</v>
      </c>
      <c r="C109" s="16">
        <v>40</v>
      </c>
      <c r="D109" s="17">
        <v>73</v>
      </c>
    </row>
    <row r="110" spans="1:4" ht="18" customHeight="1" x14ac:dyDescent="0.2">
      <c r="A110" s="14">
        <v>86</v>
      </c>
      <c r="B110" s="15">
        <v>28</v>
      </c>
      <c r="C110" s="16">
        <v>44</v>
      </c>
      <c r="D110" s="17">
        <v>72</v>
      </c>
    </row>
    <row r="111" spans="1:4" ht="18" customHeight="1" x14ac:dyDescent="0.2">
      <c r="A111" s="14">
        <v>87</v>
      </c>
      <c r="B111" s="15">
        <v>14</v>
      </c>
      <c r="C111" s="16">
        <v>36</v>
      </c>
      <c r="D111" s="17">
        <v>50</v>
      </c>
    </row>
    <row r="112" spans="1:4" ht="18" customHeight="1" x14ac:dyDescent="0.2">
      <c r="A112" s="14">
        <v>88</v>
      </c>
      <c r="B112" s="15">
        <v>14</v>
      </c>
      <c r="C112" s="16">
        <v>37</v>
      </c>
      <c r="D112" s="17">
        <v>51</v>
      </c>
    </row>
    <row r="113" spans="1:4" ht="18" customHeight="1" x14ac:dyDescent="0.2">
      <c r="A113" s="14">
        <v>89</v>
      </c>
      <c r="B113" s="15">
        <v>10</v>
      </c>
      <c r="C113" s="16">
        <v>39</v>
      </c>
      <c r="D113" s="17">
        <v>49</v>
      </c>
    </row>
    <row r="114" spans="1:4" ht="18" customHeight="1" x14ac:dyDescent="0.2">
      <c r="A114" s="18" t="s">
        <v>67</v>
      </c>
      <c r="B114" s="15">
        <v>99</v>
      </c>
      <c r="C114" s="16">
        <v>196</v>
      </c>
      <c r="D114" s="17">
        <v>295</v>
      </c>
    </row>
    <row r="115" spans="1:4" ht="18" customHeight="1" x14ac:dyDescent="0.2">
      <c r="A115" s="14">
        <v>90</v>
      </c>
      <c r="B115" s="15">
        <v>15</v>
      </c>
      <c r="C115" s="16">
        <v>23</v>
      </c>
      <c r="D115" s="17">
        <v>38</v>
      </c>
    </row>
    <row r="116" spans="1:4" ht="18" customHeight="1" x14ac:dyDescent="0.2">
      <c r="A116" s="14">
        <v>91</v>
      </c>
      <c r="B116" s="15">
        <v>6</v>
      </c>
      <c r="C116" s="16">
        <v>18</v>
      </c>
      <c r="D116" s="17">
        <v>24</v>
      </c>
    </row>
    <row r="117" spans="1:4" ht="18" customHeight="1" x14ac:dyDescent="0.2">
      <c r="A117" s="14">
        <v>92</v>
      </c>
      <c r="B117" s="15">
        <v>2</v>
      </c>
      <c r="C117" s="16">
        <v>20</v>
      </c>
      <c r="D117" s="17">
        <v>22</v>
      </c>
    </row>
    <row r="118" spans="1:4" ht="18" customHeight="1" x14ac:dyDescent="0.2">
      <c r="A118" s="14">
        <v>93</v>
      </c>
      <c r="B118" s="15">
        <v>5</v>
      </c>
      <c r="C118" s="16">
        <v>22</v>
      </c>
      <c r="D118" s="17">
        <v>27</v>
      </c>
    </row>
    <row r="119" spans="1:4" ht="18" customHeight="1" x14ac:dyDescent="0.2">
      <c r="A119" s="14">
        <v>94</v>
      </c>
      <c r="B119" s="15">
        <v>8</v>
      </c>
      <c r="C119" s="16">
        <v>7</v>
      </c>
      <c r="D119" s="17">
        <v>15</v>
      </c>
    </row>
    <row r="120" spans="1:4" ht="18" customHeight="1" x14ac:dyDescent="0.2">
      <c r="A120" s="18" t="s">
        <v>68</v>
      </c>
      <c r="B120" s="15">
        <v>36</v>
      </c>
      <c r="C120" s="16">
        <v>90</v>
      </c>
      <c r="D120" s="17">
        <v>126</v>
      </c>
    </row>
    <row r="121" spans="1:4" ht="18" customHeight="1" x14ac:dyDescent="0.2">
      <c r="A121" s="14">
        <v>95</v>
      </c>
      <c r="B121" s="15">
        <v>2</v>
      </c>
      <c r="C121" s="16">
        <v>13</v>
      </c>
      <c r="D121" s="17">
        <v>15</v>
      </c>
    </row>
    <row r="122" spans="1:4" ht="18" customHeight="1" x14ac:dyDescent="0.2">
      <c r="A122" s="14">
        <v>96</v>
      </c>
      <c r="B122" s="15">
        <v>3</v>
      </c>
      <c r="C122" s="16">
        <v>13</v>
      </c>
      <c r="D122" s="17">
        <v>16</v>
      </c>
    </row>
    <row r="123" spans="1:4" ht="18" customHeight="1" x14ac:dyDescent="0.2">
      <c r="A123" s="14">
        <v>97</v>
      </c>
      <c r="B123" s="15">
        <v>3</v>
      </c>
      <c r="C123" s="16">
        <v>10</v>
      </c>
      <c r="D123" s="17">
        <v>13</v>
      </c>
    </row>
    <row r="124" spans="1:4" ht="18" customHeight="1" x14ac:dyDescent="0.2">
      <c r="A124" s="14">
        <v>98</v>
      </c>
      <c r="B124" s="15">
        <v>1</v>
      </c>
      <c r="C124" s="16">
        <v>11</v>
      </c>
      <c r="D124" s="17">
        <v>12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10</v>
      </c>
      <c r="C126" s="16">
        <v>49</v>
      </c>
      <c r="D126" s="17">
        <v>5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109</v>
      </c>
      <c r="C130" s="5">
        <v>1549</v>
      </c>
      <c r="D130" s="6">
        <v>2658</v>
      </c>
    </row>
    <row r="131" spans="1:4" ht="18" customHeight="1" x14ac:dyDescent="0.2">
      <c r="A131" s="20" t="s">
        <v>47</v>
      </c>
      <c r="B131" s="7">
        <v>4136</v>
      </c>
      <c r="C131" s="8">
        <v>4244</v>
      </c>
      <c r="D131" s="9">
        <v>838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7</v>
      </c>
      <c r="C5" s="12">
        <v>31</v>
      </c>
      <c r="D5" s="13">
        <v>78</v>
      </c>
    </row>
    <row r="6" spans="1:10" ht="18" customHeight="1" x14ac:dyDescent="0.2">
      <c r="A6" s="14">
        <v>1</v>
      </c>
      <c r="B6" s="15">
        <v>34</v>
      </c>
      <c r="C6" s="16">
        <v>41</v>
      </c>
      <c r="D6" s="17">
        <v>75</v>
      </c>
    </row>
    <row r="7" spans="1:10" ht="18" customHeight="1" x14ac:dyDescent="0.2">
      <c r="A7" s="14">
        <v>2</v>
      </c>
      <c r="B7" s="15">
        <v>36</v>
      </c>
      <c r="C7" s="16">
        <v>42</v>
      </c>
      <c r="D7" s="17">
        <v>78</v>
      </c>
    </row>
    <row r="8" spans="1:10" ht="18" customHeight="1" x14ac:dyDescent="0.2">
      <c r="A8" s="14">
        <v>3</v>
      </c>
      <c r="B8" s="15">
        <v>42</v>
      </c>
      <c r="C8" s="16">
        <v>38</v>
      </c>
      <c r="D8" s="17">
        <v>80</v>
      </c>
    </row>
    <row r="9" spans="1:10" ht="18" customHeight="1" x14ac:dyDescent="0.2">
      <c r="A9" s="14">
        <v>4</v>
      </c>
      <c r="B9" s="15">
        <v>41</v>
      </c>
      <c r="C9" s="16">
        <v>48</v>
      </c>
      <c r="D9" s="17">
        <v>89</v>
      </c>
    </row>
    <row r="10" spans="1:10" ht="18" customHeight="1" x14ac:dyDescent="0.2">
      <c r="A10" s="18" t="s">
        <v>48</v>
      </c>
      <c r="B10" s="15">
        <v>200</v>
      </c>
      <c r="C10" s="16">
        <v>200</v>
      </c>
      <c r="D10" s="17">
        <v>400</v>
      </c>
    </row>
    <row r="11" spans="1:10" ht="18" customHeight="1" x14ac:dyDescent="0.2">
      <c r="A11" s="14">
        <v>5</v>
      </c>
      <c r="B11" s="15">
        <v>41</v>
      </c>
      <c r="C11" s="16">
        <v>38</v>
      </c>
      <c r="D11" s="17">
        <v>79</v>
      </c>
    </row>
    <row r="12" spans="1:10" ht="18" customHeight="1" x14ac:dyDescent="0.2">
      <c r="A12" s="14">
        <v>6</v>
      </c>
      <c r="B12" s="15">
        <v>40</v>
      </c>
      <c r="C12" s="16">
        <v>35</v>
      </c>
      <c r="D12" s="17">
        <v>75</v>
      </c>
    </row>
    <row r="13" spans="1:10" ht="18" customHeight="1" x14ac:dyDescent="0.2">
      <c r="A13" s="14">
        <v>7</v>
      </c>
      <c r="B13" s="15">
        <v>42</v>
      </c>
      <c r="C13" s="16">
        <v>39</v>
      </c>
      <c r="D13" s="17">
        <v>81</v>
      </c>
    </row>
    <row r="14" spans="1:10" ht="18" customHeight="1" x14ac:dyDescent="0.2">
      <c r="A14" s="14">
        <v>8</v>
      </c>
      <c r="B14" s="15">
        <v>49</v>
      </c>
      <c r="C14" s="16">
        <v>38</v>
      </c>
      <c r="D14" s="17">
        <v>87</v>
      </c>
    </row>
    <row r="15" spans="1:10" ht="18" customHeight="1" x14ac:dyDescent="0.2">
      <c r="A15" s="14">
        <v>9</v>
      </c>
      <c r="B15" s="15">
        <v>42</v>
      </c>
      <c r="C15" s="16">
        <v>45</v>
      </c>
      <c r="D15" s="17">
        <v>87</v>
      </c>
    </row>
    <row r="16" spans="1:10" ht="18" customHeight="1" x14ac:dyDescent="0.2">
      <c r="A16" s="18" t="s">
        <v>49</v>
      </c>
      <c r="B16" s="15">
        <v>214</v>
      </c>
      <c r="C16" s="16">
        <v>195</v>
      </c>
      <c r="D16" s="17">
        <v>409</v>
      </c>
    </row>
    <row r="17" spans="1:4" ht="18" customHeight="1" x14ac:dyDescent="0.2">
      <c r="A17" s="14">
        <v>10</v>
      </c>
      <c r="B17" s="15">
        <v>49</v>
      </c>
      <c r="C17" s="16">
        <v>36</v>
      </c>
      <c r="D17" s="17">
        <v>85</v>
      </c>
    </row>
    <row r="18" spans="1:4" ht="18" customHeight="1" x14ac:dyDescent="0.2">
      <c r="A18" s="14">
        <v>11</v>
      </c>
      <c r="B18" s="15">
        <v>48</v>
      </c>
      <c r="C18" s="16">
        <v>40</v>
      </c>
      <c r="D18" s="17">
        <v>88</v>
      </c>
    </row>
    <row r="19" spans="1:4" ht="18" customHeight="1" x14ac:dyDescent="0.2">
      <c r="A19" s="14">
        <v>12</v>
      </c>
      <c r="B19" s="15">
        <v>42</v>
      </c>
      <c r="C19" s="16">
        <v>52</v>
      </c>
      <c r="D19" s="17">
        <v>94</v>
      </c>
    </row>
    <row r="20" spans="1:4" ht="18" customHeight="1" x14ac:dyDescent="0.2">
      <c r="A20" s="14">
        <v>13</v>
      </c>
      <c r="B20" s="15">
        <v>60</v>
      </c>
      <c r="C20" s="16">
        <v>23</v>
      </c>
      <c r="D20" s="17">
        <v>83</v>
      </c>
    </row>
    <row r="21" spans="1:4" ht="18" customHeight="1" x14ac:dyDescent="0.2">
      <c r="A21" s="14">
        <v>14</v>
      </c>
      <c r="B21" s="15">
        <v>50</v>
      </c>
      <c r="C21" s="16">
        <v>54</v>
      </c>
      <c r="D21" s="17">
        <v>104</v>
      </c>
    </row>
    <row r="22" spans="1:4" ht="18" customHeight="1" x14ac:dyDescent="0.2">
      <c r="A22" s="18" t="s">
        <v>50</v>
      </c>
      <c r="B22" s="15">
        <v>249</v>
      </c>
      <c r="C22" s="16">
        <v>205</v>
      </c>
      <c r="D22" s="17">
        <v>454</v>
      </c>
    </row>
    <row r="23" spans="1:4" ht="18" customHeight="1" x14ac:dyDescent="0.2">
      <c r="A23" s="18" t="s">
        <v>51</v>
      </c>
      <c r="B23" s="15">
        <v>663</v>
      </c>
      <c r="C23" s="16">
        <v>600</v>
      </c>
      <c r="D23" s="17">
        <v>1263</v>
      </c>
    </row>
    <row r="24" spans="1:4" ht="18" customHeight="1" x14ac:dyDescent="0.2">
      <c r="A24" s="14">
        <v>15</v>
      </c>
      <c r="B24" s="15">
        <v>37</v>
      </c>
      <c r="C24" s="16">
        <v>43</v>
      </c>
      <c r="D24" s="17">
        <v>80</v>
      </c>
    </row>
    <row r="25" spans="1:4" ht="18" customHeight="1" x14ac:dyDescent="0.2">
      <c r="A25" s="14">
        <v>16</v>
      </c>
      <c r="B25" s="15">
        <v>51</v>
      </c>
      <c r="C25" s="16">
        <v>51</v>
      </c>
      <c r="D25" s="17">
        <v>102</v>
      </c>
    </row>
    <row r="26" spans="1:4" ht="18" customHeight="1" x14ac:dyDescent="0.2">
      <c r="A26" s="14">
        <v>17</v>
      </c>
      <c r="B26" s="15">
        <v>51</v>
      </c>
      <c r="C26" s="16">
        <v>54</v>
      </c>
      <c r="D26" s="17">
        <v>105</v>
      </c>
    </row>
    <row r="27" spans="1:4" ht="18" customHeight="1" x14ac:dyDescent="0.2">
      <c r="A27" s="14">
        <v>18</v>
      </c>
      <c r="B27" s="15">
        <v>44</v>
      </c>
      <c r="C27" s="16">
        <v>55</v>
      </c>
      <c r="D27" s="17">
        <v>99</v>
      </c>
    </row>
    <row r="28" spans="1:4" ht="18" customHeight="1" x14ac:dyDescent="0.2">
      <c r="A28" s="14">
        <v>19</v>
      </c>
      <c r="B28" s="15">
        <v>57</v>
      </c>
      <c r="C28" s="16">
        <v>58</v>
      </c>
      <c r="D28" s="17">
        <v>115</v>
      </c>
    </row>
    <row r="29" spans="1:4" ht="18" customHeight="1" x14ac:dyDescent="0.2">
      <c r="A29" s="18" t="s">
        <v>52</v>
      </c>
      <c r="B29" s="15">
        <v>240</v>
      </c>
      <c r="C29" s="16">
        <v>261</v>
      </c>
      <c r="D29" s="17">
        <v>501</v>
      </c>
    </row>
    <row r="30" spans="1:4" ht="18" customHeight="1" x14ac:dyDescent="0.2">
      <c r="A30" s="14">
        <v>20</v>
      </c>
      <c r="B30" s="15">
        <v>48</v>
      </c>
      <c r="C30" s="16">
        <v>35</v>
      </c>
      <c r="D30" s="17">
        <v>83</v>
      </c>
    </row>
    <row r="31" spans="1:4" ht="18" customHeight="1" x14ac:dyDescent="0.2">
      <c r="A31" s="14">
        <v>21</v>
      </c>
      <c r="B31" s="15">
        <v>39</v>
      </c>
      <c r="C31" s="16">
        <v>29</v>
      </c>
      <c r="D31" s="17">
        <v>68</v>
      </c>
    </row>
    <row r="32" spans="1:4" ht="18" customHeight="1" x14ac:dyDescent="0.2">
      <c r="A32" s="14">
        <v>22</v>
      </c>
      <c r="B32" s="15">
        <v>51</v>
      </c>
      <c r="C32" s="16">
        <v>38</v>
      </c>
      <c r="D32" s="17">
        <v>89</v>
      </c>
    </row>
    <row r="33" spans="1:4" ht="18" customHeight="1" x14ac:dyDescent="0.2">
      <c r="A33" s="14">
        <v>23</v>
      </c>
      <c r="B33" s="15">
        <v>69</v>
      </c>
      <c r="C33" s="16">
        <v>51</v>
      </c>
      <c r="D33" s="17">
        <v>120</v>
      </c>
    </row>
    <row r="34" spans="1:4" ht="18" customHeight="1" x14ac:dyDescent="0.2">
      <c r="A34" s="14">
        <v>24</v>
      </c>
      <c r="B34" s="15">
        <v>75</v>
      </c>
      <c r="C34" s="16">
        <v>42</v>
      </c>
      <c r="D34" s="17">
        <v>117</v>
      </c>
    </row>
    <row r="35" spans="1:4" ht="18" customHeight="1" x14ac:dyDescent="0.2">
      <c r="A35" s="18" t="s">
        <v>53</v>
      </c>
      <c r="B35" s="15">
        <v>282</v>
      </c>
      <c r="C35" s="16">
        <v>195</v>
      </c>
      <c r="D35" s="17">
        <v>477</v>
      </c>
    </row>
    <row r="36" spans="1:4" ht="18" customHeight="1" x14ac:dyDescent="0.2">
      <c r="A36" s="14">
        <v>25</v>
      </c>
      <c r="B36" s="15">
        <v>50</v>
      </c>
      <c r="C36" s="16">
        <v>40</v>
      </c>
      <c r="D36" s="17">
        <v>90</v>
      </c>
    </row>
    <row r="37" spans="1:4" ht="18" customHeight="1" x14ac:dyDescent="0.2">
      <c r="A37" s="14">
        <v>26</v>
      </c>
      <c r="B37" s="15">
        <v>58</v>
      </c>
      <c r="C37" s="16">
        <v>46</v>
      </c>
      <c r="D37" s="17">
        <v>104</v>
      </c>
    </row>
    <row r="38" spans="1:4" ht="18" customHeight="1" x14ac:dyDescent="0.2">
      <c r="A38" s="14">
        <v>27</v>
      </c>
      <c r="B38" s="15">
        <v>48</v>
      </c>
      <c r="C38" s="16">
        <v>48</v>
      </c>
      <c r="D38" s="17">
        <v>96</v>
      </c>
    </row>
    <row r="39" spans="1:4" ht="18" customHeight="1" x14ac:dyDescent="0.2">
      <c r="A39" s="14">
        <v>28</v>
      </c>
      <c r="B39" s="15">
        <v>67</v>
      </c>
      <c r="C39" s="16">
        <v>46</v>
      </c>
      <c r="D39" s="17">
        <v>113</v>
      </c>
    </row>
    <row r="40" spans="1:4" ht="18" customHeight="1" x14ac:dyDescent="0.2">
      <c r="A40" s="14">
        <v>29</v>
      </c>
      <c r="B40" s="15">
        <v>63</v>
      </c>
      <c r="C40" s="16">
        <v>47</v>
      </c>
      <c r="D40" s="17">
        <v>110</v>
      </c>
    </row>
    <row r="41" spans="1:4" ht="18" customHeight="1" x14ac:dyDescent="0.2">
      <c r="A41" s="18" t="s">
        <v>54</v>
      </c>
      <c r="B41" s="15">
        <v>286</v>
      </c>
      <c r="C41" s="16">
        <v>227</v>
      </c>
      <c r="D41" s="17">
        <v>513</v>
      </c>
    </row>
    <row r="42" spans="1:4" ht="18" customHeight="1" x14ac:dyDescent="0.2">
      <c r="A42" s="14">
        <v>30</v>
      </c>
      <c r="B42" s="15">
        <v>51</v>
      </c>
      <c r="C42" s="16">
        <v>57</v>
      </c>
      <c r="D42" s="17">
        <v>108</v>
      </c>
    </row>
    <row r="43" spans="1:4" ht="18" customHeight="1" x14ac:dyDescent="0.2">
      <c r="A43" s="14">
        <v>31</v>
      </c>
      <c r="B43" s="15">
        <v>55</v>
      </c>
      <c r="C43" s="16">
        <v>43</v>
      </c>
      <c r="D43" s="17">
        <v>98</v>
      </c>
    </row>
    <row r="44" spans="1:4" ht="18" customHeight="1" x14ac:dyDescent="0.2">
      <c r="A44" s="14">
        <v>32</v>
      </c>
      <c r="B44" s="15">
        <v>58</v>
      </c>
      <c r="C44" s="16">
        <v>49</v>
      </c>
      <c r="D44" s="17">
        <v>107</v>
      </c>
    </row>
    <row r="45" spans="1:4" ht="18" customHeight="1" x14ac:dyDescent="0.2">
      <c r="A45" s="14">
        <v>33</v>
      </c>
      <c r="B45" s="15">
        <v>56</v>
      </c>
      <c r="C45" s="16">
        <v>43</v>
      </c>
      <c r="D45" s="17">
        <v>99</v>
      </c>
    </row>
    <row r="46" spans="1:4" ht="18" customHeight="1" x14ac:dyDescent="0.2">
      <c r="A46" s="14">
        <v>34</v>
      </c>
      <c r="B46" s="15">
        <v>62</v>
      </c>
      <c r="C46" s="16">
        <v>49</v>
      </c>
      <c r="D46" s="17">
        <v>111</v>
      </c>
    </row>
    <row r="47" spans="1:4" ht="18" customHeight="1" x14ac:dyDescent="0.2">
      <c r="A47" s="18" t="s">
        <v>55</v>
      </c>
      <c r="B47" s="15">
        <v>282</v>
      </c>
      <c r="C47" s="16">
        <v>241</v>
      </c>
      <c r="D47" s="17">
        <v>523</v>
      </c>
    </row>
    <row r="48" spans="1:4" ht="18" customHeight="1" x14ac:dyDescent="0.2">
      <c r="A48" s="14">
        <v>35</v>
      </c>
      <c r="B48" s="15">
        <v>59</v>
      </c>
      <c r="C48" s="16">
        <v>76</v>
      </c>
      <c r="D48" s="17">
        <v>135</v>
      </c>
    </row>
    <row r="49" spans="1:4" ht="18" customHeight="1" x14ac:dyDescent="0.2">
      <c r="A49" s="14">
        <v>36</v>
      </c>
      <c r="B49" s="15">
        <v>58</v>
      </c>
      <c r="C49" s="16">
        <v>46</v>
      </c>
      <c r="D49" s="17">
        <v>104</v>
      </c>
    </row>
    <row r="50" spans="1:4" ht="18" customHeight="1" x14ac:dyDescent="0.2">
      <c r="A50" s="14">
        <v>37</v>
      </c>
      <c r="B50" s="15">
        <v>59</v>
      </c>
      <c r="C50" s="16">
        <v>41</v>
      </c>
      <c r="D50" s="17">
        <v>100</v>
      </c>
    </row>
    <row r="51" spans="1:4" ht="18" customHeight="1" x14ac:dyDescent="0.2">
      <c r="A51" s="14">
        <v>38</v>
      </c>
      <c r="B51" s="15">
        <v>63</v>
      </c>
      <c r="C51" s="16">
        <v>57</v>
      </c>
      <c r="D51" s="17">
        <v>120</v>
      </c>
    </row>
    <row r="52" spans="1:4" ht="18" customHeight="1" x14ac:dyDescent="0.2">
      <c r="A52" s="14">
        <v>39</v>
      </c>
      <c r="B52" s="15">
        <v>61</v>
      </c>
      <c r="C52" s="16">
        <v>63</v>
      </c>
      <c r="D52" s="17">
        <v>124</v>
      </c>
    </row>
    <row r="53" spans="1:4" ht="18" customHeight="1" x14ac:dyDescent="0.2">
      <c r="A53" s="18" t="s">
        <v>56</v>
      </c>
      <c r="B53" s="15">
        <v>300</v>
      </c>
      <c r="C53" s="16">
        <v>283</v>
      </c>
      <c r="D53" s="17">
        <v>583</v>
      </c>
    </row>
    <row r="54" spans="1:4" ht="18" customHeight="1" x14ac:dyDescent="0.2">
      <c r="A54" s="14">
        <v>40</v>
      </c>
      <c r="B54" s="15">
        <v>66</v>
      </c>
      <c r="C54" s="16">
        <v>53</v>
      </c>
      <c r="D54" s="17">
        <v>119</v>
      </c>
    </row>
    <row r="55" spans="1:4" ht="18" customHeight="1" x14ac:dyDescent="0.2">
      <c r="A55" s="14">
        <v>41</v>
      </c>
      <c r="B55" s="15">
        <v>79</v>
      </c>
      <c r="C55" s="16">
        <v>70</v>
      </c>
      <c r="D55" s="17">
        <v>149</v>
      </c>
    </row>
    <row r="56" spans="1:4" ht="18" customHeight="1" x14ac:dyDescent="0.2">
      <c r="A56" s="14">
        <v>42</v>
      </c>
      <c r="B56" s="15">
        <v>75</v>
      </c>
      <c r="C56" s="16">
        <v>68</v>
      </c>
      <c r="D56" s="17">
        <v>143</v>
      </c>
    </row>
    <row r="57" spans="1:4" ht="18" customHeight="1" x14ac:dyDescent="0.2">
      <c r="A57" s="14">
        <v>43</v>
      </c>
      <c r="B57" s="15">
        <v>73</v>
      </c>
      <c r="C57" s="16">
        <v>93</v>
      </c>
      <c r="D57" s="17">
        <v>166</v>
      </c>
    </row>
    <row r="58" spans="1:4" ht="18" customHeight="1" x14ac:dyDescent="0.2">
      <c r="A58" s="14">
        <v>44</v>
      </c>
      <c r="B58" s="15">
        <v>96</v>
      </c>
      <c r="C58" s="16">
        <v>83</v>
      </c>
      <c r="D58" s="17">
        <v>179</v>
      </c>
    </row>
    <row r="59" spans="1:4" ht="18" customHeight="1" x14ac:dyDescent="0.2">
      <c r="A59" s="18" t="s">
        <v>57</v>
      </c>
      <c r="B59" s="15">
        <v>389</v>
      </c>
      <c r="C59" s="16">
        <v>367</v>
      </c>
      <c r="D59" s="17">
        <v>756</v>
      </c>
    </row>
    <row r="60" spans="1:4" ht="18" customHeight="1" x14ac:dyDescent="0.2">
      <c r="A60" s="14">
        <v>45</v>
      </c>
      <c r="B60" s="15">
        <v>95</v>
      </c>
      <c r="C60" s="16">
        <v>103</v>
      </c>
      <c r="D60" s="17">
        <v>198</v>
      </c>
    </row>
    <row r="61" spans="1:4" ht="18" customHeight="1" x14ac:dyDescent="0.2">
      <c r="A61" s="14">
        <v>46</v>
      </c>
      <c r="B61" s="15">
        <v>103</v>
      </c>
      <c r="C61" s="16">
        <v>91</v>
      </c>
      <c r="D61" s="17">
        <v>194</v>
      </c>
    </row>
    <row r="62" spans="1:4" ht="18" customHeight="1" x14ac:dyDescent="0.2">
      <c r="A62" s="14">
        <v>47</v>
      </c>
      <c r="B62" s="15">
        <v>95</v>
      </c>
      <c r="C62" s="16">
        <v>95</v>
      </c>
      <c r="D62" s="17">
        <v>190</v>
      </c>
    </row>
    <row r="63" spans="1:4" ht="18" customHeight="1" x14ac:dyDescent="0.2">
      <c r="A63" s="14">
        <v>48</v>
      </c>
      <c r="B63" s="15">
        <v>68</v>
      </c>
      <c r="C63" s="16">
        <v>97</v>
      </c>
      <c r="D63" s="17">
        <v>165</v>
      </c>
    </row>
    <row r="64" spans="1:4" ht="18" customHeight="1" x14ac:dyDescent="0.2">
      <c r="A64" s="14">
        <v>49</v>
      </c>
      <c r="B64" s="15">
        <v>96</v>
      </c>
      <c r="C64" s="16">
        <v>82</v>
      </c>
      <c r="D64" s="17">
        <v>178</v>
      </c>
    </row>
    <row r="65" spans="1:4" ht="18" customHeight="1" x14ac:dyDescent="0.2">
      <c r="A65" s="18" t="s">
        <v>58</v>
      </c>
      <c r="B65" s="15">
        <v>457</v>
      </c>
      <c r="C65" s="16">
        <v>468</v>
      </c>
      <c r="D65" s="17">
        <v>925</v>
      </c>
    </row>
    <row r="66" spans="1:4" ht="18" customHeight="1" x14ac:dyDescent="0.2">
      <c r="A66" s="14">
        <v>50</v>
      </c>
      <c r="B66" s="15">
        <v>74</v>
      </c>
      <c r="C66" s="16">
        <v>77</v>
      </c>
      <c r="D66" s="17">
        <v>151</v>
      </c>
    </row>
    <row r="67" spans="1:4" ht="18" customHeight="1" x14ac:dyDescent="0.2">
      <c r="A67" s="14">
        <v>51</v>
      </c>
      <c r="B67" s="15">
        <v>95</v>
      </c>
      <c r="C67" s="16">
        <v>83</v>
      </c>
      <c r="D67" s="17">
        <v>178</v>
      </c>
    </row>
    <row r="68" spans="1:4" ht="18" customHeight="1" x14ac:dyDescent="0.2">
      <c r="A68" s="14">
        <v>52</v>
      </c>
      <c r="B68" s="15">
        <v>70</v>
      </c>
      <c r="C68" s="16">
        <v>45</v>
      </c>
      <c r="D68" s="17">
        <v>115</v>
      </c>
    </row>
    <row r="69" spans="1:4" ht="18" customHeight="1" x14ac:dyDescent="0.2">
      <c r="A69" s="14">
        <v>53</v>
      </c>
      <c r="B69" s="15">
        <v>63</v>
      </c>
      <c r="C69" s="16">
        <v>73</v>
      </c>
      <c r="D69" s="17">
        <v>136</v>
      </c>
    </row>
    <row r="70" spans="1:4" ht="18" customHeight="1" x14ac:dyDescent="0.2">
      <c r="A70" s="14">
        <v>54</v>
      </c>
      <c r="B70" s="15">
        <v>73</v>
      </c>
      <c r="C70" s="16">
        <v>65</v>
      </c>
      <c r="D70" s="17">
        <v>138</v>
      </c>
    </row>
    <row r="71" spans="1:4" ht="18" customHeight="1" x14ac:dyDescent="0.2">
      <c r="A71" s="18" t="s">
        <v>59</v>
      </c>
      <c r="B71" s="15">
        <v>375</v>
      </c>
      <c r="C71" s="16">
        <v>343</v>
      </c>
      <c r="D71" s="17">
        <v>718</v>
      </c>
    </row>
    <row r="72" spans="1:4" ht="18" customHeight="1" x14ac:dyDescent="0.2">
      <c r="A72" s="14">
        <v>55</v>
      </c>
      <c r="B72" s="15">
        <v>67</v>
      </c>
      <c r="C72" s="16">
        <v>60</v>
      </c>
      <c r="D72" s="17">
        <v>127</v>
      </c>
    </row>
    <row r="73" spans="1:4" ht="18" customHeight="1" x14ac:dyDescent="0.2">
      <c r="A73" s="14">
        <v>56</v>
      </c>
      <c r="B73" s="15">
        <v>54</v>
      </c>
      <c r="C73" s="16">
        <v>55</v>
      </c>
      <c r="D73" s="17">
        <v>109</v>
      </c>
    </row>
    <row r="74" spans="1:4" ht="18" customHeight="1" x14ac:dyDescent="0.2">
      <c r="A74" s="14">
        <v>57</v>
      </c>
      <c r="B74" s="15">
        <v>63</v>
      </c>
      <c r="C74" s="16">
        <v>67</v>
      </c>
      <c r="D74" s="17">
        <v>130</v>
      </c>
    </row>
    <row r="75" spans="1:4" ht="18" customHeight="1" x14ac:dyDescent="0.2">
      <c r="A75" s="14">
        <v>58</v>
      </c>
      <c r="B75" s="15">
        <v>54</v>
      </c>
      <c r="C75" s="16">
        <v>80</v>
      </c>
      <c r="D75" s="17">
        <v>134</v>
      </c>
    </row>
    <row r="76" spans="1:4" ht="18" customHeight="1" x14ac:dyDescent="0.2">
      <c r="A76" s="14">
        <v>59</v>
      </c>
      <c r="B76" s="15">
        <v>66</v>
      </c>
      <c r="C76" s="16">
        <v>63</v>
      </c>
      <c r="D76" s="17">
        <v>129</v>
      </c>
    </row>
    <row r="77" spans="1:4" ht="18" customHeight="1" x14ac:dyDescent="0.2">
      <c r="A77" s="18" t="s">
        <v>60</v>
      </c>
      <c r="B77" s="15">
        <v>304</v>
      </c>
      <c r="C77" s="16">
        <v>325</v>
      </c>
      <c r="D77" s="17">
        <v>629</v>
      </c>
    </row>
    <row r="78" spans="1:4" ht="18" customHeight="1" x14ac:dyDescent="0.2">
      <c r="A78" s="14">
        <v>60</v>
      </c>
      <c r="B78" s="15">
        <v>62</v>
      </c>
      <c r="C78" s="16">
        <v>50</v>
      </c>
      <c r="D78" s="17">
        <v>112</v>
      </c>
    </row>
    <row r="79" spans="1:4" ht="18" customHeight="1" x14ac:dyDescent="0.2">
      <c r="A79" s="14">
        <v>61</v>
      </c>
      <c r="B79" s="15">
        <v>63</v>
      </c>
      <c r="C79" s="16">
        <v>64</v>
      </c>
      <c r="D79" s="17">
        <v>127</v>
      </c>
    </row>
    <row r="80" spans="1:4" ht="18" customHeight="1" x14ac:dyDescent="0.2">
      <c r="A80" s="14">
        <v>62</v>
      </c>
      <c r="B80" s="15">
        <v>54</v>
      </c>
      <c r="C80" s="16">
        <v>60</v>
      </c>
      <c r="D80" s="17">
        <v>114</v>
      </c>
    </row>
    <row r="81" spans="1:4" ht="18" customHeight="1" x14ac:dyDescent="0.2">
      <c r="A81" s="14">
        <v>63</v>
      </c>
      <c r="B81" s="15">
        <v>67</v>
      </c>
      <c r="C81" s="16">
        <v>69</v>
      </c>
      <c r="D81" s="17">
        <v>136</v>
      </c>
    </row>
    <row r="82" spans="1:4" ht="18" customHeight="1" x14ac:dyDescent="0.2">
      <c r="A82" s="14">
        <v>64</v>
      </c>
      <c r="B82" s="15">
        <v>53</v>
      </c>
      <c r="C82" s="16">
        <v>62</v>
      </c>
      <c r="D82" s="17">
        <v>115</v>
      </c>
    </row>
    <row r="83" spans="1:4" ht="18" customHeight="1" x14ac:dyDescent="0.2">
      <c r="A83" s="18" t="s">
        <v>61</v>
      </c>
      <c r="B83" s="15">
        <v>299</v>
      </c>
      <c r="C83" s="16">
        <v>305</v>
      </c>
      <c r="D83" s="17">
        <v>604</v>
      </c>
    </row>
    <row r="84" spans="1:4" ht="18" customHeight="1" x14ac:dyDescent="0.2">
      <c r="A84" s="18" t="s">
        <v>62</v>
      </c>
      <c r="B84" s="15">
        <v>3214</v>
      </c>
      <c r="C84" s="16">
        <v>3015</v>
      </c>
      <c r="D84" s="17">
        <v>6229</v>
      </c>
    </row>
    <row r="85" spans="1:4" ht="18" customHeight="1" x14ac:dyDescent="0.2">
      <c r="A85" s="14">
        <v>65</v>
      </c>
      <c r="B85" s="15">
        <v>63</v>
      </c>
      <c r="C85" s="16">
        <v>60</v>
      </c>
      <c r="D85" s="17">
        <v>123</v>
      </c>
    </row>
    <row r="86" spans="1:4" ht="18" customHeight="1" x14ac:dyDescent="0.2">
      <c r="A86" s="14">
        <v>66</v>
      </c>
      <c r="B86" s="15">
        <v>75</v>
      </c>
      <c r="C86" s="16">
        <v>66</v>
      </c>
      <c r="D86" s="17">
        <v>141</v>
      </c>
    </row>
    <row r="87" spans="1:4" ht="18" customHeight="1" x14ac:dyDescent="0.2">
      <c r="A87" s="14">
        <v>67</v>
      </c>
      <c r="B87" s="15">
        <v>55</v>
      </c>
      <c r="C87" s="16">
        <v>83</v>
      </c>
      <c r="D87" s="17">
        <v>138</v>
      </c>
    </row>
    <row r="88" spans="1:4" ht="18" customHeight="1" x14ac:dyDescent="0.2">
      <c r="A88" s="14">
        <v>68</v>
      </c>
      <c r="B88" s="15">
        <v>65</v>
      </c>
      <c r="C88" s="16">
        <v>83</v>
      </c>
      <c r="D88" s="17">
        <v>148</v>
      </c>
    </row>
    <row r="89" spans="1:4" ht="18" customHeight="1" x14ac:dyDescent="0.2">
      <c r="A89" s="14">
        <v>69</v>
      </c>
      <c r="B89" s="15">
        <v>83</v>
      </c>
      <c r="C89" s="16">
        <v>96</v>
      </c>
      <c r="D89" s="17">
        <v>179</v>
      </c>
    </row>
    <row r="90" spans="1:4" ht="18" customHeight="1" x14ac:dyDescent="0.2">
      <c r="A90" s="18" t="s">
        <v>63</v>
      </c>
      <c r="B90" s="15">
        <v>341</v>
      </c>
      <c r="C90" s="16">
        <v>388</v>
      </c>
      <c r="D90" s="17">
        <v>729</v>
      </c>
    </row>
    <row r="91" spans="1:4" ht="18" customHeight="1" x14ac:dyDescent="0.2">
      <c r="A91" s="14">
        <v>70</v>
      </c>
      <c r="B91" s="15">
        <v>64</v>
      </c>
      <c r="C91" s="16">
        <v>89</v>
      </c>
      <c r="D91" s="17">
        <v>153</v>
      </c>
    </row>
    <row r="92" spans="1:4" ht="18" customHeight="1" x14ac:dyDescent="0.2">
      <c r="A92" s="14">
        <v>71</v>
      </c>
      <c r="B92" s="15">
        <v>101</v>
      </c>
      <c r="C92" s="16">
        <v>113</v>
      </c>
      <c r="D92" s="17">
        <v>214</v>
      </c>
    </row>
    <row r="93" spans="1:4" ht="18" customHeight="1" x14ac:dyDescent="0.2">
      <c r="A93" s="14">
        <v>72</v>
      </c>
      <c r="B93" s="15">
        <v>39</v>
      </c>
      <c r="C93" s="16">
        <v>68</v>
      </c>
      <c r="D93" s="17">
        <v>107</v>
      </c>
    </row>
    <row r="94" spans="1:4" ht="18" customHeight="1" x14ac:dyDescent="0.2">
      <c r="A94" s="14">
        <v>73</v>
      </c>
      <c r="B94" s="15">
        <v>43</v>
      </c>
      <c r="C94" s="16">
        <v>44</v>
      </c>
      <c r="D94" s="17">
        <v>87</v>
      </c>
    </row>
    <row r="95" spans="1:4" ht="18" customHeight="1" x14ac:dyDescent="0.2">
      <c r="A95" s="14">
        <v>74</v>
      </c>
      <c r="B95" s="15">
        <v>65</v>
      </c>
      <c r="C95" s="16">
        <v>88</v>
      </c>
      <c r="D95" s="17">
        <v>153</v>
      </c>
    </row>
    <row r="96" spans="1:4" ht="18" customHeight="1" x14ac:dyDescent="0.2">
      <c r="A96" s="18" t="s">
        <v>64</v>
      </c>
      <c r="B96" s="15">
        <v>312</v>
      </c>
      <c r="C96" s="16">
        <v>402</v>
      </c>
      <c r="D96" s="17">
        <v>714</v>
      </c>
    </row>
    <row r="97" spans="1:4" ht="18" customHeight="1" x14ac:dyDescent="0.2">
      <c r="A97" s="14">
        <v>75</v>
      </c>
      <c r="B97" s="15">
        <v>67</v>
      </c>
      <c r="C97" s="16">
        <v>65</v>
      </c>
      <c r="D97" s="17">
        <v>132</v>
      </c>
    </row>
    <row r="98" spans="1:4" ht="18" customHeight="1" x14ac:dyDescent="0.2">
      <c r="A98" s="14">
        <v>76</v>
      </c>
      <c r="B98" s="15">
        <v>64</v>
      </c>
      <c r="C98" s="16">
        <v>65</v>
      </c>
      <c r="D98" s="17">
        <v>129</v>
      </c>
    </row>
    <row r="99" spans="1:4" ht="18" customHeight="1" x14ac:dyDescent="0.2">
      <c r="A99" s="14">
        <v>77</v>
      </c>
      <c r="B99" s="15">
        <v>52</v>
      </c>
      <c r="C99" s="16">
        <v>77</v>
      </c>
      <c r="D99" s="17">
        <v>129</v>
      </c>
    </row>
    <row r="100" spans="1:4" ht="18" customHeight="1" x14ac:dyDescent="0.2">
      <c r="A100" s="14">
        <v>78</v>
      </c>
      <c r="B100" s="15">
        <v>40</v>
      </c>
      <c r="C100" s="16">
        <v>63</v>
      </c>
      <c r="D100" s="17">
        <v>103</v>
      </c>
    </row>
    <row r="101" spans="1:4" ht="18" customHeight="1" x14ac:dyDescent="0.2">
      <c r="A101" s="14">
        <v>79</v>
      </c>
      <c r="B101" s="15">
        <v>32</v>
      </c>
      <c r="C101" s="16">
        <v>59</v>
      </c>
      <c r="D101" s="17">
        <v>91</v>
      </c>
    </row>
    <row r="102" spans="1:4" ht="18" customHeight="1" x14ac:dyDescent="0.2">
      <c r="A102" s="18" t="s">
        <v>65</v>
      </c>
      <c r="B102" s="15">
        <v>255</v>
      </c>
      <c r="C102" s="16">
        <v>329</v>
      </c>
      <c r="D102" s="17">
        <v>584</v>
      </c>
    </row>
    <row r="103" spans="1:4" ht="18" customHeight="1" x14ac:dyDescent="0.2">
      <c r="A103" s="14">
        <v>80</v>
      </c>
      <c r="B103" s="15">
        <v>41</v>
      </c>
      <c r="C103" s="16">
        <v>59</v>
      </c>
      <c r="D103" s="17">
        <v>100</v>
      </c>
    </row>
    <row r="104" spans="1:4" ht="18" customHeight="1" x14ac:dyDescent="0.2">
      <c r="A104" s="14">
        <v>81</v>
      </c>
      <c r="B104" s="15">
        <v>50</v>
      </c>
      <c r="C104" s="16">
        <v>62</v>
      </c>
      <c r="D104" s="17">
        <v>112</v>
      </c>
    </row>
    <row r="105" spans="1:4" ht="18" customHeight="1" x14ac:dyDescent="0.2">
      <c r="A105" s="14">
        <v>82</v>
      </c>
      <c r="B105" s="15">
        <v>33</v>
      </c>
      <c r="C105" s="16">
        <v>68</v>
      </c>
      <c r="D105" s="17">
        <v>101</v>
      </c>
    </row>
    <row r="106" spans="1:4" ht="18" customHeight="1" x14ac:dyDescent="0.2">
      <c r="A106" s="14">
        <v>83</v>
      </c>
      <c r="B106" s="15">
        <v>42</v>
      </c>
      <c r="C106" s="16">
        <v>56</v>
      </c>
      <c r="D106" s="17">
        <v>98</v>
      </c>
    </row>
    <row r="107" spans="1:4" ht="18" customHeight="1" x14ac:dyDescent="0.2">
      <c r="A107" s="14">
        <v>84</v>
      </c>
      <c r="B107" s="15">
        <v>30</v>
      </c>
      <c r="C107" s="16">
        <v>54</v>
      </c>
      <c r="D107" s="17">
        <v>84</v>
      </c>
    </row>
    <row r="108" spans="1:4" ht="18" customHeight="1" x14ac:dyDescent="0.2">
      <c r="A108" s="18" t="s">
        <v>66</v>
      </c>
      <c r="B108" s="15">
        <v>196</v>
      </c>
      <c r="C108" s="16">
        <v>299</v>
      </c>
      <c r="D108" s="17">
        <v>495</v>
      </c>
    </row>
    <row r="109" spans="1:4" ht="18" customHeight="1" x14ac:dyDescent="0.2">
      <c r="A109" s="14">
        <v>85</v>
      </c>
      <c r="B109" s="15">
        <v>35</v>
      </c>
      <c r="C109" s="16">
        <v>61</v>
      </c>
      <c r="D109" s="17">
        <v>96</v>
      </c>
    </row>
    <row r="110" spans="1:4" ht="18" customHeight="1" x14ac:dyDescent="0.2">
      <c r="A110" s="14">
        <v>86</v>
      </c>
      <c r="B110" s="15">
        <v>29</v>
      </c>
      <c r="C110" s="16">
        <v>53</v>
      </c>
      <c r="D110" s="17">
        <v>82</v>
      </c>
    </row>
    <row r="111" spans="1:4" ht="18" customHeight="1" x14ac:dyDescent="0.2">
      <c r="A111" s="14">
        <v>87</v>
      </c>
      <c r="B111" s="15">
        <v>23</v>
      </c>
      <c r="C111" s="16">
        <v>51</v>
      </c>
      <c r="D111" s="17">
        <v>74</v>
      </c>
    </row>
    <row r="112" spans="1:4" ht="18" customHeight="1" x14ac:dyDescent="0.2">
      <c r="A112" s="14">
        <v>88</v>
      </c>
      <c r="B112" s="15">
        <v>23</v>
      </c>
      <c r="C112" s="16">
        <v>50</v>
      </c>
      <c r="D112" s="17">
        <v>73</v>
      </c>
    </row>
    <row r="113" spans="1:4" ht="18" customHeight="1" x14ac:dyDescent="0.2">
      <c r="A113" s="14">
        <v>89</v>
      </c>
      <c r="B113" s="15">
        <v>11</v>
      </c>
      <c r="C113" s="16">
        <v>34</v>
      </c>
      <c r="D113" s="17">
        <v>45</v>
      </c>
    </row>
    <row r="114" spans="1:4" ht="18" customHeight="1" x14ac:dyDescent="0.2">
      <c r="A114" s="18" t="s">
        <v>67</v>
      </c>
      <c r="B114" s="15">
        <v>121</v>
      </c>
      <c r="C114" s="16">
        <v>249</v>
      </c>
      <c r="D114" s="17">
        <v>370</v>
      </c>
    </row>
    <row r="115" spans="1:4" ht="18" customHeight="1" x14ac:dyDescent="0.2">
      <c r="A115" s="14">
        <v>90</v>
      </c>
      <c r="B115" s="15">
        <v>14</v>
      </c>
      <c r="C115" s="16">
        <v>31</v>
      </c>
      <c r="D115" s="17">
        <v>45</v>
      </c>
    </row>
    <row r="116" spans="1:4" ht="18" customHeight="1" x14ac:dyDescent="0.2">
      <c r="A116" s="14">
        <v>91</v>
      </c>
      <c r="B116" s="15">
        <v>11</v>
      </c>
      <c r="C116" s="16">
        <v>35</v>
      </c>
      <c r="D116" s="17">
        <v>46</v>
      </c>
    </row>
    <row r="117" spans="1:4" ht="18" customHeight="1" x14ac:dyDescent="0.2">
      <c r="A117" s="14">
        <v>92</v>
      </c>
      <c r="B117" s="15">
        <v>7</v>
      </c>
      <c r="C117" s="16">
        <v>29</v>
      </c>
      <c r="D117" s="17">
        <v>36</v>
      </c>
    </row>
    <row r="118" spans="1:4" ht="18" customHeight="1" x14ac:dyDescent="0.2">
      <c r="A118" s="14">
        <v>93</v>
      </c>
      <c r="B118" s="15">
        <v>10</v>
      </c>
      <c r="C118" s="16">
        <v>21</v>
      </c>
      <c r="D118" s="17">
        <v>31</v>
      </c>
    </row>
    <row r="119" spans="1:4" ht="18" customHeight="1" x14ac:dyDescent="0.2">
      <c r="A119" s="14">
        <v>94</v>
      </c>
      <c r="B119" s="15">
        <v>4</v>
      </c>
      <c r="C119" s="16">
        <v>11</v>
      </c>
      <c r="D119" s="17">
        <v>15</v>
      </c>
    </row>
    <row r="120" spans="1:4" ht="18" customHeight="1" x14ac:dyDescent="0.2">
      <c r="A120" s="18" t="s">
        <v>68</v>
      </c>
      <c r="B120" s="15">
        <v>46</v>
      </c>
      <c r="C120" s="16">
        <v>127</v>
      </c>
      <c r="D120" s="17">
        <v>173</v>
      </c>
    </row>
    <row r="121" spans="1:4" ht="18" customHeight="1" x14ac:dyDescent="0.2">
      <c r="A121" s="14">
        <v>95</v>
      </c>
      <c r="B121" s="15">
        <v>4</v>
      </c>
      <c r="C121" s="16">
        <v>20</v>
      </c>
      <c r="D121" s="17">
        <v>24</v>
      </c>
    </row>
    <row r="122" spans="1:4" ht="18" customHeight="1" x14ac:dyDescent="0.2">
      <c r="A122" s="14">
        <v>96</v>
      </c>
      <c r="B122" s="15">
        <v>3</v>
      </c>
      <c r="C122" s="16">
        <v>13</v>
      </c>
      <c r="D122" s="17">
        <v>16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8</v>
      </c>
      <c r="C126" s="16">
        <v>53</v>
      </c>
      <c r="D126" s="17">
        <v>6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9</v>
      </c>
      <c r="D128" s="17">
        <v>9</v>
      </c>
    </row>
    <row r="129" spans="1:4" ht="18" customHeight="1" x14ac:dyDescent="0.2">
      <c r="A129" s="18" t="s">
        <v>71</v>
      </c>
      <c r="B129" s="15">
        <v>0</v>
      </c>
      <c r="C129" s="16">
        <v>12</v>
      </c>
      <c r="D129" s="17">
        <v>12</v>
      </c>
    </row>
    <row r="130" spans="1:4" ht="18" customHeight="1" x14ac:dyDescent="0.2">
      <c r="A130" s="18" t="s">
        <v>72</v>
      </c>
      <c r="B130" s="4">
        <v>1279</v>
      </c>
      <c r="C130" s="5">
        <v>1859</v>
      </c>
      <c r="D130" s="6">
        <v>3138</v>
      </c>
    </row>
    <row r="131" spans="1:4" ht="18" customHeight="1" x14ac:dyDescent="0.2">
      <c r="A131" s="20" t="s">
        <v>47</v>
      </c>
      <c r="B131" s="7">
        <v>5156</v>
      </c>
      <c r="C131" s="8">
        <v>5474</v>
      </c>
      <c r="D131" s="9">
        <v>1063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4</v>
      </c>
      <c r="C5" s="12">
        <v>39</v>
      </c>
      <c r="D5" s="13">
        <v>83</v>
      </c>
    </row>
    <row r="6" spans="1:10" ht="18" customHeight="1" x14ac:dyDescent="0.2">
      <c r="A6" s="14">
        <v>1</v>
      </c>
      <c r="B6" s="15">
        <v>30</v>
      </c>
      <c r="C6" s="16">
        <v>40</v>
      </c>
      <c r="D6" s="17">
        <v>70</v>
      </c>
    </row>
    <row r="7" spans="1:10" ht="18" customHeight="1" x14ac:dyDescent="0.2">
      <c r="A7" s="14">
        <v>2</v>
      </c>
      <c r="B7" s="15">
        <v>34</v>
      </c>
      <c r="C7" s="16">
        <v>41</v>
      </c>
      <c r="D7" s="17">
        <v>75</v>
      </c>
    </row>
    <row r="8" spans="1:10" ht="18" customHeight="1" x14ac:dyDescent="0.2">
      <c r="A8" s="14">
        <v>3</v>
      </c>
      <c r="B8" s="15">
        <v>32</v>
      </c>
      <c r="C8" s="16">
        <v>32</v>
      </c>
      <c r="D8" s="17">
        <v>64</v>
      </c>
    </row>
    <row r="9" spans="1:10" ht="18" customHeight="1" x14ac:dyDescent="0.2">
      <c r="A9" s="14">
        <v>4</v>
      </c>
      <c r="B9" s="15">
        <v>35</v>
      </c>
      <c r="C9" s="16">
        <v>34</v>
      </c>
      <c r="D9" s="17">
        <v>69</v>
      </c>
    </row>
    <row r="10" spans="1:10" ht="18" customHeight="1" x14ac:dyDescent="0.2">
      <c r="A10" s="18" t="s">
        <v>48</v>
      </c>
      <c r="B10" s="15">
        <v>175</v>
      </c>
      <c r="C10" s="16">
        <v>186</v>
      </c>
      <c r="D10" s="17">
        <v>361</v>
      </c>
    </row>
    <row r="11" spans="1:10" ht="18" customHeight="1" x14ac:dyDescent="0.2">
      <c r="A11" s="14">
        <v>5</v>
      </c>
      <c r="B11" s="15">
        <v>29</v>
      </c>
      <c r="C11" s="16">
        <v>33</v>
      </c>
      <c r="D11" s="17">
        <v>62</v>
      </c>
    </row>
    <row r="12" spans="1:10" ht="18" customHeight="1" x14ac:dyDescent="0.2">
      <c r="A12" s="14">
        <v>6</v>
      </c>
      <c r="B12" s="15">
        <v>28</v>
      </c>
      <c r="C12" s="16">
        <v>32</v>
      </c>
      <c r="D12" s="17">
        <v>60</v>
      </c>
    </row>
    <row r="13" spans="1:10" ht="18" customHeight="1" x14ac:dyDescent="0.2">
      <c r="A13" s="14">
        <v>7</v>
      </c>
      <c r="B13" s="15">
        <v>28</v>
      </c>
      <c r="C13" s="16">
        <v>23</v>
      </c>
      <c r="D13" s="17">
        <v>51</v>
      </c>
    </row>
    <row r="14" spans="1:10" ht="18" customHeight="1" x14ac:dyDescent="0.2">
      <c r="A14" s="14">
        <v>8</v>
      </c>
      <c r="B14" s="15">
        <v>46</v>
      </c>
      <c r="C14" s="16">
        <v>36</v>
      </c>
      <c r="D14" s="17">
        <v>82</v>
      </c>
    </row>
    <row r="15" spans="1:10" ht="18" customHeight="1" x14ac:dyDescent="0.2">
      <c r="A15" s="14">
        <v>9</v>
      </c>
      <c r="B15" s="15">
        <v>31</v>
      </c>
      <c r="C15" s="16">
        <v>23</v>
      </c>
      <c r="D15" s="17">
        <v>54</v>
      </c>
    </row>
    <row r="16" spans="1:10" ht="18" customHeight="1" x14ac:dyDescent="0.2">
      <c r="A16" s="18" t="s">
        <v>49</v>
      </c>
      <c r="B16" s="15">
        <v>162</v>
      </c>
      <c r="C16" s="16">
        <v>147</v>
      </c>
      <c r="D16" s="17">
        <v>309</v>
      </c>
    </row>
    <row r="17" spans="1:4" ht="18" customHeight="1" x14ac:dyDescent="0.2">
      <c r="A17" s="14">
        <v>10</v>
      </c>
      <c r="B17" s="15">
        <v>38</v>
      </c>
      <c r="C17" s="16">
        <v>27</v>
      </c>
      <c r="D17" s="17">
        <v>65</v>
      </c>
    </row>
    <row r="18" spans="1:4" ht="18" customHeight="1" x14ac:dyDescent="0.2">
      <c r="A18" s="14">
        <v>11</v>
      </c>
      <c r="B18" s="15">
        <v>28</v>
      </c>
      <c r="C18" s="16">
        <v>22</v>
      </c>
      <c r="D18" s="17">
        <v>50</v>
      </c>
    </row>
    <row r="19" spans="1:4" ht="18" customHeight="1" x14ac:dyDescent="0.2">
      <c r="A19" s="14">
        <v>12</v>
      </c>
      <c r="B19" s="15">
        <v>38</v>
      </c>
      <c r="C19" s="16">
        <v>29</v>
      </c>
      <c r="D19" s="17">
        <v>67</v>
      </c>
    </row>
    <row r="20" spans="1:4" ht="18" customHeight="1" x14ac:dyDescent="0.2">
      <c r="A20" s="14">
        <v>13</v>
      </c>
      <c r="B20" s="15">
        <v>35</v>
      </c>
      <c r="C20" s="16">
        <v>28</v>
      </c>
      <c r="D20" s="17">
        <v>63</v>
      </c>
    </row>
    <row r="21" spans="1:4" ht="18" customHeight="1" x14ac:dyDescent="0.2">
      <c r="A21" s="14">
        <v>14</v>
      </c>
      <c r="B21" s="15">
        <v>19</v>
      </c>
      <c r="C21" s="16">
        <v>32</v>
      </c>
      <c r="D21" s="17">
        <v>51</v>
      </c>
    </row>
    <row r="22" spans="1:4" ht="18" customHeight="1" x14ac:dyDescent="0.2">
      <c r="A22" s="18" t="s">
        <v>50</v>
      </c>
      <c r="B22" s="15">
        <v>158</v>
      </c>
      <c r="C22" s="16">
        <v>138</v>
      </c>
      <c r="D22" s="17">
        <v>296</v>
      </c>
    </row>
    <row r="23" spans="1:4" ht="18" customHeight="1" x14ac:dyDescent="0.2">
      <c r="A23" s="18" t="s">
        <v>51</v>
      </c>
      <c r="B23" s="15">
        <v>495</v>
      </c>
      <c r="C23" s="16">
        <v>471</v>
      </c>
      <c r="D23" s="17">
        <v>966</v>
      </c>
    </row>
    <row r="24" spans="1:4" ht="18" customHeight="1" x14ac:dyDescent="0.2">
      <c r="A24" s="14">
        <v>15</v>
      </c>
      <c r="B24" s="15">
        <v>38</v>
      </c>
      <c r="C24" s="16">
        <v>30</v>
      </c>
      <c r="D24" s="17">
        <v>68</v>
      </c>
    </row>
    <row r="25" spans="1:4" ht="18" customHeight="1" x14ac:dyDescent="0.2">
      <c r="A25" s="14">
        <v>16</v>
      </c>
      <c r="B25" s="15">
        <v>28</v>
      </c>
      <c r="C25" s="16">
        <v>29</v>
      </c>
      <c r="D25" s="17">
        <v>57</v>
      </c>
    </row>
    <row r="26" spans="1:4" ht="18" customHeight="1" x14ac:dyDescent="0.2">
      <c r="A26" s="14">
        <v>17</v>
      </c>
      <c r="B26" s="15">
        <v>35</v>
      </c>
      <c r="C26" s="16">
        <v>29</v>
      </c>
      <c r="D26" s="17">
        <v>64</v>
      </c>
    </row>
    <row r="27" spans="1:4" ht="18" customHeight="1" x14ac:dyDescent="0.2">
      <c r="A27" s="14">
        <v>18</v>
      </c>
      <c r="B27" s="15">
        <v>31</v>
      </c>
      <c r="C27" s="16">
        <v>36</v>
      </c>
      <c r="D27" s="17">
        <v>67</v>
      </c>
    </row>
    <row r="28" spans="1:4" ht="18" customHeight="1" x14ac:dyDescent="0.2">
      <c r="A28" s="14">
        <v>19</v>
      </c>
      <c r="B28" s="15">
        <v>39</v>
      </c>
      <c r="C28" s="16">
        <v>35</v>
      </c>
      <c r="D28" s="17">
        <v>74</v>
      </c>
    </row>
    <row r="29" spans="1:4" ht="18" customHeight="1" x14ac:dyDescent="0.2">
      <c r="A29" s="18" t="s">
        <v>52</v>
      </c>
      <c r="B29" s="15">
        <v>171</v>
      </c>
      <c r="C29" s="16">
        <v>159</v>
      </c>
      <c r="D29" s="17">
        <v>330</v>
      </c>
    </row>
    <row r="30" spans="1:4" ht="18" customHeight="1" x14ac:dyDescent="0.2">
      <c r="A30" s="14">
        <v>20</v>
      </c>
      <c r="B30" s="15">
        <v>31</v>
      </c>
      <c r="C30" s="16">
        <v>49</v>
      </c>
      <c r="D30" s="17">
        <v>80</v>
      </c>
    </row>
    <row r="31" spans="1:4" ht="18" customHeight="1" x14ac:dyDescent="0.2">
      <c r="A31" s="14">
        <v>21</v>
      </c>
      <c r="B31" s="15">
        <v>27</v>
      </c>
      <c r="C31" s="16">
        <v>30</v>
      </c>
      <c r="D31" s="17">
        <v>57</v>
      </c>
    </row>
    <row r="32" spans="1:4" ht="18" customHeight="1" x14ac:dyDescent="0.2">
      <c r="A32" s="14">
        <v>22</v>
      </c>
      <c r="B32" s="15">
        <v>25</v>
      </c>
      <c r="C32" s="16">
        <v>36</v>
      </c>
      <c r="D32" s="17">
        <v>61</v>
      </c>
    </row>
    <row r="33" spans="1:4" ht="18" customHeight="1" x14ac:dyDescent="0.2">
      <c r="A33" s="14">
        <v>23</v>
      </c>
      <c r="B33" s="15">
        <v>46</v>
      </c>
      <c r="C33" s="16">
        <v>39</v>
      </c>
      <c r="D33" s="17">
        <v>85</v>
      </c>
    </row>
    <row r="34" spans="1:4" ht="18" customHeight="1" x14ac:dyDescent="0.2">
      <c r="A34" s="14">
        <v>24</v>
      </c>
      <c r="B34" s="15">
        <v>40</v>
      </c>
      <c r="C34" s="16">
        <v>31</v>
      </c>
      <c r="D34" s="17">
        <v>71</v>
      </c>
    </row>
    <row r="35" spans="1:4" ht="18" customHeight="1" x14ac:dyDescent="0.2">
      <c r="A35" s="18" t="s">
        <v>53</v>
      </c>
      <c r="B35" s="15">
        <v>169</v>
      </c>
      <c r="C35" s="16">
        <v>185</v>
      </c>
      <c r="D35" s="17">
        <v>354</v>
      </c>
    </row>
    <row r="36" spans="1:4" ht="18" customHeight="1" x14ac:dyDescent="0.2">
      <c r="A36" s="14">
        <v>25</v>
      </c>
      <c r="B36" s="15">
        <v>50</v>
      </c>
      <c r="C36" s="16">
        <v>48</v>
      </c>
      <c r="D36" s="17">
        <v>98</v>
      </c>
    </row>
    <row r="37" spans="1:4" ht="18" customHeight="1" x14ac:dyDescent="0.2">
      <c r="A37" s="14">
        <v>26</v>
      </c>
      <c r="B37" s="15">
        <v>45</v>
      </c>
      <c r="C37" s="16">
        <v>44</v>
      </c>
      <c r="D37" s="17">
        <v>89</v>
      </c>
    </row>
    <row r="38" spans="1:4" ht="18" customHeight="1" x14ac:dyDescent="0.2">
      <c r="A38" s="14">
        <v>27</v>
      </c>
      <c r="B38" s="15">
        <v>41</v>
      </c>
      <c r="C38" s="16">
        <v>32</v>
      </c>
      <c r="D38" s="17">
        <v>73</v>
      </c>
    </row>
    <row r="39" spans="1:4" ht="18" customHeight="1" x14ac:dyDescent="0.2">
      <c r="A39" s="14">
        <v>28</v>
      </c>
      <c r="B39" s="15">
        <v>38</v>
      </c>
      <c r="C39" s="16">
        <v>56</v>
      </c>
      <c r="D39" s="17">
        <v>94</v>
      </c>
    </row>
    <row r="40" spans="1:4" ht="18" customHeight="1" x14ac:dyDescent="0.2">
      <c r="A40" s="14">
        <v>29</v>
      </c>
      <c r="B40" s="15">
        <v>46</v>
      </c>
      <c r="C40" s="16">
        <v>46</v>
      </c>
      <c r="D40" s="17">
        <v>92</v>
      </c>
    </row>
    <row r="41" spans="1:4" ht="18" customHeight="1" x14ac:dyDescent="0.2">
      <c r="A41" s="18" t="s">
        <v>54</v>
      </c>
      <c r="B41" s="15">
        <v>220</v>
      </c>
      <c r="C41" s="16">
        <v>226</v>
      </c>
      <c r="D41" s="17">
        <v>446</v>
      </c>
    </row>
    <row r="42" spans="1:4" ht="18" customHeight="1" x14ac:dyDescent="0.2">
      <c r="A42" s="14">
        <v>30</v>
      </c>
      <c r="B42" s="15">
        <v>38</v>
      </c>
      <c r="C42" s="16">
        <v>36</v>
      </c>
      <c r="D42" s="17">
        <v>74</v>
      </c>
    </row>
    <row r="43" spans="1:4" ht="18" customHeight="1" x14ac:dyDescent="0.2">
      <c r="A43" s="14">
        <v>31</v>
      </c>
      <c r="B43" s="15">
        <v>45</v>
      </c>
      <c r="C43" s="16">
        <v>47</v>
      </c>
      <c r="D43" s="17">
        <v>92</v>
      </c>
    </row>
    <row r="44" spans="1:4" ht="18" customHeight="1" x14ac:dyDescent="0.2">
      <c r="A44" s="14">
        <v>32</v>
      </c>
      <c r="B44" s="15">
        <v>62</v>
      </c>
      <c r="C44" s="16">
        <v>38</v>
      </c>
      <c r="D44" s="17">
        <v>100</v>
      </c>
    </row>
    <row r="45" spans="1:4" ht="18" customHeight="1" x14ac:dyDescent="0.2">
      <c r="A45" s="14">
        <v>33</v>
      </c>
      <c r="B45" s="15">
        <v>39</v>
      </c>
      <c r="C45" s="16">
        <v>46</v>
      </c>
      <c r="D45" s="17">
        <v>85</v>
      </c>
    </row>
    <row r="46" spans="1:4" ht="18" customHeight="1" x14ac:dyDescent="0.2">
      <c r="A46" s="14">
        <v>34</v>
      </c>
      <c r="B46" s="15">
        <v>54</v>
      </c>
      <c r="C46" s="16">
        <v>50</v>
      </c>
      <c r="D46" s="17">
        <v>104</v>
      </c>
    </row>
    <row r="47" spans="1:4" ht="18" customHeight="1" x14ac:dyDescent="0.2">
      <c r="A47" s="18" t="s">
        <v>55</v>
      </c>
      <c r="B47" s="15">
        <v>238</v>
      </c>
      <c r="C47" s="16">
        <v>217</v>
      </c>
      <c r="D47" s="17">
        <v>455</v>
      </c>
    </row>
    <row r="48" spans="1:4" ht="18" customHeight="1" x14ac:dyDescent="0.2">
      <c r="A48" s="14">
        <v>35</v>
      </c>
      <c r="B48" s="15">
        <v>44</v>
      </c>
      <c r="C48" s="16">
        <v>42</v>
      </c>
      <c r="D48" s="17">
        <v>86</v>
      </c>
    </row>
    <row r="49" spans="1:4" ht="18" customHeight="1" x14ac:dyDescent="0.2">
      <c r="A49" s="14">
        <v>36</v>
      </c>
      <c r="B49" s="15">
        <v>60</v>
      </c>
      <c r="C49" s="16">
        <v>52</v>
      </c>
      <c r="D49" s="17">
        <v>112</v>
      </c>
    </row>
    <row r="50" spans="1:4" ht="18" customHeight="1" x14ac:dyDescent="0.2">
      <c r="A50" s="14">
        <v>37</v>
      </c>
      <c r="B50" s="15">
        <v>38</v>
      </c>
      <c r="C50" s="16">
        <v>38</v>
      </c>
      <c r="D50" s="17">
        <v>76</v>
      </c>
    </row>
    <row r="51" spans="1:4" ht="18" customHeight="1" x14ac:dyDescent="0.2">
      <c r="A51" s="14">
        <v>38</v>
      </c>
      <c r="B51" s="15">
        <v>52</v>
      </c>
      <c r="C51" s="16">
        <v>46</v>
      </c>
      <c r="D51" s="17">
        <v>98</v>
      </c>
    </row>
    <row r="52" spans="1:4" ht="18" customHeight="1" x14ac:dyDescent="0.2">
      <c r="A52" s="14">
        <v>39</v>
      </c>
      <c r="B52" s="15">
        <v>43</v>
      </c>
      <c r="C52" s="16">
        <v>43</v>
      </c>
      <c r="D52" s="17">
        <v>86</v>
      </c>
    </row>
    <row r="53" spans="1:4" ht="18" customHeight="1" x14ac:dyDescent="0.2">
      <c r="A53" s="18" t="s">
        <v>56</v>
      </c>
      <c r="B53" s="15">
        <v>237</v>
      </c>
      <c r="C53" s="16">
        <v>221</v>
      </c>
      <c r="D53" s="17">
        <v>458</v>
      </c>
    </row>
    <row r="54" spans="1:4" ht="18" customHeight="1" x14ac:dyDescent="0.2">
      <c r="A54" s="14">
        <v>40</v>
      </c>
      <c r="B54" s="15">
        <v>48</v>
      </c>
      <c r="C54" s="16">
        <v>44</v>
      </c>
      <c r="D54" s="17">
        <v>92</v>
      </c>
    </row>
    <row r="55" spans="1:4" ht="18" customHeight="1" x14ac:dyDescent="0.2">
      <c r="A55" s="14">
        <v>41</v>
      </c>
      <c r="B55" s="15">
        <v>65</v>
      </c>
      <c r="C55" s="16">
        <v>51</v>
      </c>
      <c r="D55" s="17">
        <v>116</v>
      </c>
    </row>
    <row r="56" spans="1:4" ht="18" customHeight="1" x14ac:dyDescent="0.2">
      <c r="A56" s="14">
        <v>42</v>
      </c>
      <c r="B56" s="15">
        <v>50</v>
      </c>
      <c r="C56" s="16">
        <v>54</v>
      </c>
      <c r="D56" s="17">
        <v>104</v>
      </c>
    </row>
    <row r="57" spans="1:4" ht="18" customHeight="1" x14ac:dyDescent="0.2">
      <c r="A57" s="14">
        <v>43</v>
      </c>
      <c r="B57" s="15">
        <v>62</v>
      </c>
      <c r="C57" s="16">
        <v>55</v>
      </c>
      <c r="D57" s="17">
        <v>117</v>
      </c>
    </row>
    <row r="58" spans="1:4" ht="18" customHeight="1" x14ac:dyDescent="0.2">
      <c r="A58" s="14">
        <v>44</v>
      </c>
      <c r="B58" s="15">
        <v>57</v>
      </c>
      <c r="C58" s="16">
        <v>45</v>
      </c>
      <c r="D58" s="17">
        <v>102</v>
      </c>
    </row>
    <row r="59" spans="1:4" ht="18" customHeight="1" x14ac:dyDescent="0.2">
      <c r="A59" s="18" t="s">
        <v>57</v>
      </c>
      <c r="B59" s="15">
        <v>282</v>
      </c>
      <c r="C59" s="16">
        <v>249</v>
      </c>
      <c r="D59" s="17">
        <v>531</v>
      </c>
    </row>
    <row r="60" spans="1:4" ht="18" customHeight="1" x14ac:dyDescent="0.2">
      <c r="A60" s="14">
        <v>45</v>
      </c>
      <c r="B60" s="15">
        <v>75</v>
      </c>
      <c r="C60" s="16">
        <v>58</v>
      </c>
      <c r="D60" s="17">
        <v>133</v>
      </c>
    </row>
    <row r="61" spans="1:4" ht="18" customHeight="1" x14ac:dyDescent="0.2">
      <c r="A61" s="14">
        <v>46</v>
      </c>
      <c r="B61" s="15">
        <v>72</v>
      </c>
      <c r="C61" s="16">
        <v>65</v>
      </c>
      <c r="D61" s="17">
        <v>137</v>
      </c>
    </row>
    <row r="62" spans="1:4" ht="18" customHeight="1" x14ac:dyDescent="0.2">
      <c r="A62" s="14">
        <v>47</v>
      </c>
      <c r="B62" s="15">
        <v>57</v>
      </c>
      <c r="C62" s="16">
        <v>44</v>
      </c>
      <c r="D62" s="17">
        <v>101</v>
      </c>
    </row>
    <row r="63" spans="1:4" ht="18" customHeight="1" x14ac:dyDescent="0.2">
      <c r="A63" s="14">
        <v>48</v>
      </c>
      <c r="B63" s="15">
        <v>54</v>
      </c>
      <c r="C63" s="16">
        <v>52</v>
      </c>
      <c r="D63" s="17">
        <v>106</v>
      </c>
    </row>
    <row r="64" spans="1:4" ht="18" customHeight="1" x14ac:dyDescent="0.2">
      <c r="A64" s="14">
        <v>49</v>
      </c>
      <c r="B64" s="15">
        <v>59</v>
      </c>
      <c r="C64" s="16">
        <v>57</v>
      </c>
      <c r="D64" s="17">
        <v>116</v>
      </c>
    </row>
    <row r="65" spans="1:4" ht="18" customHeight="1" x14ac:dyDescent="0.2">
      <c r="A65" s="18" t="s">
        <v>58</v>
      </c>
      <c r="B65" s="15">
        <v>317</v>
      </c>
      <c r="C65" s="16">
        <v>276</v>
      </c>
      <c r="D65" s="17">
        <v>593</v>
      </c>
    </row>
    <row r="66" spans="1:4" ht="18" customHeight="1" x14ac:dyDescent="0.2">
      <c r="A66" s="14">
        <v>50</v>
      </c>
      <c r="B66" s="15">
        <v>53</v>
      </c>
      <c r="C66" s="16">
        <v>62</v>
      </c>
      <c r="D66" s="17">
        <v>115</v>
      </c>
    </row>
    <row r="67" spans="1:4" ht="18" customHeight="1" x14ac:dyDescent="0.2">
      <c r="A67" s="14">
        <v>51</v>
      </c>
      <c r="B67" s="15">
        <v>63</v>
      </c>
      <c r="C67" s="16">
        <v>60</v>
      </c>
      <c r="D67" s="17">
        <v>123</v>
      </c>
    </row>
    <row r="68" spans="1:4" ht="18" customHeight="1" x14ac:dyDescent="0.2">
      <c r="A68" s="14">
        <v>52</v>
      </c>
      <c r="B68" s="15">
        <v>39</v>
      </c>
      <c r="C68" s="16">
        <v>50</v>
      </c>
      <c r="D68" s="17">
        <v>89</v>
      </c>
    </row>
    <row r="69" spans="1:4" ht="18" customHeight="1" x14ac:dyDescent="0.2">
      <c r="A69" s="14">
        <v>53</v>
      </c>
      <c r="B69" s="15">
        <v>70</v>
      </c>
      <c r="C69" s="16">
        <v>58</v>
      </c>
      <c r="D69" s="17">
        <v>128</v>
      </c>
    </row>
    <row r="70" spans="1:4" ht="18" customHeight="1" x14ac:dyDescent="0.2">
      <c r="A70" s="14">
        <v>54</v>
      </c>
      <c r="B70" s="15">
        <v>57</v>
      </c>
      <c r="C70" s="16">
        <v>66</v>
      </c>
      <c r="D70" s="17">
        <v>123</v>
      </c>
    </row>
    <row r="71" spans="1:4" ht="18" customHeight="1" x14ac:dyDescent="0.2">
      <c r="A71" s="18" t="s">
        <v>59</v>
      </c>
      <c r="B71" s="15">
        <v>282</v>
      </c>
      <c r="C71" s="16">
        <v>296</v>
      </c>
      <c r="D71" s="17">
        <v>578</v>
      </c>
    </row>
    <row r="72" spans="1:4" ht="18" customHeight="1" x14ac:dyDescent="0.2">
      <c r="A72" s="14">
        <v>55</v>
      </c>
      <c r="B72" s="15">
        <v>59</v>
      </c>
      <c r="C72" s="16">
        <v>57</v>
      </c>
      <c r="D72" s="17">
        <v>116</v>
      </c>
    </row>
    <row r="73" spans="1:4" ht="18" customHeight="1" x14ac:dyDescent="0.2">
      <c r="A73" s="14">
        <v>56</v>
      </c>
      <c r="B73" s="15">
        <v>41</v>
      </c>
      <c r="C73" s="16">
        <v>52</v>
      </c>
      <c r="D73" s="17">
        <v>93</v>
      </c>
    </row>
    <row r="74" spans="1:4" ht="18" customHeight="1" x14ac:dyDescent="0.2">
      <c r="A74" s="14">
        <v>57</v>
      </c>
      <c r="B74" s="15">
        <v>46</v>
      </c>
      <c r="C74" s="16">
        <v>48</v>
      </c>
      <c r="D74" s="17">
        <v>94</v>
      </c>
    </row>
    <row r="75" spans="1:4" ht="18" customHeight="1" x14ac:dyDescent="0.2">
      <c r="A75" s="14">
        <v>58</v>
      </c>
      <c r="B75" s="15">
        <v>49</v>
      </c>
      <c r="C75" s="16">
        <v>40</v>
      </c>
      <c r="D75" s="17">
        <v>89</v>
      </c>
    </row>
    <row r="76" spans="1:4" ht="18" customHeight="1" x14ac:dyDescent="0.2">
      <c r="A76" s="14">
        <v>59</v>
      </c>
      <c r="B76" s="15">
        <v>64</v>
      </c>
      <c r="C76" s="16">
        <v>40</v>
      </c>
      <c r="D76" s="17">
        <v>104</v>
      </c>
    </row>
    <row r="77" spans="1:4" ht="18" customHeight="1" x14ac:dyDescent="0.2">
      <c r="A77" s="18" t="s">
        <v>60</v>
      </c>
      <c r="B77" s="15">
        <v>259</v>
      </c>
      <c r="C77" s="16">
        <v>237</v>
      </c>
      <c r="D77" s="17">
        <v>496</v>
      </c>
    </row>
    <row r="78" spans="1:4" ht="18" customHeight="1" x14ac:dyDescent="0.2">
      <c r="A78" s="14">
        <v>60</v>
      </c>
      <c r="B78" s="15">
        <v>57</v>
      </c>
      <c r="C78" s="16">
        <v>46</v>
      </c>
      <c r="D78" s="17">
        <v>103</v>
      </c>
    </row>
    <row r="79" spans="1:4" ht="18" customHeight="1" x14ac:dyDescent="0.2">
      <c r="A79" s="14">
        <v>61</v>
      </c>
      <c r="B79" s="15">
        <v>32</v>
      </c>
      <c r="C79" s="16">
        <v>33</v>
      </c>
      <c r="D79" s="17">
        <v>65</v>
      </c>
    </row>
    <row r="80" spans="1:4" ht="18" customHeight="1" x14ac:dyDescent="0.2">
      <c r="A80" s="14">
        <v>62</v>
      </c>
      <c r="B80" s="15">
        <v>48</v>
      </c>
      <c r="C80" s="16">
        <v>44</v>
      </c>
      <c r="D80" s="17">
        <v>92</v>
      </c>
    </row>
    <row r="81" spans="1:4" ht="18" customHeight="1" x14ac:dyDescent="0.2">
      <c r="A81" s="14">
        <v>63</v>
      </c>
      <c r="B81" s="15">
        <v>39</v>
      </c>
      <c r="C81" s="16">
        <v>49</v>
      </c>
      <c r="D81" s="17">
        <v>88</v>
      </c>
    </row>
    <row r="82" spans="1:4" ht="18" customHeight="1" x14ac:dyDescent="0.2">
      <c r="A82" s="14">
        <v>64</v>
      </c>
      <c r="B82" s="15">
        <v>41</v>
      </c>
      <c r="C82" s="16">
        <v>53</v>
      </c>
      <c r="D82" s="17">
        <v>94</v>
      </c>
    </row>
    <row r="83" spans="1:4" ht="18" customHeight="1" x14ac:dyDescent="0.2">
      <c r="A83" s="18" t="s">
        <v>61</v>
      </c>
      <c r="B83" s="15">
        <v>217</v>
      </c>
      <c r="C83" s="16">
        <v>225</v>
      </c>
      <c r="D83" s="17">
        <v>442</v>
      </c>
    </row>
    <row r="84" spans="1:4" ht="18" customHeight="1" x14ac:dyDescent="0.2">
      <c r="A84" s="18" t="s">
        <v>62</v>
      </c>
      <c r="B84" s="15">
        <v>2392</v>
      </c>
      <c r="C84" s="16">
        <v>2291</v>
      </c>
      <c r="D84" s="17">
        <v>4683</v>
      </c>
    </row>
    <row r="85" spans="1:4" ht="18" customHeight="1" x14ac:dyDescent="0.2">
      <c r="A85" s="14">
        <v>65</v>
      </c>
      <c r="B85" s="15">
        <v>48</v>
      </c>
      <c r="C85" s="16">
        <v>48</v>
      </c>
      <c r="D85" s="17">
        <v>96</v>
      </c>
    </row>
    <row r="86" spans="1:4" ht="18" customHeight="1" x14ac:dyDescent="0.2">
      <c r="A86" s="14">
        <v>66</v>
      </c>
      <c r="B86" s="15">
        <v>36</v>
      </c>
      <c r="C86" s="16">
        <v>60</v>
      </c>
      <c r="D86" s="17">
        <v>96</v>
      </c>
    </row>
    <row r="87" spans="1:4" ht="18" customHeight="1" x14ac:dyDescent="0.2">
      <c r="A87" s="14">
        <v>67</v>
      </c>
      <c r="B87" s="15">
        <v>38</v>
      </c>
      <c r="C87" s="16">
        <v>60</v>
      </c>
      <c r="D87" s="17">
        <v>98</v>
      </c>
    </row>
    <row r="88" spans="1:4" ht="18" customHeight="1" x14ac:dyDescent="0.2">
      <c r="A88" s="14">
        <v>68</v>
      </c>
      <c r="B88" s="15">
        <v>54</v>
      </c>
      <c r="C88" s="16">
        <v>54</v>
      </c>
      <c r="D88" s="17">
        <v>108</v>
      </c>
    </row>
    <row r="89" spans="1:4" ht="18" customHeight="1" x14ac:dyDescent="0.2">
      <c r="A89" s="14">
        <v>69</v>
      </c>
      <c r="B89" s="15">
        <v>78</v>
      </c>
      <c r="C89" s="16">
        <v>68</v>
      </c>
      <c r="D89" s="17">
        <v>146</v>
      </c>
    </row>
    <row r="90" spans="1:4" ht="18" customHeight="1" x14ac:dyDescent="0.2">
      <c r="A90" s="18" t="s">
        <v>63</v>
      </c>
      <c r="B90" s="15">
        <v>254</v>
      </c>
      <c r="C90" s="16">
        <v>290</v>
      </c>
      <c r="D90" s="17">
        <v>544</v>
      </c>
    </row>
    <row r="91" spans="1:4" ht="18" customHeight="1" x14ac:dyDescent="0.2">
      <c r="A91" s="14">
        <v>70</v>
      </c>
      <c r="B91" s="15">
        <v>73</v>
      </c>
      <c r="C91" s="16">
        <v>88</v>
      </c>
      <c r="D91" s="17">
        <v>161</v>
      </c>
    </row>
    <row r="92" spans="1:4" ht="18" customHeight="1" x14ac:dyDescent="0.2">
      <c r="A92" s="14">
        <v>71</v>
      </c>
      <c r="B92" s="15">
        <v>69</v>
      </c>
      <c r="C92" s="16">
        <v>90</v>
      </c>
      <c r="D92" s="17">
        <v>159</v>
      </c>
    </row>
    <row r="93" spans="1:4" ht="18" customHeight="1" x14ac:dyDescent="0.2">
      <c r="A93" s="14">
        <v>72</v>
      </c>
      <c r="B93" s="15">
        <v>36</v>
      </c>
      <c r="C93" s="16">
        <v>50</v>
      </c>
      <c r="D93" s="17">
        <v>86</v>
      </c>
    </row>
    <row r="94" spans="1:4" ht="18" customHeight="1" x14ac:dyDescent="0.2">
      <c r="A94" s="14">
        <v>73</v>
      </c>
      <c r="B94" s="15">
        <v>29</v>
      </c>
      <c r="C94" s="16">
        <v>45</v>
      </c>
      <c r="D94" s="17">
        <v>74</v>
      </c>
    </row>
    <row r="95" spans="1:4" ht="18" customHeight="1" x14ac:dyDescent="0.2">
      <c r="A95" s="14">
        <v>74</v>
      </c>
      <c r="B95" s="15">
        <v>62</v>
      </c>
      <c r="C95" s="16">
        <v>80</v>
      </c>
      <c r="D95" s="17">
        <v>142</v>
      </c>
    </row>
    <row r="96" spans="1:4" ht="18" customHeight="1" x14ac:dyDescent="0.2">
      <c r="A96" s="18" t="s">
        <v>64</v>
      </c>
      <c r="B96" s="15">
        <v>269</v>
      </c>
      <c r="C96" s="16">
        <v>353</v>
      </c>
      <c r="D96" s="17">
        <v>622</v>
      </c>
    </row>
    <row r="97" spans="1:4" ht="18" customHeight="1" x14ac:dyDescent="0.2">
      <c r="A97" s="14">
        <v>75</v>
      </c>
      <c r="B97" s="15">
        <v>49</v>
      </c>
      <c r="C97" s="16">
        <v>64</v>
      </c>
      <c r="D97" s="17">
        <v>113</v>
      </c>
    </row>
    <row r="98" spans="1:4" ht="18" customHeight="1" x14ac:dyDescent="0.2">
      <c r="A98" s="14">
        <v>76</v>
      </c>
      <c r="B98" s="15">
        <v>51</v>
      </c>
      <c r="C98" s="16">
        <v>67</v>
      </c>
      <c r="D98" s="17">
        <v>118</v>
      </c>
    </row>
    <row r="99" spans="1:4" ht="18" customHeight="1" x14ac:dyDescent="0.2">
      <c r="A99" s="14">
        <v>77</v>
      </c>
      <c r="B99" s="15">
        <v>52</v>
      </c>
      <c r="C99" s="16">
        <v>76</v>
      </c>
      <c r="D99" s="17">
        <v>128</v>
      </c>
    </row>
    <row r="100" spans="1:4" ht="18" customHeight="1" x14ac:dyDescent="0.2">
      <c r="A100" s="14">
        <v>78</v>
      </c>
      <c r="B100" s="15">
        <v>39</v>
      </c>
      <c r="C100" s="16">
        <v>56</v>
      </c>
      <c r="D100" s="17">
        <v>95</v>
      </c>
    </row>
    <row r="101" spans="1:4" ht="18" customHeight="1" x14ac:dyDescent="0.2">
      <c r="A101" s="14">
        <v>79</v>
      </c>
      <c r="B101" s="15">
        <v>36</v>
      </c>
      <c r="C101" s="16">
        <v>52</v>
      </c>
      <c r="D101" s="17">
        <v>88</v>
      </c>
    </row>
    <row r="102" spans="1:4" ht="18" customHeight="1" x14ac:dyDescent="0.2">
      <c r="A102" s="18" t="s">
        <v>65</v>
      </c>
      <c r="B102" s="15">
        <v>227</v>
      </c>
      <c r="C102" s="16">
        <v>315</v>
      </c>
      <c r="D102" s="17">
        <v>542</v>
      </c>
    </row>
    <row r="103" spans="1:4" ht="18" customHeight="1" x14ac:dyDescent="0.2">
      <c r="A103" s="14">
        <v>80</v>
      </c>
      <c r="B103" s="15">
        <v>40</v>
      </c>
      <c r="C103" s="16">
        <v>58</v>
      </c>
      <c r="D103" s="17">
        <v>98</v>
      </c>
    </row>
    <row r="104" spans="1:4" ht="18" customHeight="1" x14ac:dyDescent="0.2">
      <c r="A104" s="14">
        <v>81</v>
      </c>
      <c r="B104" s="15">
        <v>35</v>
      </c>
      <c r="C104" s="16">
        <v>55</v>
      </c>
      <c r="D104" s="17">
        <v>90</v>
      </c>
    </row>
    <row r="105" spans="1:4" ht="18" customHeight="1" x14ac:dyDescent="0.2">
      <c r="A105" s="14">
        <v>82</v>
      </c>
      <c r="B105" s="15">
        <v>41</v>
      </c>
      <c r="C105" s="16">
        <v>57</v>
      </c>
      <c r="D105" s="17">
        <v>98</v>
      </c>
    </row>
    <row r="106" spans="1:4" ht="18" customHeight="1" x14ac:dyDescent="0.2">
      <c r="A106" s="14">
        <v>83</v>
      </c>
      <c r="B106" s="15">
        <v>29</v>
      </c>
      <c r="C106" s="16">
        <v>38</v>
      </c>
      <c r="D106" s="17">
        <v>67</v>
      </c>
    </row>
    <row r="107" spans="1:4" ht="18" customHeight="1" x14ac:dyDescent="0.2">
      <c r="A107" s="14">
        <v>84</v>
      </c>
      <c r="B107" s="15">
        <v>37</v>
      </c>
      <c r="C107" s="16">
        <v>41</v>
      </c>
      <c r="D107" s="17">
        <v>78</v>
      </c>
    </row>
    <row r="108" spans="1:4" ht="18" customHeight="1" x14ac:dyDescent="0.2">
      <c r="A108" s="18" t="s">
        <v>66</v>
      </c>
      <c r="B108" s="15">
        <v>182</v>
      </c>
      <c r="C108" s="16">
        <v>249</v>
      </c>
      <c r="D108" s="17">
        <v>431</v>
      </c>
    </row>
    <row r="109" spans="1:4" ht="18" customHeight="1" x14ac:dyDescent="0.2">
      <c r="A109" s="14">
        <v>85</v>
      </c>
      <c r="B109" s="15">
        <v>21</v>
      </c>
      <c r="C109" s="16">
        <v>51</v>
      </c>
      <c r="D109" s="17">
        <v>72</v>
      </c>
    </row>
    <row r="110" spans="1:4" ht="18" customHeight="1" x14ac:dyDescent="0.2">
      <c r="A110" s="14">
        <v>86</v>
      </c>
      <c r="B110" s="15">
        <v>19</v>
      </c>
      <c r="C110" s="16">
        <v>42</v>
      </c>
      <c r="D110" s="17">
        <v>61</v>
      </c>
    </row>
    <row r="111" spans="1:4" ht="18" customHeight="1" x14ac:dyDescent="0.2">
      <c r="A111" s="14">
        <v>87</v>
      </c>
      <c r="B111" s="15">
        <v>22</v>
      </c>
      <c r="C111" s="16">
        <v>35</v>
      </c>
      <c r="D111" s="17">
        <v>57</v>
      </c>
    </row>
    <row r="112" spans="1:4" ht="18" customHeight="1" x14ac:dyDescent="0.2">
      <c r="A112" s="14">
        <v>88</v>
      </c>
      <c r="B112" s="15">
        <v>13</v>
      </c>
      <c r="C112" s="16">
        <v>45</v>
      </c>
      <c r="D112" s="17">
        <v>58</v>
      </c>
    </row>
    <row r="113" spans="1:4" ht="18" customHeight="1" x14ac:dyDescent="0.2">
      <c r="A113" s="14">
        <v>89</v>
      </c>
      <c r="B113" s="15">
        <v>18</v>
      </c>
      <c r="C113" s="16">
        <v>33</v>
      </c>
      <c r="D113" s="17">
        <v>51</v>
      </c>
    </row>
    <row r="114" spans="1:4" ht="18" customHeight="1" x14ac:dyDescent="0.2">
      <c r="A114" s="18" t="s">
        <v>67</v>
      </c>
      <c r="B114" s="15">
        <v>93</v>
      </c>
      <c r="C114" s="16">
        <v>206</v>
      </c>
      <c r="D114" s="17">
        <v>299</v>
      </c>
    </row>
    <row r="115" spans="1:4" ht="18" customHeight="1" x14ac:dyDescent="0.2">
      <c r="A115" s="14">
        <v>90</v>
      </c>
      <c r="B115" s="15">
        <v>10</v>
      </c>
      <c r="C115" s="16">
        <v>20</v>
      </c>
      <c r="D115" s="17">
        <v>30</v>
      </c>
    </row>
    <row r="116" spans="1:4" ht="18" customHeight="1" x14ac:dyDescent="0.2">
      <c r="A116" s="14">
        <v>91</v>
      </c>
      <c r="B116" s="15">
        <v>7</v>
      </c>
      <c r="C116" s="16">
        <v>23</v>
      </c>
      <c r="D116" s="17">
        <v>30</v>
      </c>
    </row>
    <row r="117" spans="1:4" ht="18" customHeight="1" x14ac:dyDescent="0.2">
      <c r="A117" s="14">
        <v>92</v>
      </c>
      <c r="B117" s="15">
        <v>10</v>
      </c>
      <c r="C117" s="16">
        <v>20</v>
      </c>
      <c r="D117" s="17">
        <v>30</v>
      </c>
    </row>
    <row r="118" spans="1:4" ht="18" customHeight="1" x14ac:dyDescent="0.2">
      <c r="A118" s="14">
        <v>93</v>
      </c>
      <c r="B118" s="15">
        <v>8</v>
      </c>
      <c r="C118" s="16">
        <v>21</v>
      </c>
      <c r="D118" s="17">
        <v>29</v>
      </c>
    </row>
    <row r="119" spans="1:4" ht="18" customHeight="1" x14ac:dyDescent="0.2">
      <c r="A119" s="14">
        <v>94</v>
      </c>
      <c r="B119" s="15">
        <v>3</v>
      </c>
      <c r="C119" s="16">
        <v>12</v>
      </c>
      <c r="D119" s="17">
        <v>15</v>
      </c>
    </row>
    <row r="120" spans="1:4" ht="18" customHeight="1" x14ac:dyDescent="0.2">
      <c r="A120" s="18" t="s">
        <v>68</v>
      </c>
      <c r="B120" s="15">
        <v>38</v>
      </c>
      <c r="C120" s="16">
        <v>96</v>
      </c>
      <c r="D120" s="17">
        <v>134</v>
      </c>
    </row>
    <row r="121" spans="1:4" ht="18" customHeight="1" x14ac:dyDescent="0.2">
      <c r="A121" s="14">
        <v>95</v>
      </c>
      <c r="B121" s="15">
        <v>0</v>
      </c>
      <c r="C121" s="16">
        <v>10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11</v>
      </c>
      <c r="D122" s="17">
        <v>11</v>
      </c>
    </row>
    <row r="123" spans="1:4" ht="18" customHeight="1" x14ac:dyDescent="0.2">
      <c r="A123" s="14">
        <v>97</v>
      </c>
      <c r="B123" s="15">
        <v>2</v>
      </c>
      <c r="C123" s="16">
        <v>6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9</v>
      </c>
      <c r="D125" s="17">
        <v>9</v>
      </c>
    </row>
    <row r="126" spans="1:4" ht="18" customHeight="1" x14ac:dyDescent="0.2">
      <c r="A126" s="18" t="s">
        <v>69</v>
      </c>
      <c r="B126" s="15">
        <v>2</v>
      </c>
      <c r="C126" s="16">
        <v>41</v>
      </c>
      <c r="D126" s="17">
        <v>43</v>
      </c>
    </row>
    <row r="127" spans="1:4" ht="18" customHeight="1" x14ac:dyDescent="0.2">
      <c r="A127" s="14">
        <v>100</v>
      </c>
      <c r="B127" s="15">
        <v>0</v>
      </c>
      <c r="C127" s="16">
        <v>5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065</v>
      </c>
      <c r="C130" s="5">
        <v>1556</v>
      </c>
      <c r="D130" s="6">
        <v>2621</v>
      </c>
    </row>
    <row r="131" spans="1:4" ht="18" customHeight="1" x14ac:dyDescent="0.2">
      <c r="A131" s="20" t="s">
        <v>47</v>
      </c>
      <c r="B131" s="7">
        <v>3952</v>
      </c>
      <c r="C131" s="8">
        <v>4318</v>
      </c>
      <c r="D131" s="9">
        <v>82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2</v>
      </c>
      <c r="C5" s="12">
        <v>28</v>
      </c>
      <c r="D5" s="13">
        <v>40</v>
      </c>
    </row>
    <row r="6" spans="1:10" ht="18" customHeight="1" x14ac:dyDescent="0.2">
      <c r="A6" s="14">
        <v>1</v>
      </c>
      <c r="B6" s="15">
        <v>20</v>
      </c>
      <c r="C6" s="16">
        <v>25</v>
      </c>
      <c r="D6" s="17">
        <v>45</v>
      </c>
    </row>
    <row r="7" spans="1:10" ht="18" customHeight="1" x14ac:dyDescent="0.2">
      <c r="A7" s="14">
        <v>2</v>
      </c>
      <c r="B7" s="15">
        <v>23</v>
      </c>
      <c r="C7" s="16">
        <v>31</v>
      </c>
      <c r="D7" s="17">
        <v>54</v>
      </c>
    </row>
    <row r="8" spans="1:10" ht="18" customHeight="1" x14ac:dyDescent="0.2">
      <c r="A8" s="14">
        <v>3</v>
      </c>
      <c r="B8" s="15">
        <v>33</v>
      </c>
      <c r="C8" s="16">
        <v>29</v>
      </c>
      <c r="D8" s="17">
        <v>62</v>
      </c>
    </row>
    <row r="9" spans="1:10" ht="18" customHeight="1" x14ac:dyDescent="0.2">
      <c r="A9" s="14">
        <v>4</v>
      </c>
      <c r="B9" s="15">
        <v>27</v>
      </c>
      <c r="C9" s="16">
        <v>26</v>
      </c>
      <c r="D9" s="17">
        <v>53</v>
      </c>
    </row>
    <row r="10" spans="1:10" ht="18" customHeight="1" x14ac:dyDescent="0.2">
      <c r="A10" s="18" t="s">
        <v>48</v>
      </c>
      <c r="B10" s="15">
        <v>115</v>
      </c>
      <c r="C10" s="16">
        <v>139</v>
      </c>
      <c r="D10" s="17">
        <v>254</v>
      </c>
    </row>
    <row r="11" spans="1:10" ht="18" customHeight="1" x14ac:dyDescent="0.2">
      <c r="A11" s="14">
        <v>5</v>
      </c>
      <c r="B11" s="15">
        <v>22</v>
      </c>
      <c r="C11" s="16">
        <v>18</v>
      </c>
      <c r="D11" s="17">
        <v>40</v>
      </c>
    </row>
    <row r="12" spans="1:10" ht="18" customHeight="1" x14ac:dyDescent="0.2">
      <c r="A12" s="14">
        <v>6</v>
      </c>
      <c r="B12" s="15">
        <v>22</v>
      </c>
      <c r="C12" s="16">
        <v>23</v>
      </c>
      <c r="D12" s="17">
        <v>45</v>
      </c>
    </row>
    <row r="13" spans="1:10" ht="18" customHeight="1" x14ac:dyDescent="0.2">
      <c r="A13" s="14">
        <v>7</v>
      </c>
      <c r="B13" s="15">
        <v>23</v>
      </c>
      <c r="C13" s="16">
        <v>24</v>
      </c>
      <c r="D13" s="17">
        <v>47</v>
      </c>
    </row>
    <row r="14" spans="1:10" ht="18" customHeight="1" x14ac:dyDescent="0.2">
      <c r="A14" s="14">
        <v>8</v>
      </c>
      <c r="B14" s="15">
        <v>28</v>
      </c>
      <c r="C14" s="16">
        <v>21</v>
      </c>
      <c r="D14" s="17">
        <v>49</v>
      </c>
    </row>
    <row r="15" spans="1:10" ht="18" customHeight="1" x14ac:dyDescent="0.2">
      <c r="A15" s="14">
        <v>9</v>
      </c>
      <c r="B15" s="15">
        <v>21</v>
      </c>
      <c r="C15" s="16">
        <v>25</v>
      </c>
      <c r="D15" s="17">
        <v>46</v>
      </c>
    </row>
    <row r="16" spans="1:10" ht="18" customHeight="1" x14ac:dyDescent="0.2">
      <c r="A16" s="18" t="s">
        <v>49</v>
      </c>
      <c r="B16" s="15">
        <v>116</v>
      </c>
      <c r="C16" s="16">
        <v>111</v>
      </c>
      <c r="D16" s="17">
        <v>227</v>
      </c>
    </row>
    <row r="17" spans="1:4" ht="18" customHeight="1" x14ac:dyDescent="0.2">
      <c r="A17" s="14">
        <v>10</v>
      </c>
      <c r="B17" s="15">
        <v>26</v>
      </c>
      <c r="C17" s="16">
        <v>28</v>
      </c>
      <c r="D17" s="17">
        <v>54</v>
      </c>
    </row>
    <row r="18" spans="1:4" ht="18" customHeight="1" x14ac:dyDescent="0.2">
      <c r="A18" s="14">
        <v>11</v>
      </c>
      <c r="B18" s="15">
        <v>28</v>
      </c>
      <c r="C18" s="16">
        <v>28</v>
      </c>
      <c r="D18" s="17">
        <v>56</v>
      </c>
    </row>
    <row r="19" spans="1:4" ht="18" customHeight="1" x14ac:dyDescent="0.2">
      <c r="A19" s="14">
        <v>12</v>
      </c>
      <c r="B19" s="15">
        <v>34</v>
      </c>
      <c r="C19" s="16">
        <v>22</v>
      </c>
      <c r="D19" s="17">
        <v>56</v>
      </c>
    </row>
    <row r="20" spans="1:4" ht="18" customHeight="1" x14ac:dyDescent="0.2">
      <c r="A20" s="14">
        <v>13</v>
      </c>
      <c r="B20" s="15">
        <v>26</v>
      </c>
      <c r="C20" s="16">
        <v>25</v>
      </c>
      <c r="D20" s="17">
        <v>51</v>
      </c>
    </row>
    <row r="21" spans="1:4" ht="18" customHeight="1" x14ac:dyDescent="0.2">
      <c r="A21" s="14">
        <v>14</v>
      </c>
      <c r="B21" s="15">
        <v>34</v>
      </c>
      <c r="C21" s="16">
        <v>26</v>
      </c>
      <c r="D21" s="17">
        <v>60</v>
      </c>
    </row>
    <row r="22" spans="1:4" ht="18" customHeight="1" x14ac:dyDescent="0.2">
      <c r="A22" s="18" t="s">
        <v>50</v>
      </c>
      <c r="B22" s="15">
        <v>148</v>
      </c>
      <c r="C22" s="16">
        <v>129</v>
      </c>
      <c r="D22" s="17">
        <v>277</v>
      </c>
    </row>
    <row r="23" spans="1:4" ht="18" customHeight="1" x14ac:dyDescent="0.2">
      <c r="A23" s="18" t="s">
        <v>51</v>
      </c>
      <c r="B23" s="15">
        <v>379</v>
      </c>
      <c r="C23" s="16">
        <v>379</v>
      </c>
      <c r="D23" s="17">
        <v>758</v>
      </c>
    </row>
    <row r="24" spans="1:4" ht="18" customHeight="1" x14ac:dyDescent="0.2">
      <c r="A24" s="14">
        <v>15</v>
      </c>
      <c r="B24" s="15">
        <v>29</v>
      </c>
      <c r="C24" s="16">
        <v>23</v>
      </c>
      <c r="D24" s="17">
        <v>52</v>
      </c>
    </row>
    <row r="25" spans="1:4" ht="18" customHeight="1" x14ac:dyDescent="0.2">
      <c r="A25" s="14">
        <v>16</v>
      </c>
      <c r="B25" s="15">
        <v>38</v>
      </c>
      <c r="C25" s="16">
        <v>31</v>
      </c>
      <c r="D25" s="17">
        <v>69</v>
      </c>
    </row>
    <row r="26" spans="1:4" ht="18" customHeight="1" x14ac:dyDescent="0.2">
      <c r="A26" s="14">
        <v>17</v>
      </c>
      <c r="B26" s="15">
        <v>20</v>
      </c>
      <c r="C26" s="16">
        <v>32</v>
      </c>
      <c r="D26" s="17">
        <v>52</v>
      </c>
    </row>
    <row r="27" spans="1:4" ht="18" customHeight="1" x14ac:dyDescent="0.2">
      <c r="A27" s="14">
        <v>18</v>
      </c>
      <c r="B27" s="15">
        <v>37</v>
      </c>
      <c r="C27" s="16">
        <v>33</v>
      </c>
      <c r="D27" s="17">
        <v>70</v>
      </c>
    </row>
    <row r="28" spans="1:4" ht="18" customHeight="1" x14ac:dyDescent="0.2">
      <c r="A28" s="14">
        <v>19</v>
      </c>
      <c r="B28" s="15">
        <v>48</v>
      </c>
      <c r="C28" s="16">
        <v>23</v>
      </c>
      <c r="D28" s="17">
        <v>71</v>
      </c>
    </row>
    <row r="29" spans="1:4" ht="18" customHeight="1" x14ac:dyDescent="0.2">
      <c r="A29" s="18" t="s">
        <v>52</v>
      </c>
      <c r="B29" s="15">
        <v>172</v>
      </c>
      <c r="C29" s="16">
        <v>142</v>
      </c>
      <c r="D29" s="17">
        <v>314</v>
      </c>
    </row>
    <row r="30" spans="1:4" ht="18" customHeight="1" x14ac:dyDescent="0.2">
      <c r="A30" s="14">
        <v>20</v>
      </c>
      <c r="B30" s="15">
        <v>44</v>
      </c>
      <c r="C30" s="16">
        <v>24</v>
      </c>
      <c r="D30" s="17">
        <v>68</v>
      </c>
    </row>
    <row r="31" spans="1:4" ht="18" customHeight="1" x14ac:dyDescent="0.2">
      <c r="A31" s="14">
        <v>21</v>
      </c>
      <c r="B31" s="15">
        <v>38</v>
      </c>
      <c r="C31" s="16">
        <v>28</v>
      </c>
      <c r="D31" s="17">
        <v>66</v>
      </c>
    </row>
    <row r="32" spans="1:4" ht="18" customHeight="1" x14ac:dyDescent="0.2">
      <c r="A32" s="14">
        <v>22</v>
      </c>
      <c r="B32" s="15">
        <v>29</v>
      </c>
      <c r="C32" s="16">
        <v>32</v>
      </c>
      <c r="D32" s="17">
        <v>61</v>
      </c>
    </row>
    <row r="33" spans="1:4" ht="18" customHeight="1" x14ac:dyDescent="0.2">
      <c r="A33" s="14">
        <v>23</v>
      </c>
      <c r="B33" s="15">
        <v>33</v>
      </c>
      <c r="C33" s="16">
        <v>21</v>
      </c>
      <c r="D33" s="17">
        <v>54</v>
      </c>
    </row>
    <row r="34" spans="1:4" ht="18" customHeight="1" x14ac:dyDescent="0.2">
      <c r="A34" s="14">
        <v>24</v>
      </c>
      <c r="B34" s="15">
        <v>22</v>
      </c>
      <c r="C34" s="16">
        <v>24</v>
      </c>
      <c r="D34" s="17">
        <v>46</v>
      </c>
    </row>
    <row r="35" spans="1:4" ht="18" customHeight="1" x14ac:dyDescent="0.2">
      <c r="A35" s="18" t="s">
        <v>53</v>
      </c>
      <c r="B35" s="15">
        <v>166</v>
      </c>
      <c r="C35" s="16">
        <v>129</v>
      </c>
      <c r="D35" s="17">
        <v>295</v>
      </c>
    </row>
    <row r="36" spans="1:4" ht="18" customHeight="1" x14ac:dyDescent="0.2">
      <c r="A36" s="14">
        <v>25</v>
      </c>
      <c r="B36" s="15">
        <v>20</v>
      </c>
      <c r="C36" s="16">
        <v>19</v>
      </c>
      <c r="D36" s="17">
        <v>39</v>
      </c>
    </row>
    <row r="37" spans="1:4" ht="18" customHeight="1" x14ac:dyDescent="0.2">
      <c r="A37" s="14">
        <v>26</v>
      </c>
      <c r="B37" s="15">
        <v>24</v>
      </c>
      <c r="C37" s="16">
        <v>26</v>
      </c>
      <c r="D37" s="17">
        <v>50</v>
      </c>
    </row>
    <row r="38" spans="1:4" ht="18" customHeight="1" x14ac:dyDescent="0.2">
      <c r="A38" s="14">
        <v>27</v>
      </c>
      <c r="B38" s="15">
        <v>30</v>
      </c>
      <c r="C38" s="16">
        <v>17</v>
      </c>
      <c r="D38" s="17">
        <v>47</v>
      </c>
    </row>
    <row r="39" spans="1:4" ht="18" customHeight="1" x14ac:dyDescent="0.2">
      <c r="A39" s="14">
        <v>28</v>
      </c>
      <c r="B39" s="15">
        <v>32</v>
      </c>
      <c r="C39" s="16">
        <v>22</v>
      </c>
      <c r="D39" s="17">
        <v>54</v>
      </c>
    </row>
    <row r="40" spans="1:4" ht="18" customHeight="1" x14ac:dyDescent="0.2">
      <c r="A40" s="14">
        <v>29</v>
      </c>
      <c r="B40" s="15">
        <v>30</v>
      </c>
      <c r="C40" s="16">
        <v>30</v>
      </c>
      <c r="D40" s="17">
        <v>60</v>
      </c>
    </row>
    <row r="41" spans="1:4" ht="18" customHeight="1" x14ac:dyDescent="0.2">
      <c r="A41" s="18" t="s">
        <v>54</v>
      </c>
      <c r="B41" s="15">
        <v>136</v>
      </c>
      <c r="C41" s="16">
        <v>114</v>
      </c>
      <c r="D41" s="17">
        <v>250</v>
      </c>
    </row>
    <row r="42" spans="1:4" ht="18" customHeight="1" x14ac:dyDescent="0.2">
      <c r="A42" s="14">
        <v>30</v>
      </c>
      <c r="B42" s="15">
        <v>38</v>
      </c>
      <c r="C42" s="16">
        <v>24</v>
      </c>
      <c r="D42" s="17">
        <v>62</v>
      </c>
    </row>
    <row r="43" spans="1:4" ht="18" customHeight="1" x14ac:dyDescent="0.2">
      <c r="A43" s="14">
        <v>31</v>
      </c>
      <c r="B43" s="15">
        <v>31</v>
      </c>
      <c r="C43" s="16">
        <v>36</v>
      </c>
      <c r="D43" s="17">
        <v>67</v>
      </c>
    </row>
    <row r="44" spans="1:4" ht="18" customHeight="1" x14ac:dyDescent="0.2">
      <c r="A44" s="14">
        <v>32</v>
      </c>
      <c r="B44" s="15">
        <v>30</v>
      </c>
      <c r="C44" s="16">
        <v>25</v>
      </c>
      <c r="D44" s="17">
        <v>55</v>
      </c>
    </row>
    <row r="45" spans="1:4" ht="18" customHeight="1" x14ac:dyDescent="0.2">
      <c r="A45" s="14">
        <v>33</v>
      </c>
      <c r="B45" s="15">
        <v>22</v>
      </c>
      <c r="C45" s="16">
        <v>24</v>
      </c>
      <c r="D45" s="17">
        <v>46</v>
      </c>
    </row>
    <row r="46" spans="1:4" ht="18" customHeight="1" x14ac:dyDescent="0.2">
      <c r="A46" s="14">
        <v>34</v>
      </c>
      <c r="B46" s="15">
        <v>27</v>
      </c>
      <c r="C46" s="16">
        <v>32</v>
      </c>
      <c r="D46" s="17">
        <v>59</v>
      </c>
    </row>
    <row r="47" spans="1:4" ht="18" customHeight="1" x14ac:dyDescent="0.2">
      <c r="A47" s="18" t="s">
        <v>55</v>
      </c>
      <c r="B47" s="15">
        <v>148</v>
      </c>
      <c r="C47" s="16">
        <v>141</v>
      </c>
      <c r="D47" s="17">
        <v>289</v>
      </c>
    </row>
    <row r="48" spans="1:4" ht="18" customHeight="1" x14ac:dyDescent="0.2">
      <c r="A48" s="14">
        <v>35</v>
      </c>
      <c r="B48" s="15">
        <v>36</v>
      </c>
      <c r="C48" s="16">
        <v>26</v>
      </c>
      <c r="D48" s="17">
        <v>62</v>
      </c>
    </row>
    <row r="49" spans="1:4" ht="18" customHeight="1" x14ac:dyDescent="0.2">
      <c r="A49" s="14">
        <v>36</v>
      </c>
      <c r="B49" s="15">
        <v>33</v>
      </c>
      <c r="C49" s="16">
        <v>47</v>
      </c>
      <c r="D49" s="17">
        <v>80</v>
      </c>
    </row>
    <row r="50" spans="1:4" ht="18" customHeight="1" x14ac:dyDescent="0.2">
      <c r="A50" s="14">
        <v>37</v>
      </c>
      <c r="B50" s="15">
        <v>20</v>
      </c>
      <c r="C50" s="16">
        <v>39</v>
      </c>
      <c r="D50" s="17">
        <v>59</v>
      </c>
    </row>
    <row r="51" spans="1:4" ht="18" customHeight="1" x14ac:dyDescent="0.2">
      <c r="A51" s="14">
        <v>38</v>
      </c>
      <c r="B51" s="15">
        <v>33</v>
      </c>
      <c r="C51" s="16">
        <v>24</v>
      </c>
      <c r="D51" s="17">
        <v>57</v>
      </c>
    </row>
    <row r="52" spans="1:4" ht="18" customHeight="1" x14ac:dyDescent="0.2">
      <c r="A52" s="14">
        <v>39</v>
      </c>
      <c r="B52" s="15">
        <v>40</v>
      </c>
      <c r="C52" s="16">
        <v>30</v>
      </c>
      <c r="D52" s="17">
        <v>70</v>
      </c>
    </row>
    <row r="53" spans="1:4" ht="18" customHeight="1" x14ac:dyDescent="0.2">
      <c r="A53" s="18" t="s">
        <v>56</v>
      </c>
      <c r="B53" s="15">
        <v>162</v>
      </c>
      <c r="C53" s="16">
        <v>166</v>
      </c>
      <c r="D53" s="17">
        <v>328</v>
      </c>
    </row>
    <row r="54" spans="1:4" ht="18" customHeight="1" x14ac:dyDescent="0.2">
      <c r="A54" s="14">
        <v>40</v>
      </c>
      <c r="B54" s="15">
        <v>30</v>
      </c>
      <c r="C54" s="16">
        <v>35</v>
      </c>
      <c r="D54" s="17">
        <v>65</v>
      </c>
    </row>
    <row r="55" spans="1:4" ht="18" customHeight="1" x14ac:dyDescent="0.2">
      <c r="A55" s="14">
        <v>41</v>
      </c>
      <c r="B55" s="15">
        <v>45</v>
      </c>
      <c r="C55" s="16">
        <v>45</v>
      </c>
      <c r="D55" s="17">
        <v>90</v>
      </c>
    </row>
    <row r="56" spans="1:4" ht="18" customHeight="1" x14ac:dyDescent="0.2">
      <c r="A56" s="14">
        <v>42</v>
      </c>
      <c r="B56" s="15">
        <v>47</v>
      </c>
      <c r="C56" s="16">
        <v>41</v>
      </c>
      <c r="D56" s="17">
        <v>88</v>
      </c>
    </row>
    <row r="57" spans="1:4" ht="18" customHeight="1" x14ac:dyDescent="0.2">
      <c r="A57" s="14">
        <v>43</v>
      </c>
      <c r="B57" s="15">
        <v>44</v>
      </c>
      <c r="C57" s="16">
        <v>41</v>
      </c>
      <c r="D57" s="17">
        <v>85</v>
      </c>
    </row>
    <row r="58" spans="1:4" ht="18" customHeight="1" x14ac:dyDescent="0.2">
      <c r="A58" s="14">
        <v>44</v>
      </c>
      <c r="B58" s="15">
        <v>43</v>
      </c>
      <c r="C58" s="16">
        <v>52</v>
      </c>
      <c r="D58" s="17">
        <v>95</v>
      </c>
    </row>
    <row r="59" spans="1:4" ht="18" customHeight="1" x14ac:dyDescent="0.2">
      <c r="A59" s="18" t="s">
        <v>57</v>
      </c>
      <c r="B59" s="15">
        <v>209</v>
      </c>
      <c r="C59" s="16">
        <v>214</v>
      </c>
      <c r="D59" s="17">
        <v>423</v>
      </c>
    </row>
    <row r="60" spans="1:4" ht="18" customHeight="1" x14ac:dyDescent="0.2">
      <c r="A60" s="14">
        <v>45</v>
      </c>
      <c r="B60" s="15">
        <v>46</v>
      </c>
      <c r="C60" s="16">
        <v>51</v>
      </c>
      <c r="D60" s="17">
        <v>97</v>
      </c>
    </row>
    <row r="61" spans="1:4" ht="18" customHeight="1" x14ac:dyDescent="0.2">
      <c r="A61" s="14">
        <v>46</v>
      </c>
      <c r="B61" s="15">
        <v>46</v>
      </c>
      <c r="C61" s="16">
        <v>44</v>
      </c>
      <c r="D61" s="17">
        <v>90</v>
      </c>
    </row>
    <row r="62" spans="1:4" ht="18" customHeight="1" x14ac:dyDescent="0.2">
      <c r="A62" s="14">
        <v>47</v>
      </c>
      <c r="B62" s="15">
        <v>40</v>
      </c>
      <c r="C62" s="16">
        <v>39</v>
      </c>
      <c r="D62" s="17">
        <v>79</v>
      </c>
    </row>
    <row r="63" spans="1:4" ht="18" customHeight="1" x14ac:dyDescent="0.2">
      <c r="A63" s="14">
        <v>48</v>
      </c>
      <c r="B63" s="15">
        <v>46</v>
      </c>
      <c r="C63" s="16">
        <v>31</v>
      </c>
      <c r="D63" s="17">
        <v>77</v>
      </c>
    </row>
    <row r="64" spans="1:4" ht="18" customHeight="1" x14ac:dyDescent="0.2">
      <c r="A64" s="14">
        <v>49</v>
      </c>
      <c r="B64" s="15">
        <v>39</v>
      </c>
      <c r="C64" s="16">
        <v>48</v>
      </c>
      <c r="D64" s="17">
        <v>87</v>
      </c>
    </row>
    <row r="65" spans="1:4" ht="18" customHeight="1" x14ac:dyDescent="0.2">
      <c r="A65" s="18" t="s">
        <v>58</v>
      </c>
      <c r="B65" s="15">
        <v>217</v>
      </c>
      <c r="C65" s="16">
        <v>213</v>
      </c>
      <c r="D65" s="17">
        <v>430</v>
      </c>
    </row>
    <row r="66" spans="1:4" ht="18" customHeight="1" x14ac:dyDescent="0.2">
      <c r="A66" s="14">
        <v>50</v>
      </c>
      <c r="B66" s="15">
        <v>41</v>
      </c>
      <c r="C66" s="16">
        <v>44</v>
      </c>
      <c r="D66" s="17">
        <v>85</v>
      </c>
    </row>
    <row r="67" spans="1:4" ht="18" customHeight="1" x14ac:dyDescent="0.2">
      <c r="A67" s="14">
        <v>51</v>
      </c>
      <c r="B67" s="15">
        <v>42</v>
      </c>
      <c r="C67" s="16">
        <v>47</v>
      </c>
      <c r="D67" s="17">
        <v>89</v>
      </c>
    </row>
    <row r="68" spans="1:4" ht="18" customHeight="1" x14ac:dyDescent="0.2">
      <c r="A68" s="14">
        <v>52</v>
      </c>
      <c r="B68" s="15">
        <v>26</v>
      </c>
      <c r="C68" s="16">
        <v>21</v>
      </c>
      <c r="D68" s="17">
        <v>47</v>
      </c>
    </row>
    <row r="69" spans="1:4" ht="18" customHeight="1" x14ac:dyDescent="0.2">
      <c r="A69" s="14">
        <v>53</v>
      </c>
      <c r="B69" s="15">
        <v>50</v>
      </c>
      <c r="C69" s="16">
        <v>42</v>
      </c>
      <c r="D69" s="17">
        <v>92</v>
      </c>
    </row>
    <row r="70" spans="1:4" ht="18" customHeight="1" x14ac:dyDescent="0.2">
      <c r="A70" s="14">
        <v>54</v>
      </c>
      <c r="B70" s="15">
        <v>33</v>
      </c>
      <c r="C70" s="16">
        <v>44</v>
      </c>
      <c r="D70" s="17">
        <v>77</v>
      </c>
    </row>
    <row r="71" spans="1:4" ht="18" customHeight="1" x14ac:dyDescent="0.2">
      <c r="A71" s="18" t="s">
        <v>59</v>
      </c>
      <c r="B71" s="15">
        <v>192</v>
      </c>
      <c r="C71" s="16">
        <v>198</v>
      </c>
      <c r="D71" s="17">
        <v>390</v>
      </c>
    </row>
    <row r="72" spans="1:4" ht="18" customHeight="1" x14ac:dyDescent="0.2">
      <c r="A72" s="14">
        <v>55</v>
      </c>
      <c r="B72" s="15">
        <v>44</v>
      </c>
      <c r="C72" s="16">
        <v>28</v>
      </c>
      <c r="D72" s="17">
        <v>72</v>
      </c>
    </row>
    <row r="73" spans="1:4" ht="18" customHeight="1" x14ac:dyDescent="0.2">
      <c r="A73" s="14">
        <v>56</v>
      </c>
      <c r="B73" s="15">
        <v>34</v>
      </c>
      <c r="C73" s="16">
        <v>26</v>
      </c>
      <c r="D73" s="17">
        <v>60</v>
      </c>
    </row>
    <row r="74" spans="1:4" ht="18" customHeight="1" x14ac:dyDescent="0.2">
      <c r="A74" s="14">
        <v>57</v>
      </c>
      <c r="B74" s="15">
        <v>49</v>
      </c>
      <c r="C74" s="16">
        <v>37</v>
      </c>
      <c r="D74" s="17">
        <v>86</v>
      </c>
    </row>
    <row r="75" spans="1:4" ht="18" customHeight="1" x14ac:dyDescent="0.2">
      <c r="A75" s="14">
        <v>58</v>
      </c>
      <c r="B75" s="15">
        <v>38</v>
      </c>
      <c r="C75" s="16">
        <v>31</v>
      </c>
      <c r="D75" s="17">
        <v>69</v>
      </c>
    </row>
    <row r="76" spans="1:4" ht="18" customHeight="1" x14ac:dyDescent="0.2">
      <c r="A76" s="14">
        <v>59</v>
      </c>
      <c r="B76" s="15">
        <v>33</v>
      </c>
      <c r="C76" s="16">
        <v>35</v>
      </c>
      <c r="D76" s="17">
        <v>68</v>
      </c>
    </row>
    <row r="77" spans="1:4" ht="18" customHeight="1" x14ac:dyDescent="0.2">
      <c r="A77" s="18" t="s">
        <v>60</v>
      </c>
      <c r="B77" s="15">
        <v>198</v>
      </c>
      <c r="C77" s="16">
        <v>157</v>
      </c>
      <c r="D77" s="17">
        <v>355</v>
      </c>
    </row>
    <row r="78" spans="1:4" ht="18" customHeight="1" x14ac:dyDescent="0.2">
      <c r="A78" s="14">
        <v>60</v>
      </c>
      <c r="B78" s="15">
        <v>27</v>
      </c>
      <c r="C78" s="16">
        <v>28</v>
      </c>
      <c r="D78" s="17">
        <v>55</v>
      </c>
    </row>
    <row r="79" spans="1:4" ht="18" customHeight="1" x14ac:dyDescent="0.2">
      <c r="A79" s="14">
        <v>61</v>
      </c>
      <c r="B79" s="15">
        <v>31</v>
      </c>
      <c r="C79" s="16">
        <v>43</v>
      </c>
      <c r="D79" s="17">
        <v>74</v>
      </c>
    </row>
    <row r="80" spans="1:4" ht="18" customHeight="1" x14ac:dyDescent="0.2">
      <c r="A80" s="14">
        <v>62</v>
      </c>
      <c r="B80" s="15">
        <v>25</v>
      </c>
      <c r="C80" s="16">
        <v>34</v>
      </c>
      <c r="D80" s="17">
        <v>59</v>
      </c>
    </row>
    <row r="81" spans="1:4" ht="18" customHeight="1" x14ac:dyDescent="0.2">
      <c r="A81" s="14">
        <v>63</v>
      </c>
      <c r="B81" s="15">
        <v>37</v>
      </c>
      <c r="C81" s="16">
        <v>39</v>
      </c>
      <c r="D81" s="17">
        <v>76</v>
      </c>
    </row>
    <row r="82" spans="1:4" ht="18" customHeight="1" x14ac:dyDescent="0.2">
      <c r="A82" s="14">
        <v>64</v>
      </c>
      <c r="B82" s="15">
        <v>38</v>
      </c>
      <c r="C82" s="16">
        <v>31</v>
      </c>
      <c r="D82" s="17">
        <v>69</v>
      </c>
    </row>
    <row r="83" spans="1:4" ht="18" customHeight="1" x14ac:dyDescent="0.2">
      <c r="A83" s="18" t="s">
        <v>61</v>
      </c>
      <c r="B83" s="15">
        <v>158</v>
      </c>
      <c r="C83" s="16">
        <v>175</v>
      </c>
      <c r="D83" s="17">
        <v>333</v>
      </c>
    </row>
    <row r="84" spans="1:4" ht="18" customHeight="1" x14ac:dyDescent="0.2">
      <c r="A84" s="18" t="s">
        <v>62</v>
      </c>
      <c r="B84" s="15">
        <v>1758</v>
      </c>
      <c r="C84" s="16">
        <v>1649</v>
      </c>
      <c r="D84" s="17">
        <v>3407</v>
      </c>
    </row>
    <row r="85" spans="1:4" ht="18" customHeight="1" x14ac:dyDescent="0.2">
      <c r="A85" s="14">
        <v>65</v>
      </c>
      <c r="B85" s="15">
        <v>33</v>
      </c>
      <c r="C85" s="16">
        <v>31</v>
      </c>
      <c r="D85" s="17">
        <v>64</v>
      </c>
    </row>
    <row r="86" spans="1:4" ht="18" customHeight="1" x14ac:dyDescent="0.2">
      <c r="A86" s="14">
        <v>66</v>
      </c>
      <c r="B86" s="15">
        <v>39</v>
      </c>
      <c r="C86" s="16">
        <v>39</v>
      </c>
      <c r="D86" s="17">
        <v>78</v>
      </c>
    </row>
    <row r="87" spans="1:4" ht="18" customHeight="1" x14ac:dyDescent="0.2">
      <c r="A87" s="14">
        <v>67</v>
      </c>
      <c r="B87" s="15">
        <v>33</v>
      </c>
      <c r="C87" s="16">
        <v>35</v>
      </c>
      <c r="D87" s="17">
        <v>68</v>
      </c>
    </row>
    <row r="88" spans="1:4" ht="18" customHeight="1" x14ac:dyDescent="0.2">
      <c r="A88" s="14">
        <v>68</v>
      </c>
      <c r="B88" s="15">
        <v>32</v>
      </c>
      <c r="C88" s="16">
        <v>40</v>
      </c>
      <c r="D88" s="17">
        <v>72</v>
      </c>
    </row>
    <row r="89" spans="1:4" ht="18" customHeight="1" x14ac:dyDescent="0.2">
      <c r="A89" s="14">
        <v>69</v>
      </c>
      <c r="B89" s="15">
        <v>42</v>
      </c>
      <c r="C89" s="16">
        <v>43</v>
      </c>
      <c r="D89" s="17">
        <v>85</v>
      </c>
    </row>
    <row r="90" spans="1:4" ht="18" customHeight="1" x14ac:dyDescent="0.2">
      <c r="A90" s="18" t="s">
        <v>63</v>
      </c>
      <c r="B90" s="15">
        <v>179</v>
      </c>
      <c r="C90" s="16">
        <v>188</v>
      </c>
      <c r="D90" s="17">
        <v>367</v>
      </c>
    </row>
    <row r="91" spans="1:4" ht="18" customHeight="1" x14ac:dyDescent="0.2">
      <c r="A91" s="14">
        <v>70</v>
      </c>
      <c r="B91" s="15">
        <v>42</v>
      </c>
      <c r="C91" s="16">
        <v>49</v>
      </c>
      <c r="D91" s="17">
        <v>91</v>
      </c>
    </row>
    <row r="92" spans="1:4" ht="18" customHeight="1" x14ac:dyDescent="0.2">
      <c r="A92" s="14">
        <v>71</v>
      </c>
      <c r="B92" s="15">
        <v>45</v>
      </c>
      <c r="C92" s="16">
        <v>58</v>
      </c>
      <c r="D92" s="17">
        <v>103</v>
      </c>
    </row>
    <row r="93" spans="1:4" ht="18" customHeight="1" x14ac:dyDescent="0.2">
      <c r="A93" s="14">
        <v>72</v>
      </c>
      <c r="B93" s="15">
        <v>20</v>
      </c>
      <c r="C93" s="16">
        <v>25</v>
      </c>
      <c r="D93" s="17">
        <v>45</v>
      </c>
    </row>
    <row r="94" spans="1:4" ht="18" customHeight="1" x14ac:dyDescent="0.2">
      <c r="A94" s="14">
        <v>73</v>
      </c>
      <c r="B94" s="15">
        <v>31</v>
      </c>
      <c r="C94" s="16">
        <v>24</v>
      </c>
      <c r="D94" s="17">
        <v>55</v>
      </c>
    </row>
    <row r="95" spans="1:4" ht="18" customHeight="1" x14ac:dyDescent="0.2">
      <c r="A95" s="14">
        <v>74</v>
      </c>
      <c r="B95" s="15">
        <v>29</v>
      </c>
      <c r="C95" s="16">
        <v>43</v>
      </c>
      <c r="D95" s="17">
        <v>72</v>
      </c>
    </row>
    <row r="96" spans="1:4" ht="18" customHeight="1" x14ac:dyDescent="0.2">
      <c r="A96" s="18" t="s">
        <v>64</v>
      </c>
      <c r="B96" s="15">
        <v>167</v>
      </c>
      <c r="C96" s="16">
        <v>199</v>
      </c>
      <c r="D96" s="17">
        <v>366</v>
      </c>
    </row>
    <row r="97" spans="1:4" ht="18" customHeight="1" x14ac:dyDescent="0.2">
      <c r="A97" s="14">
        <v>75</v>
      </c>
      <c r="B97" s="15">
        <v>30</v>
      </c>
      <c r="C97" s="16">
        <v>44</v>
      </c>
      <c r="D97" s="17">
        <v>74</v>
      </c>
    </row>
    <row r="98" spans="1:4" ht="18" customHeight="1" x14ac:dyDescent="0.2">
      <c r="A98" s="14">
        <v>76</v>
      </c>
      <c r="B98" s="15">
        <v>40</v>
      </c>
      <c r="C98" s="16">
        <v>36</v>
      </c>
      <c r="D98" s="17">
        <v>76</v>
      </c>
    </row>
    <row r="99" spans="1:4" ht="18" customHeight="1" x14ac:dyDescent="0.2">
      <c r="A99" s="14">
        <v>77</v>
      </c>
      <c r="B99" s="15">
        <v>33</v>
      </c>
      <c r="C99" s="16">
        <v>26</v>
      </c>
      <c r="D99" s="17">
        <v>59</v>
      </c>
    </row>
    <row r="100" spans="1:4" ht="18" customHeight="1" x14ac:dyDescent="0.2">
      <c r="A100" s="14">
        <v>78</v>
      </c>
      <c r="B100" s="15">
        <v>22</v>
      </c>
      <c r="C100" s="16">
        <v>40</v>
      </c>
      <c r="D100" s="17">
        <v>62</v>
      </c>
    </row>
    <row r="101" spans="1:4" ht="18" customHeight="1" x14ac:dyDescent="0.2">
      <c r="A101" s="14">
        <v>79</v>
      </c>
      <c r="B101" s="15">
        <v>23</v>
      </c>
      <c r="C101" s="16">
        <v>22</v>
      </c>
      <c r="D101" s="17">
        <v>45</v>
      </c>
    </row>
    <row r="102" spans="1:4" ht="18" customHeight="1" x14ac:dyDescent="0.2">
      <c r="A102" s="18" t="s">
        <v>65</v>
      </c>
      <c r="B102" s="15">
        <v>148</v>
      </c>
      <c r="C102" s="16">
        <v>168</v>
      </c>
      <c r="D102" s="17">
        <v>316</v>
      </c>
    </row>
    <row r="103" spans="1:4" ht="18" customHeight="1" x14ac:dyDescent="0.2">
      <c r="A103" s="14">
        <v>80</v>
      </c>
      <c r="B103" s="15">
        <v>12</v>
      </c>
      <c r="C103" s="16">
        <v>30</v>
      </c>
      <c r="D103" s="17">
        <v>42</v>
      </c>
    </row>
    <row r="104" spans="1:4" ht="18" customHeight="1" x14ac:dyDescent="0.2">
      <c r="A104" s="14">
        <v>81</v>
      </c>
      <c r="B104" s="15">
        <v>21</v>
      </c>
      <c r="C104" s="16">
        <v>32</v>
      </c>
      <c r="D104" s="17">
        <v>53</v>
      </c>
    </row>
    <row r="105" spans="1:4" ht="18" customHeight="1" x14ac:dyDescent="0.2">
      <c r="A105" s="14">
        <v>82</v>
      </c>
      <c r="B105" s="15">
        <v>24</v>
      </c>
      <c r="C105" s="16">
        <v>32</v>
      </c>
      <c r="D105" s="17">
        <v>56</v>
      </c>
    </row>
    <row r="106" spans="1:4" ht="18" customHeight="1" x14ac:dyDescent="0.2">
      <c r="A106" s="14">
        <v>83</v>
      </c>
      <c r="B106" s="15">
        <v>10</v>
      </c>
      <c r="C106" s="16">
        <v>25</v>
      </c>
      <c r="D106" s="17">
        <v>35</v>
      </c>
    </row>
    <row r="107" spans="1:4" ht="18" customHeight="1" x14ac:dyDescent="0.2">
      <c r="A107" s="14">
        <v>84</v>
      </c>
      <c r="B107" s="15">
        <v>10</v>
      </c>
      <c r="C107" s="16">
        <v>35</v>
      </c>
      <c r="D107" s="17">
        <v>45</v>
      </c>
    </row>
    <row r="108" spans="1:4" ht="18" customHeight="1" x14ac:dyDescent="0.2">
      <c r="A108" s="18" t="s">
        <v>66</v>
      </c>
      <c r="B108" s="15">
        <v>77</v>
      </c>
      <c r="C108" s="16">
        <v>154</v>
      </c>
      <c r="D108" s="17">
        <v>231</v>
      </c>
    </row>
    <row r="109" spans="1:4" ht="18" customHeight="1" x14ac:dyDescent="0.2">
      <c r="A109" s="14">
        <v>85</v>
      </c>
      <c r="B109" s="15">
        <v>21</v>
      </c>
      <c r="C109" s="16">
        <v>31</v>
      </c>
      <c r="D109" s="17">
        <v>52</v>
      </c>
    </row>
    <row r="110" spans="1:4" ht="18" customHeight="1" x14ac:dyDescent="0.2">
      <c r="A110" s="14">
        <v>86</v>
      </c>
      <c r="B110" s="15">
        <v>14</v>
      </c>
      <c r="C110" s="16">
        <v>31</v>
      </c>
      <c r="D110" s="17">
        <v>45</v>
      </c>
    </row>
    <row r="111" spans="1:4" ht="18" customHeight="1" x14ac:dyDescent="0.2">
      <c r="A111" s="14">
        <v>87</v>
      </c>
      <c r="B111" s="15">
        <v>16</v>
      </c>
      <c r="C111" s="16">
        <v>27</v>
      </c>
      <c r="D111" s="17">
        <v>43</v>
      </c>
    </row>
    <row r="112" spans="1:4" ht="18" customHeight="1" x14ac:dyDescent="0.2">
      <c r="A112" s="14">
        <v>88</v>
      </c>
      <c r="B112" s="15">
        <v>8</v>
      </c>
      <c r="C112" s="16">
        <v>17</v>
      </c>
      <c r="D112" s="17">
        <v>25</v>
      </c>
    </row>
    <row r="113" spans="1:4" ht="18" customHeight="1" x14ac:dyDescent="0.2">
      <c r="A113" s="14">
        <v>89</v>
      </c>
      <c r="B113" s="15">
        <v>9</v>
      </c>
      <c r="C113" s="16">
        <v>19</v>
      </c>
      <c r="D113" s="17">
        <v>28</v>
      </c>
    </row>
    <row r="114" spans="1:4" ht="18" customHeight="1" x14ac:dyDescent="0.2">
      <c r="A114" s="18" t="s">
        <v>67</v>
      </c>
      <c r="B114" s="15">
        <v>68</v>
      </c>
      <c r="C114" s="16">
        <v>125</v>
      </c>
      <c r="D114" s="17">
        <v>193</v>
      </c>
    </row>
    <row r="115" spans="1:4" ht="18" customHeight="1" x14ac:dyDescent="0.2">
      <c r="A115" s="14">
        <v>90</v>
      </c>
      <c r="B115" s="15">
        <v>8</v>
      </c>
      <c r="C115" s="16">
        <v>12</v>
      </c>
      <c r="D115" s="17">
        <v>20</v>
      </c>
    </row>
    <row r="116" spans="1:4" ht="18" customHeight="1" x14ac:dyDescent="0.2">
      <c r="A116" s="14">
        <v>91</v>
      </c>
      <c r="B116" s="15">
        <v>4</v>
      </c>
      <c r="C116" s="16">
        <v>15</v>
      </c>
      <c r="D116" s="17">
        <v>19</v>
      </c>
    </row>
    <row r="117" spans="1:4" ht="18" customHeight="1" x14ac:dyDescent="0.2">
      <c r="A117" s="14">
        <v>92</v>
      </c>
      <c r="B117" s="15">
        <v>5</v>
      </c>
      <c r="C117" s="16">
        <v>11</v>
      </c>
      <c r="D117" s="17">
        <v>16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9</v>
      </c>
      <c r="D119" s="17">
        <v>9</v>
      </c>
    </row>
    <row r="120" spans="1:4" ht="18" customHeight="1" x14ac:dyDescent="0.2">
      <c r="A120" s="18" t="s">
        <v>68</v>
      </c>
      <c r="B120" s="15">
        <v>19</v>
      </c>
      <c r="C120" s="16">
        <v>56</v>
      </c>
      <c r="D120" s="17">
        <v>75</v>
      </c>
    </row>
    <row r="121" spans="1:4" ht="18" customHeight="1" x14ac:dyDescent="0.2">
      <c r="A121" s="14">
        <v>95</v>
      </c>
      <c r="B121" s="15">
        <v>2</v>
      </c>
      <c r="C121" s="16">
        <v>10</v>
      </c>
      <c r="D121" s="17">
        <v>12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22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62</v>
      </c>
      <c r="C130" s="5">
        <v>915</v>
      </c>
      <c r="D130" s="6">
        <v>1577</v>
      </c>
    </row>
    <row r="131" spans="1:4" ht="18" customHeight="1" x14ac:dyDescent="0.2">
      <c r="A131" s="20" t="s">
        <v>47</v>
      </c>
      <c r="B131" s="7">
        <v>2799</v>
      </c>
      <c r="C131" s="8">
        <v>2943</v>
      </c>
      <c r="D131" s="9">
        <v>57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0</v>
      </c>
      <c r="C5" s="12">
        <v>37</v>
      </c>
      <c r="D5" s="13">
        <v>67</v>
      </c>
    </row>
    <row r="6" spans="1:10" ht="18" customHeight="1" x14ac:dyDescent="0.2">
      <c r="A6" s="14">
        <v>1</v>
      </c>
      <c r="B6" s="15">
        <v>21</v>
      </c>
      <c r="C6" s="16">
        <v>27</v>
      </c>
      <c r="D6" s="17">
        <v>48</v>
      </c>
    </row>
    <row r="7" spans="1:10" ht="18" customHeight="1" x14ac:dyDescent="0.2">
      <c r="A7" s="14">
        <v>2</v>
      </c>
      <c r="B7" s="15">
        <v>28</v>
      </c>
      <c r="C7" s="16">
        <v>23</v>
      </c>
      <c r="D7" s="17">
        <v>51</v>
      </c>
    </row>
    <row r="8" spans="1:10" ht="18" customHeight="1" x14ac:dyDescent="0.2">
      <c r="A8" s="14">
        <v>3</v>
      </c>
      <c r="B8" s="15">
        <v>29</v>
      </c>
      <c r="C8" s="16">
        <v>26</v>
      </c>
      <c r="D8" s="17">
        <v>55</v>
      </c>
    </row>
    <row r="9" spans="1:10" ht="18" customHeight="1" x14ac:dyDescent="0.2">
      <c r="A9" s="14">
        <v>4</v>
      </c>
      <c r="B9" s="15">
        <v>32</v>
      </c>
      <c r="C9" s="16">
        <v>42</v>
      </c>
      <c r="D9" s="17">
        <v>74</v>
      </c>
    </row>
    <row r="10" spans="1:10" ht="18" customHeight="1" x14ac:dyDescent="0.2">
      <c r="A10" s="18" t="s">
        <v>48</v>
      </c>
      <c r="B10" s="15">
        <v>140</v>
      </c>
      <c r="C10" s="16">
        <v>155</v>
      </c>
      <c r="D10" s="17">
        <v>295</v>
      </c>
    </row>
    <row r="11" spans="1:10" ht="18" customHeight="1" x14ac:dyDescent="0.2">
      <c r="A11" s="14">
        <v>5</v>
      </c>
      <c r="B11" s="15">
        <v>29</v>
      </c>
      <c r="C11" s="16">
        <v>29</v>
      </c>
      <c r="D11" s="17">
        <v>58</v>
      </c>
    </row>
    <row r="12" spans="1:10" ht="18" customHeight="1" x14ac:dyDescent="0.2">
      <c r="A12" s="14">
        <v>6</v>
      </c>
      <c r="B12" s="15">
        <v>42</v>
      </c>
      <c r="C12" s="16">
        <v>30</v>
      </c>
      <c r="D12" s="17">
        <v>72</v>
      </c>
    </row>
    <row r="13" spans="1:10" ht="18" customHeight="1" x14ac:dyDescent="0.2">
      <c r="A13" s="14">
        <v>7</v>
      </c>
      <c r="B13" s="15">
        <v>30</v>
      </c>
      <c r="C13" s="16">
        <v>40</v>
      </c>
      <c r="D13" s="17">
        <v>70</v>
      </c>
    </row>
    <row r="14" spans="1:10" ht="18" customHeight="1" x14ac:dyDescent="0.2">
      <c r="A14" s="14">
        <v>8</v>
      </c>
      <c r="B14" s="15">
        <v>39</v>
      </c>
      <c r="C14" s="16">
        <v>38</v>
      </c>
      <c r="D14" s="17">
        <v>77</v>
      </c>
    </row>
    <row r="15" spans="1:10" ht="18" customHeight="1" x14ac:dyDescent="0.2">
      <c r="A15" s="14">
        <v>9</v>
      </c>
      <c r="B15" s="15">
        <v>38</v>
      </c>
      <c r="C15" s="16">
        <v>42</v>
      </c>
      <c r="D15" s="17">
        <v>80</v>
      </c>
    </row>
    <row r="16" spans="1:10" ht="18" customHeight="1" x14ac:dyDescent="0.2">
      <c r="A16" s="18" t="s">
        <v>49</v>
      </c>
      <c r="B16" s="15">
        <v>178</v>
      </c>
      <c r="C16" s="16">
        <v>179</v>
      </c>
      <c r="D16" s="17">
        <v>357</v>
      </c>
    </row>
    <row r="17" spans="1:4" ht="18" customHeight="1" x14ac:dyDescent="0.2">
      <c r="A17" s="14">
        <v>10</v>
      </c>
      <c r="B17" s="15">
        <v>38</v>
      </c>
      <c r="C17" s="16">
        <v>37</v>
      </c>
      <c r="D17" s="17">
        <v>75</v>
      </c>
    </row>
    <row r="18" spans="1:4" ht="18" customHeight="1" x14ac:dyDescent="0.2">
      <c r="A18" s="14">
        <v>11</v>
      </c>
      <c r="B18" s="15">
        <v>40</v>
      </c>
      <c r="C18" s="16">
        <v>45</v>
      </c>
      <c r="D18" s="17">
        <v>85</v>
      </c>
    </row>
    <row r="19" spans="1:4" ht="18" customHeight="1" x14ac:dyDescent="0.2">
      <c r="A19" s="14">
        <v>12</v>
      </c>
      <c r="B19" s="15">
        <v>39</v>
      </c>
      <c r="C19" s="16">
        <v>37</v>
      </c>
      <c r="D19" s="17">
        <v>76</v>
      </c>
    </row>
    <row r="20" spans="1:4" ht="18" customHeight="1" x14ac:dyDescent="0.2">
      <c r="A20" s="14">
        <v>13</v>
      </c>
      <c r="B20" s="15">
        <v>47</v>
      </c>
      <c r="C20" s="16">
        <v>25</v>
      </c>
      <c r="D20" s="17">
        <v>72</v>
      </c>
    </row>
    <row r="21" spans="1:4" ht="18" customHeight="1" x14ac:dyDescent="0.2">
      <c r="A21" s="14">
        <v>14</v>
      </c>
      <c r="B21" s="15">
        <v>47</v>
      </c>
      <c r="C21" s="16">
        <v>47</v>
      </c>
      <c r="D21" s="17">
        <v>94</v>
      </c>
    </row>
    <row r="22" spans="1:4" ht="18" customHeight="1" x14ac:dyDescent="0.2">
      <c r="A22" s="18" t="s">
        <v>50</v>
      </c>
      <c r="B22" s="15">
        <v>211</v>
      </c>
      <c r="C22" s="16">
        <v>191</v>
      </c>
      <c r="D22" s="17">
        <v>402</v>
      </c>
    </row>
    <row r="23" spans="1:4" ht="18" customHeight="1" x14ac:dyDescent="0.2">
      <c r="A23" s="18" t="s">
        <v>51</v>
      </c>
      <c r="B23" s="15">
        <v>529</v>
      </c>
      <c r="C23" s="16">
        <v>525</v>
      </c>
      <c r="D23" s="17">
        <v>1054</v>
      </c>
    </row>
    <row r="24" spans="1:4" ht="18" customHeight="1" x14ac:dyDescent="0.2">
      <c r="A24" s="14">
        <v>15</v>
      </c>
      <c r="B24" s="15">
        <v>46</v>
      </c>
      <c r="C24" s="16">
        <v>39</v>
      </c>
      <c r="D24" s="17">
        <v>85</v>
      </c>
    </row>
    <row r="25" spans="1:4" ht="18" customHeight="1" x14ac:dyDescent="0.2">
      <c r="A25" s="14">
        <v>16</v>
      </c>
      <c r="B25" s="15">
        <v>40</v>
      </c>
      <c r="C25" s="16">
        <v>37</v>
      </c>
      <c r="D25" s="17">
        <v>77</v>
      </c>
    </row>
    <row r="26" spans="1:4" ht="18" customHeight="1" x14ac:dyDescent="0.2">
      <c r="A26" s="14">
        <v>17</v>
      </c>
      <c r="B26" s="15">
        <v>41</v>
      </c>
      <c r="C26" s="16">
        <v>37</v>
      </c>
      <c r="D26" s="17">
        <v>78</v>
      </c>
    </row>
    <row r="27" spans="1:4" ht="18" customHeight="1" x14ac:dyDescent="0.2">
      <c r="A27" s="14">
        <v>18</v>
      </c>
      <c r="B27" s="15">
        <v>95</v>
      </c>
      <c r="C27" s="16">
        <v>46</v>
      </c>
      <c r="D27" s="17">
        <v>141</v>
      </c>
    </row>
    <row r="28" spans="1:4" ht="18" customHeight="1" x14ac:dyDescent="0.2">
      <c r="A28" s="14">
        <v>19</v>
      </c>
      <c r="B28" s="15">
        <v>183</v>
      </c>
      <c r="C28" s="16">
        <v>86</v>
      </c>
      <c r="D28" s="17">
        <v>269</v>
      </c>
    </row>
    <row r="29" spans="1:4" ht="18" customHeight="1" x14ac:dyDescent="0.2">
      <c r="A29" s="18" t="s">
        <v>52</v>
      </c>
      <c r="B29" s="15">
        <v>405</v>
      </c>
      <c r="C29" s="16">
        <v>245</v>
      </c>
      <c r="D29" s="17">
        <v>650</v>
      </c>
    </row>
    <row r="30" spans="1:4" ht="18" customHeight="1" x14ac:dyDescent="0.2">
      <c r="A30" s="14">
        <v>20</v>
      </c>
      <c r="B30" s="15">
        <v>146</v>
      </c>
      <c r="C30" s="16">
        <v>89</v>
      </c>
      <c r="D30" s="17">
        <v>235</v>
      </c>
    </row>
    <row r="31" spans="1:4" ht="18" customHeight="1" x14ac:dyDescent="0.2">
      <c r="A31" s="14">
        <v>21</v>
      </c>
      <c r="B31" s="15">
        <v>182</v>
      </c>
      <c r="C31" s="16">
        <v>103</v>
      </c>
      <c r="D31" s="17">
        <v>285</v>
      </c>
    </row>
    <row r="32" spans="1:4" ht="18" customHeight="1" x14ac:dyDescent="0.2">
      <c r="A32" s="14">
        <v>22</v>
      </c>
      <c r="B32" s="15">
        <v>160</v>
      </c>
      <c r="C32" s="16">
        <v>89</v>
      </c>
      <c r="D32" s="17">
        <v>249</v>
      </c>
    </row>
    <row r="33" spans="1:4" ht="18" customHeight="1" x14ac:dyDescent="0.2">
      <c r="A33" s="14">
        <v>23</v>
      </c>
      <c r="B33" s="15">
        <v>140</v>
      </c>
      <c r="C33" s="16">
        <v>97</v>
      </c>
      <c r="D33" s="17">
        <v>237</v>
      </c>
    </row>
    <row r="34" spans="1:4" ht="18" customHeight="1" x14ac:dyDescent="0.2">
      <c r="A34" s="14">
        <v>24</v>
      </c>
      <c r="B34" s="15">
        <v>130</v>
      </c>
      <c r="C34" s="16">
        <v>73</v>
      </c>
      <c r="D34" s="17">
        <v>203</v>
      </c>
    </row>
    <row r="35" spans="1:4" ht="18" customHeight="1" x14ac:dyDescent="0.2">
      <c r="A35" s="18" t="s">
        <v>53</v>
      </c>
      <c r="B35" s="15">
        <v>758</v>
      </c>
      <c r="C35" s="16">
        <v>451</v>
      </c>
      <c r="D35" s="17">
        <v>1209</v>
      </c>
    </row>
    <row r="36" spans="1:4" ht="18" customHeight="1" x14ac:dyDescent="0.2">
      <c r="A36" s="14">
        <v>25</v>
      </c>
      <c r="B36" s="15">
        <v>75</v>
      </c>
      <c r="C36" s="16">
        <v>58</v>
      </c>
      <c r="D36" s="17">
        <v>133</v>
      </c>
    </row>
    <row r="37" spans="1:4" ht="18" customHeight="1" x14ac:dyDescent="0.2">
      <c r="A37" s="14">
        <v>26</v>
      </c>
      <c r="B37" s="15">
        <v>79</v>
      </c>
      <c r="C37" s="16">
        <v>49</v>
      </c>
      <c r="D37" s="17">
        <v>128</v>
      </c>
    </row>
    <row r="38" spans="1:4" ht="18" customHeight="1" x14ac:dyDescent="0.2">
      <c r="A38" s="14">
        <v>27</v>
      </c>
      <c r="B38" s="15">
        <v>80</v>
      </c>
      <c r="C38" s="16">
        <v>55</v>
      </c>
      <c r="D38" s="17">
        <v>135</v>
      </c>
    </row>
    <row r="39" spans="1:4" ht="18" customHeight="1" x14ac:dyDescent="0.2">
      <c r="A39" s="14">
        <v>28</v>
      </c>
      <c r="B39" s="15">
        <v>69</v>
      </c>
      <c r="C39" s="16">
        <v>44</v>
      </c>
      <c r="D39" s="17">
        <v>113</v>
      </c>
    </row>
    <row r="40" spans="1:4" ht="18" customHeight="1" x14ac:dyDescent="0.2">
      <c r="A40" s="14">
        <v>29</v>
      </c>
      <c r="B40" s="15">
        <v>61</v>
      </c>
      <c r="C40" s="16">
        <v>36</v>
      </c>
      <c r="D40" s="17">
        <v>97</v>
      </c>
    </row>
    <row r="41" spans="1:4" ht="18" customHeight="1" x14ac:dyDescent="0.2">
      <c r="A41" s="18" t="s">
        <v>54</v>
      </c>
      <c r="B41" s="15">
        <v>364</v>
      </c>
      <c r="C41" s="16">
        <v>242</v>
      </c>
      <c r="D41" s="17">
        <v>606</v>
      </c>
    </row>
    <row r="42" spans="1:4" ht="18" customHeight="1" x14ac:dyDescent="0.2">
      <c r="A42" s="14">
        <v>30</v>
      </c>
      <c r="B42" s="15">
        <v>73</v>
      </c>
      <c r="C42" s="16">
        <v>54</v>
      </c>
      <c r="D42" s="17">
        <v>127</v>
      </c>
    </row>
    <row r="43" spans="1:4" ht="18" customHeight="1" x14ac:dyDescent="0.2">
      <c r="A43" s="14">
        <v>31</v>
      </c>
      <c r="B43" s="15">
        <v>75</v>
      </c>
      <c r="C43" s="16">
        <v>35</v>
      </c>
      <c r="D43" s="17">
        <v>110</v>
      </c>
    </row>
    <row r="44" spans="1:4" ht="18" customHeight="1" x14ac:dyDescent="0.2">
      <c r="A44" s="14">
        <v>32</v>
      </c>
      <c r="B44" s="15">
        <v>47</v>
      </c>
      <c r="C44" s="16">
        <v>36</v>
      </c>
      <c r="D44" s="17">
        <v>83</v>
      </c>
    </row>
    <row r="45" spans="1:4" ht="18" customHeight="1" x14ac:dyDescent="0.2">
      <c r="A45" s="14">
        <v>33</v>
      </c>
      <c r="B45" s="15">
        <v>59</v>
      </c>
      <c r="C45" s="16">
        <v>50</v>
      </c>
      <c r="D45" s="17">
        <v>109</v>
      </c>
    </row>
    <row r="46" spans="1:4" ht="18" customHeight="1" x14ac:dyDescent="0.2">
      <c r="A46" s="14">
        <v>34</v>
      </c>
      <c r="B46" s="15">
        <v>49</v>
      </c>
      <c r="C46" s="16">
        <v>43</v>
      </c>
      <c r="D46" s="17">
        <v>92</v>
      </c>
    </row>
    <row r="47" spans="1:4" ht="18" customHeight="1" x14ac:dyDescent="0.2">
      <c r="A47" s="18" t="s">
        <v>55</v>
      </c>
      <c r="B47" s="15">
        <v>303</v>
      </c>
      <c r="C47" s="16">
        <v>218</v>
      </c>
      <c r="D47" s="17">
        <v>521</v>
      </c>
    </row>
    <row r="48" spans="1:4" ht="18" customHeight="1" x14ac:dyDescent="0.2">
      <c r="A48" s="14">
        <v>35</v>
      </c>
      <c r="B48" s="15">
        <v>53</v>
      </c>
      <c r="C48" s="16">
        <v>59</v>
      </c>
      <c r="D48" s="17">
        <v>112</v>
      </c>
    </row>
    <row r="49" spans="1:4" ht="18" customHeight="1" x14ac:dyDescent="0.2">
      <c r="A49" s="14">
        <v>36</v>
      </c>
      <c r="B49" s="15">
        <v>62</v>
      </c>
      <c r="C49" s="16">
        <v>49</v>
      </c>
      <c r="D49" s="17">
        <v>111</v>
      </c>
    </row>
    <row r="50" spans="1:4" ht="18" customHeight="1" x14ac:dyDescent="0.2">
      <c r="A50" s="14">
        <v>37</v>
      </c>
      <c r="B50" s="15">
        <v>38</v>
      </c>
      <c r="C50" s="16">
        <v>51</v>
      </c>
      <c r="D50" s="17">
        <v>89</v>
      </c>
    </row>
    <row r="51" spans="1:4" ht="18" customHeight="1" x14ac:dyDescent="0.2">
      <c r="A51" s="14">
        <v>38</v>
      </c>
      <c r="B51" s="15">
        <v>57</v>
      </c>
      <c r="C51" s="16">
        <v>44</v>
      </c>
      <c r="D51" s="17">
        <v>101</v>
      </c>
    </row>
    <row r="52" spans="1:4" ht="18" customHeight="1" x14ac:dyDescent="0.2">
      <c r="A52" s="14">
        <v>39</v>
      </c>
      <c r="B52" s="15">
        <v>75</v>
      </c>
      <c r="C52" s="16">
        <v>62</v>
      </c>
      <c r="D52" s="17">
        <v>137</v>
      </c>
    </row>
    <row r="53" spans="1:4" ht="18" customHeight="1" x14ac:dyDescent="0.2">
      <c r="A53" s="18" t="s">
        <v>56</v>
      </c>
      <c r="B53" s="15">
        <v>285</v>
      </c>
      <c r="C53" s="16">
        <v>265</v>
      </c>
      <c r="D53" s="17">
        <v>550</v>
      </c>
    </row>
    <row r="54" spans="1:4" ht="18" customHeight="1" x14ac:dyDescent="0.2">
      <c r="A54" s="14">
        <v>40</v>
      </c>
      <c r="B54" s="15">
        <v>76</v>
      </c>
      <c r="C54" s="16">
        <v>60</v>
      </c>
      <c r="D54" s="17">
        <v>136</v>
      </c>
    </row>
    <row r="55" spans="1:4" ht="18" customHeight="1" x14ac:dyDescent="0.2">
      <c r="A55" s="14">
        <v>41</v>
      </c>
      <c r="B55" s="15">
        <v>52</v>
      </c>
      <c r="C55" s="16">
        <v>66</v>
      </c>
      <c r="D55" s="17">
        <v>118</v>
      </c>
    </row>
    <row r="56" spans="1:4" ht="18" customHeight="1" x14ac:dyDescent="0.2">
      <c r="A56" s="14">
        <v>42</v>
      </c>
      <c r="B56" s="15">
        <v>70</v>
      </c>
      <c r="C56" s="16">
        <v>52</v>
      </c>
      <c r="D56" s="17">
        <v>122</v>
      </c>
    </row>
    <row r="57" spans="1:4" ht="18" customHeight="1" x14ac:dyDescent="0.2">
      <c r="A57" s="14">
        <v>43</v>
      </c>
      <c r="B57" s="15">
        <v>72</v>
      </c>
      <c r="C57" s="16">
        <v>67</v>
      </c>
      <c r="D57" s="17">
        <v>139</v>
      </c>
    </row>
    <row r="58" spans="1:4" ht="18" customHeight="1" x14ac:dyDescent="0.2">
      <c r="A58" s="14">
        <v>44</v>
      </c>
      <c r="B58" s="15">
        <v>71</v>
      </c>
      <c r="C58" s="16">
        <v>81</v>
      </c>
      <c r="D58" s="17">
        <v>152</v>
      </c>
    </row>
    <row r="59" spans="1:4" ht="18" customHeight="1" x14ac:dyDescent="0.2">
      <c r="A59" s="18" t="s">
        <v>57</v>
      </c>
      <c r="B59" s="15">
        <v>341</v>
      </c>
      <c r="C59" s="16">
        <v>326</v>
      </c>
      <c r="D59" s="17">
        <v>667</v>
      </c>
    </row>
    <row r="60" spans="1:4" ht="18" customHeight="1" x14ac:dyDescent="0.2">
      <c r="A60" s="14">
        <v>45</v>
      </c>
      <c r="B60" s="15">
        <v>84</v>
      </c>
      <c r="C60" s="16">
        <v>91</v>
      </c>
      <c r="D60" s="17">
        <v>175</v>
      </c>
    </row>
    <row r="61" spans="1:4" ht="18" customHeight="1" x14ac:dyDescent="0.2">
      <c r="A61" s="14">
        <v>46</v>
      </c>
      <c r="B61" s="15">
        <v>90</v>
      </c>
      <c r="C61" s="16">
        <v>87</v>
      </c>
      <c r="D61" s="17">
        <v>177</v>
      </c>
    </row>
    <row r="62" spans="1:4" ht="18" customHeight="1" x14ac:dyDescent="0.2">
      <c r="A62" s="14">
        <v>47</v>
      </c>
      <c r="B62" s="15">
        <v>76</v>
      </c>
      <c r="C62" s="16">
        <v>58</v>
      </c>
      <c r="D62" s="17">
        <v>134</v>
      </c>
    </row>
    <row r="63" spans="1:4" ht="18" customHeight="1" x14ac:dyDescent="0.2">
      <c r="A63" s="14">
        <v>48</v>
      </c>
      <c r="B63" s="15">
        <v>82</v>
      </c>
      <c r="C63" s="16">
        <v>74</v>
      </c>
      <c r="D63" s="17">
        <v>156</v>
      </c>
    </row>
    <row r="64" spans="1:4" ht="18" customHeight="1" x14ac:dyDescent="0.2">
      <c r="A64" s="14">
        <v>49</v>
      </c>
      <c r="B64" s="15">
        <v>64</v>
      </c>
      <c r="C64" s="16">
        <v>71</v>
      </c>
      <c r="D64" s="17">
        <v>135</v>
      </c>
    </row>
    <row r="65" spans="1:4" ht="18" customHeight="1" x14ac:dyDescent="0.2">
      <c r="A65" s="18" t="s">
        <v>58</v>
      </c>
      <c r="B65" s="15">
        <v>396</v>
      </c>
      <c r="C65" s="16">
        <v>381</v>
      </c>
      <c r="D65" s="17">
        <v>777</v>
      </c>
    </row>
    <row r="66" spans="1:4" ht="18" customHeight="1" x14ac:dyDescent="0.2">
      <c r="A66" s="14">
        <v>50</v>
      </c>
      <c r="B66" s="15">
        <v>63</v>
      </c>
      <c r="C66" s="16">
        <v>83</v>
      </c>
      <c r="D66" s="17">
        <v>146</v>
      </c>
    </row>
    <row r="67" spans="1:4" ht="18" customHeight="1" x14ac:dyDescent="0.2">
      <c r="A67" s="14">
        <v>51</v>
      </c>
      <c r="B67" s="15">
        <v>74</v>
      </c>
      <c r="C67" s="16">
        <v>82</v>
      </c>
      <c r="D67" s="17">
        <v>156</v>
      </c>
    </row>
    <row r="68" spans="1:4" ht="18" customHeight="1" x14ac:dyDescent="0.2">
      <c r="A68" s="14">
        <v>52</v>
      </c>
      <c r="B68" s="15">
        <v>48</v>
      </c>
      <c r="C68" s="16">
        <v>37</v>
      </c>
      <c r="D68" s="17">
        <v>85</v>
      </c>
    </row>
    <row r="69" spans="1:4" ht="18" customHeight="1" x14ac:dyDescent="0.2">
      <c r="A69" s="14">
        <v>53</v>
      </c>
      <c r="B69" s="15">
        <v>59</v>
      </c>
      <c r="C69" s="16">
        <v>42</v>
      </c>
      <c r="D69" s="17">
        <v>101</v>
      </c>
    </row>
    <row r="70" spans="1:4" ht="18" customHeight="1" x14ac:dyDescent="0.2">
      <c r="A70" s="14">
        <v>54</v>
      </c>
      <c r="B70" s="15">
        <v>59</v>
      </c>
      <c r="C70" s="16">
        <v>62</v>
      </c>
      <c r="D70" s="17">
        <v>121</v>
      </c>
    </row>
    <row r="71" spans="1:4" ht="18" customHeight="1" x14ac:dyDescent="0.2">
      <c r="A71" s="18" t="s">
        <v>59</v>
      </c>
      <c r="B71" s="15">
        <v>303</v>
      </c>
      <c r="C71" s="16">
        <v>306</v>
      </c>
      <c r="D71" s="17">
        <v>609</v>
      </c>
    </row>
    <row r="72" spans="1:4" ht="18" customHeight="1" x14ac:dyDescent="0.2">
      <c r="A72" s="14">
        <v>55</v>
      </c>
      <c r="B72" s="15">
        <v>72</v>
      </c>
      <c r="C72" s="16">
        <v>51</v>
      </c>
      <c r="D72" s="17">
        <v>123</v>
      </c>
    </row>
    <row r="73" spans="1:4" ht="18" customHeight="1" x14ac:dyDescent="0.2">
      <c r="A73" s="14">
        <v>56</v>
      </c>
      <c r="B73" s="15">
        <v>57</v>
      </c>
      <c r="C73" s="16">
        <v>54</v>
      </c>
      <c r="D73" s="17">
        <v>111</v>
      </c>
    </row>
    <row r="74" spans="1:4" ht="18" customHeight="1" x14ac:dyDescent="0.2">
      <c r="A74" s="14">
        <v>57</v>
      </c>
      <c r="B74" s="15">
        <v>54</v>
      </c>
      <c r="C74" s="16">
        <v>52</v>
      </c>
      <c r="D74" s="17">
        <v>106</v>
      </c>
    </row>
    <row r="75" spans="1:4" ht="18" customHeight="1" x14ac:dyDescent="0.2">
      <c r="A75" s="14">
        <v>58</v>
      </c>
      <c r="B75" s="15">
        <v>58</v>
      </c>
      <c r="C75" s="16">
        <v>57</v>
      </c>
      <c r="D75" s="17">
        <v>115</v>
      </c>
    </row>
    <row r="76" spans="1:4" ht="18" customHeight="1" x14ac:dyDescent="0.2">
      <c r="A76" s="14">
        <v>59</v>
      </c>
      <c r="B76" s="15">
        <v>58</v>
      </c>
      <c r="C76" s="16">
        <v>52</v>
      </c>
      <c r="D76" s="17">
        <v>110</v>
      </c>
    </row>
    <row r="77" spans="1:4" ht="18" customHeight="1" x14ac:dyDescent="0.2">
      <c r="A77" s="18" t="s">
        <v>60</v>
      </c>
      <c r="B77" s="15">
        <v>299</v>
      </c>
      <c r="C77" s="16">
        <v>266</v>
      </c>
      <c r="D77" s="17">
        <v>565</v>
      </c>
    </row>
    <row r="78" spans="1:4" ht="18" customHeight="1" x14ac:dyDescent="0.2">
      <c r="A78" s="14">
        <v>60</v>
      </c>
      <c r="B78" s="15">
        <v>48</v>
      </c>
      <c r="C78" s="16">
        <v>42</v>
      </c>
      <c r="D78" s="17">
        <v>90</v>
      </c>
    </row>
    <row r="79" spans="1:4" ht="18" customHeight="1" x14ac:dyDescent="0.2">
      <c r="A79" s="14">
        <v>61</v>
      </c>
      <c r="B79" s="15">
        <v>50</v>
      </c>
      <c r="C79" s="16">
        <v>45</v>
      </c>
      <c r="D79" s="17">
        <v>95</v>
      </c>
    </row>
    <row r="80" spans="1:4" ht="18" customHeight="1" x14ac:dyDescent="0.2">
      <c r="A80" s="14">
        <v>62</v>
      </c>
      <c r="B80" s="15">
        <v>51</v>
      </c>
      <c r="C80" s="16">
        <v>42</v>
      </c>
      <c r="D80" s="17">
        <v>93</v>
      </c>
    </row>
    <row r="81" spans="1:4" ht="18" customHeight="1" x14ac:dyDescent="0.2">
      <c r="A81" s="14">
        <v>63</v>
      </c>
      <c r="B81" s="15">
        <v>53</v>
      </c>
      <c r="C81" s="16">
        <v>55</v>
      </c>
      <c r="D81" s="17">
        <v>108</v>
      </c>
    </row>
    <row r="82" spans="1:4" ht="18" customHeight="1" x14ac:dyDescent="0.2">
      <c r="A82" s="14">
        <v>64</v>
      </c>
      <c r="B82" s="15">
        <v>43</v>
      </c>
      <c r="C82" s="16">
        <v>48</v>
      </c>
      <c r="D82" s="17">
        <v>91</v>
      </c>
    </row>
    <row r="83" spans="1:4" ht="18" customHeight="1" x14ac:dyDescent="0.2">
      <c r="A83" s="18" t="s">
        <v>61</v>
      </c>
      <c r="B83" s="15">
        <v>245</v>
      </c>
      <c r="C83" s="16">
        <v>232</v>
      </c>
      <c r="D83" s="17">
        <v>477</v>
      </c>
    </row>
    <row r="84" spans="1:4" ht="18" customHeight="1" x14ac:dyDescent="0.2">
      <c r="A84" s="18" t="s">
        <v>62</v>
      </c>
      <c r="B84" s="15">
        <v>3699</v>
      </c>
      <c r="C84" s="16">
        <v>2932</v>
      </c>
      <c r="D84" s="17">
        <v>6631</v>
      </c>
    </row>
    <row r="85" spans="1:4" ht="18" customHeight="1" x14ac:dyDescent="0.2">
      <c r="A85" s="14">
        <v>65</v>
      </c>
      <c r="B85" s="15">
        <v>60</v>
      </c>
      <c r="C85" s="16">
        <v>63</v>
      </c>
      <c r="D85" s="17">
        <v>123</v>
      </c>
    </row>
    <row r="86" spans="1:4" ht="18" customHeight="1" x14ac:dyDescent="0.2">
      <c r="A86" s="14">
        <v>66</v>
      </c>
      <c r="B86" s="15">
        <v>38</v>
      </c>
      <c r="C86" s="16">
        <v>60</v>
      </c>
      <c r="D86" s="17">
        <v>98</v>
      </c>
    </row>
    <row r="87" spans="1:4" ht="18" customHeight="1" x14ac:dyDescent="0.2">
      <c r="A87" s="14">
        <v>67</v>
      </c>
      <c r="B87" s="15">
        <v>50</v>
      </c>
      <c r="C87" s="16">
        <v>51</v>
      </c>
      <c r="D87" s="17">
        <v>101</v>
      </c>
    </row>
    <row r="88" spans="1:4" ht="18" customHeight="1" x14ac:dyDescent="0.2">
      <c r="A88" s="14">
        <v>68</v>
      </c>
      <c r="B88" s="15">
        <v>52</v>
      </c>
      <c r="C88" s="16">
        <v>54</v>
      </c>
      <c r="D88" s="17">
        <v>106</v>
      </c>
    </row>
    <row r="89" spans="1:4" ht="18" customHeight="1" x14ac:dyDescent="0.2">
      <c r="A89" s="14">
        <v>69</v>
      </c>
      <c r="B89" s="15">
        <v>70</v>
      </c>
      <c r="C89" s="16">
        <v>73</v>
      </c>
      <c r="D89" s="17">
        <v>143</v>
      </c>
    </row>
    <row r="90" spans="1:4" ht="18" customHeight="1" x14ac:dyDescent="0.2">
      <c r="A90" s="18" t="s">
        <v>63</v>
      </c>
      <c r="B90" s="15">
        <v>270</v>
      </c>
      <c r="C90" s="16">
        <v>301</v>
      </c>
      <c r="D90" s="17">
        <v>571</v>
      </c>
    </row>
    <row r="91" spans="1:4" ht="18" customHeight="1" x14ac:dyDescent="0.2">
      <c r="A91" s="14">
        <v>70</v>
      </c>
      <c r="B91" s="15">
        <v>72</v>
      </c>
      <c r="C91" s="16">
        <v>93</v>
      </c>
      <c r="D91" s="17">
        <v>165</v>
      </c>
    </row>
    <row r="92" spans="1:4" ht="18" customHeight="1" x14ac:dyDescent="0.2">
      <c r="A92" s="14">
        <v>71</v>
      </c>
      <c r="B92" s="15">
        <v>94</v>
      </c>
      <c r="C92" s="16">
        <v>79</v>
      </c>
      <c r="D92" s="17">
        <v>173</v>
      </c>
    </row>
    <row r="93" spans="1:4" ht="18" customHeight="1" x14ac:dyDescent="0.2">
      <c r="A93" s="14">
        <v>72</v>
      </c>
      <c r="B93" s="15">
        <v>48</v>
      </c>
      <c r="C93" s="16">
        <v>53</v>
      </c>
      <c r="D93" s="17">
        <v>101</v>
      </c>
    </row>
    <row r="94" spans="1:4" ht="18" customHeight="1" x14ac:dyDescent="0.2">
      <c r="A94" s="14">
        <v>73</v>
      </c>
      <c r="B94" s="15">
        <v>37</v>
      </c>
      <c r="C94" s="16">
        <v>37</v>
      </c>
      <c r="D94" s="17">
        <v>74</v>
      </c>
    </row>
    <row r="95" spans="1:4" ht="18" customHeight="1" x14ac:dyDescent="0.2">
      <c r="A95" s="14">
        <v>74</v>
      </c>
      <c r="B95" s="15">
        <v>53</v>
      </c>
      <c r="C95" s="16">
        <v>62</v>
      </c>
      <c r="D95" s="17">
        <v>115</v>
      </c>
    </row>
    <row r="96" spans="1:4" ht="18" customHeight="1" x14ac:dyDescent="0.2">
      <c r="A96" s="18" t="s">
        <v>64</v>
      </c>
      <c r="B96" s="15">
        <v>304</v>
      </c>
      <c r="C96" s="16">
        <v>324</v>
      </c>
      <c r="D96" s="17">
        <v>628</v>
      </c>
    </row>
    <row r="97" spans="1:4" ht="18" customHeight="1" x14ac:dyDescent="0.2">
      <c r="A97" s="14">
        <v>75</v>
      </c>
      <c r="B97" s="15">
        <v>42</v>
      </c>
      <c r="C97" s="16">
        <v>52</v>
      </c>
      <c r="D97" s="17">
        <v>94</v>
      </c>
    </row>
    <row r="98" spans="1:4" ht="18" customHeight="1" x14ac:dyDescent="0.2">
      <c r="A98" s="14">
        <v>76</v>
      </c>
      <c r="B98" s="15">
        <v>45</v>
      </c>
      <c r="C98" s="16">
        <v>52</v>
      </c>
      <c r="D98" s="17">
        <v>97</v>
      </c>
    </row>
    <row r="99" spans="1:4" ht="18" customHeight="1" x14ac:dyDescent="0.2">
      <c r="A99" s="14">
        <v>77</v>
      </c>
      <c r="B99" s="15">
        <v>54</v>
      </c>
      <c r="C99" s="16">
        <v>45</v>
      </c>
      <c r="D99" s="17">
        <v>99</v>
      </c>
    </row>
    <row r="100" spans="1:4" ht="18" customHeight="1" x14ac:dyDescent="0.2">
      <c r="A100" s="14">
        <v>78</v>
      </c>
      <c r="B100" s="15">
        <v>31</v>
      </c>
      <c r="C100" s="16">
        <v>37</v>
      </c>
      <c r="D100" s="17">
        <v>68</v>
      </c>
    </row>
    <row r="101" spans="1:4" ht="18" customHeight="1" x14ac:dyDescent="0.2">
      <c r="A101" s="14">
        <v>79</v>
      </c>
      <c r="B101" s="15">
        <v>24</v>
      </c>
      <c r="C101" s="16">
        <v>31</v>
      </c>
      <c r="D101" s="17">
        <v>55</v>
      </c>
    </row>
    <row r="102" spans="1:4" ht="18" customHeight="1" x14ac:dyDescent="0.2">
      <c r="A102" s="18" t="s">
        <v>65</v>
      </c>
      <c r="B102" s="15">
        <v>196</v>
      </c>
      <c r="C102" s="16">
        <v>217</v>
      </c>
      <c r="D102" s="17">
        <v>413</v>
      </c>
    </row>
    <row r="103" spans="1:4" ht="18" customHeight="1" x14ac:dyDescent="0.2">
      <c r="A103" s="14">
        <v>80</v>
      </c>
      <c r="B103" s="15">
        <v>22</v>
      </c>
      <c r="C103" s="16">
        <v>45</v>
      </c>
      <c r="D103" s="17">
        <v>67</v>
      </c>
    </row>
    <row r="104" spans="1:4" ht="18" customHeight="1" x14ac:dyDescent="0.2">
      <c r="A104" s="14">
        <v>81</v>
      </c>
      <c r="B104" s="15">
        <v>30</v>
      </c>
      <c r="C104" s="16">
        <v>44</v>
      </c>
      <c r="D104" s="17">
        <v>74</v>
      </c>
    </row>
    <row r="105" spans="1:4" ht="18" customHeight="1" x14ac:dyDescent="0.2">
      <c r="A105" s="14">
        <v>82</v>
      </c>
      <c r="B105" s="15">
        <v>18</v>
      </c>
      <c r="C105" s="16">
        <v>46</v>
      </c>
      <c r="D105" s="17">
        <v>64</v>
      </c>
    </row>
    <row r="106" spans="1:4" ht="18" customHeight="1" x14ac:dyDescent="0.2">
      <c r="A106" s="14">
        <v>83</v>
      </c>
      <c r="B106" s="15">
        <v>24</v>
      </c>
      <c r="C106" s="16">
        <v>39</v>
      </c>
      <c r="D106" s="17">
        <v>63</v>
      </c>
    </row>
    <row r="107" spans="1:4" ht="18" customHeight="1" x14ac:dyDescent="0.2">
      <c r="A107" s="14">
        <v>84</v>
      </c>
      <c r="B107" s="15">
        <v>26</v>
      </c>
      <c r="C107" s="16">
        <v>48</v>
      </c>
      <c r="D107" s="17">
        <v>74</v>
      </c>
    </row>
    <row r="108" spans="1:4" ht="18" customHeight="1" x14ac:dyDescent="0.2">
      <c r="A108" s="18" t="s">
        <v>66</v>
      </c>
      <c r="B108" s="15">
        <v>120</v>
      </c>
      <c r="C108" s="16">
        <v>222</v>
      </c>
      <c r="D108" s="17">
        <v>342</v>
      </c>
    </row>
    <row r="109" spans="1:4" ht="18" customHeight="1" x14ac:dyDescent="0.2">
      <c r="A109" s="14">
        <v>85</v>
      </c>
      <c r="B109" s="15">
        <v>21</v>
      </c>
      <c r="C109" s="16">
        <v>41</v>
      </c>
      <c r="D109" s="17">
        <v>62</v>
      </c>
    </row>
    <row r="110" spans="1:4" ht="18" customHeight="1" x14ac:dyDescent="0.2">
      <c r="A110" s="14">
        <v>86</v>
      </c>
      <c r="B110" s="15">
        <v>14</v>
      </c>
      <c r="C110" s="16">
        <v>41</v>
      </c>
      <c r="D110" s="17">
        <v>55</v>
      </c>
    </row>
    <row r="111" spans="1:4" ht="18" customHeight="1" x14ac:dyDescent="0.2">
      <c r="A111" s="14">
        <v>87</v>
      </c>
      <c r="B111" s="15">
        <v>16</v>
      </c>
      <c r="C111" s="16">
        <v>31</v>
      </c>
      <c r="D111" s="17">
        <v>47</v>
      </c>
    </row>
    <row r="112" spans="1:4" ht="18" customHeight="1" x14ac:dyDescent="0.2">
      <c r="A112" s="14">
        <v>88</v>
      </c>
      <c r="B112" s="15">
        <v>11</v>
      </c>
      <c r="C112" s="16">
        <v>25</v>
      </c>
      <c r="D112" s="17">
        <v>36</v>
      </c>
    </row>
    <row r="113" spans="1:4" ht="18" customHeight="1" x14ac:dyDescent="0.2">
      <c r="A113" s="14">
        <v>89</v>
      </c>
      <c r="B113" s="15">
        <v>14</v>
      </c>
      <c r="C113" s="16">
        <v>15</v>
      </c>
      <c r="D113" s="17">
        <v>29</v>
      </c>
    </row>
    <row r="114" spans="1:4" ht="18" customHeight="1" x14ac:dyDescent="0.2">
      <c r="A114" s="18" t="s">
        <v>67</v>
      </c>
      <c r="B114" s="15">
        <v>76</v>
      </c>
      <c r="C114" s="16">
        <v>153</v>
      </c>
      <c r="D114" s="17">
        <v>229</v>
      </c>
    </row>
    <row r="115" spans="1:4" ht="18" customHeight="1" x14ac:dyDescent="0.2">
      <c r="A115" s="14">
        <v>90</v>
      </c>
      <c r="B115" s="15">
        <v>7</v>
      </c>
      <c r="C115" s="16">
        <v>18</v>
      </c>
      <c r="D115" s="17">
        <v>25</v>
      </c>
    </row>
    <row r="116" spans="1:4" ht="18" customHeight="1" x14ac:dyDescent="0.2">
      <c r="A116" s="14">
        <v>91</v>
      </c>
      <c r="B116" s="15">
        <v>12</v>
      </c>
      <c r="C116" s="16">
        <v>18</v>
      </c>
      <c r="D116" s="17">
        <v>30</v>
      </c>
    </row>
    <row r="117" spans="1:4" ht="18" customHeight="1" x14ac:dyDescent="0.2">
      <c r="A117" s="14">
        <v>92</v>
      </c>
      <c r="B117" s="15">
        <v>7</v>
      </c>
      <c r="C117" s="16">
        <v>15</v>
      </c>
      <c r="D117" s="17">
        <v>22</v>
      </c>
    </row>
    <row r="118" spans="1:4" ht="18" customHeight="1" x14ac:dyDescent="0.2">
      <c r="A118" s="14">
        <v>93</v>
      </c>
      <c r="B118" s="15">
        <v>1</v>
      </c>
      <c r="C118" s="16">
        <v>20</v>
      </c>
      <c r="D118" s="17">
        <v>21</v>
      </c>
    </row>
    <row r="119" spans="1:4" ht="18" customHeight="1" x14ac:dyDescent="0.2">
      <c r="A119" s="14">
        <v>94</v>
      </c>
      <c r="B119" s="15">
        <v>8</v>
      </c>
      <c r="C119" s="16">
        <v>17</v>
      </c>
      <c r="D119" s="17">
        <v>25</v>
      </c>
    </row>
    <row r="120" spans="1:4" ht="18" customHeight="1" x14ac:dyDescent="0.2">
      <c r="A120" s="18" t="s">
        <v>68</v>
      </c>
      <c r="B120" s="15">
        <v>35</v>
      </c>
      <c r="C120" s="16">
        <v>88</v>
      </c>
      <c r="D120" s="17">
        <v>123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1</v>
      </c>
      <c r="D123" s="17">
        <v>11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26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004</v>
      </c>
      <c r="C130" s="5">
        <v>1336</v>
      </c>
      <c r="D130" s="6">
        <v>2340</v>
      </c>
    </row>
    <row r="131" spans="1:4" ht="18" customHeight="1" x14ac:dyDescent="0.2">
      <c r="A131" s="20" t="s">
        <v>47</v>
      </c>
      <c r="B131" s="7">
        <v>5232</v>
      </c>
      <c r="C131" s="8">
        <v>4793</v>
      </c>
      <c r="D131" s="9">
        <v>100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0</v>
      </c>
      <c r="C5" s="12">
        <v>18</v>
      </c>
      <c r="D5" s="13">
        <v>38</v>
      </c>
    </row>
    <row r="6" spans="1:10" ht="18" customHeight="1" x14ac:dyDescent="0.2">
      <c r="A6" s="14">
        <v>1</v>
      </c>
      <c r="B6" s="15">
        <v>13</v>
      </c>
      <c r="C6" s="16">
        <v>16</v>
      </c>
      <c r="D6" s="17">
        <v>29</v>
      </c>
    </row>
    <row r="7" spans="1:10" ht="18" customHeight="1" x14ac:dyDescent="0.2">
      <c r="A7" s="14">
        <v>2</v>
      </c>
      <c r="B7" s="15">
        <v>13</v>
      </c>
      <c r="C7" s="16">
        <v>18</v>
      </c>
      <c r="D7" s="17">
        <v>31</v>
      </c>
    </row>
    <row r="8" spans="1:10" ht="18" customHeight="1" x14ac:dyDescent="0.2">
      <c r="A8" s="14">
        <v>3</v>
      </c>
      <c r="B8" s="15">
        <v>15</v>
      </c>
      <c r="C8" s="16">
        <v>20</v>
      </c>
      <c r="D8" s="17">
        <v>35</v>
      </c>
    </row>
    <row r="9" spans="1:10" ht="18" customHeight="1" x14ac:dyDescent="0.2">
      <c r="A9" s="14">
        <v>4</v>
      </c>
      <c r="B9" s="15">
        <v>16</v>
      </c>
      <c r="C9" s="16">
        <v>12</v>
      </c>
      <c r="D9" s="17">
        <v>28</v>
      </c>
    </row>
    <row r="10" spans="1:10" ht="18" customHeight="1" x14ac:dyDescent="0.2">
      <c r="A10" s="18" t="s">
        <v>48</v>
      </c>
      <c r="B10" s="15">
        <v>77</v>
      </c>
      <c r="C10" s="16">
        <v>84</v>
      </c>
      <c r="D10" s="17">
        <v>161</v>
      </c>
    </row>
    <row r="11" spans="1:10" ht="18" customHeight="1" x14ac:dyDescent="0.2">
      <c r="A11" s="14">
        <v>5</v>
      </c>
      <c r="B11" s="15">
        <v>9</v>
      </c>
      <c r="C11" s="16">
        <v>24</v>
      </c>
      <c r="D11" s="17">
        <v>33</v>
      </c>
    </row>
    <row r="12" spans="1:10" ht="18" customHeight="1" x14ac:dyDescent="0.2">
      <c r="A12" s="14">
        <v>6</v>
      </c>
      <c r="B12" s="15">
        <v>24</v>
      </c>
      <c r="C12" s="16">
        <v>19</v>
      </c>
      <c r="D12" s="17">
        <v>43</v>
      </c>
    </row>
    <row r="13" spans="1:10" ht="18" customHeight="1" x14ac:dyDescent="0.2">
      <c r="A13" s="14">
        <v>7</v>
      </c>
      <c r="B13" s="15">
        <v>13</v>
      </c>
      <c r="C13" s="16">
        <v>18</v>
      </c>
      <c r="D13" s="17">
        <v>31</v>
      </c>
    </row>
    <row r="14" spans="1:10" ht="18" customHeight="1" x14ac:dyDescent="0.2">
      <c r="A14" s="14">
        <v>8</v>
      </c>
      <c r="B14" s="15">
        <v>19</v>
      </c>
      <c r="C14" s="16">
        <v>18</v>
      </c>
      <c r="D14" s="17">
        <v>37</v>
      </c>
    </row>
    <row r="15" spans="1:10" ht="18" customHeight="1" x14ac:dyDescent="0.2">
      <c r="A15" s="14">
        <v>9</v>
      </c>
      <c r="B15" s="15">
        <v>12</v>
      </c>
      <c r="C15" s="16">
        <v>15</v>
      </c>
      <c r="D15" s="17">
        <v>27</v>
      </c>
    </row>
    <row r="16" spans="1:10" ht="18" customHeight="1" x14ac:dyDescent="0.2">
      <c r="A16" s="18" t="s">
        <v>49</v>
      </c>
      <c r="B16" s="15">
        <v>77</v>
      </c>
      <c r="C16" s="16">
        <v>94</v>
      </c>
      <c r="D16" s="17">
        <v>171</v>
      </c>
    </row>
    <row r="17" spans="1:4" ht="18" customHeight="1" x14ac:dyDescent="0.2">
      <c r="A17" s="14">
        <v>10</v>
      </c>
      <c r="B17" s="15">
        <v>17</v>
      </c>
      <c r="C17" s="16">
        <v>17</v>
      </c>
      <c r="D17" s="17">
        <v>34</v>
      </c>
    </row>
    <row r="18" spans="1:4" ht="18" customHeight="1" x14ac:dyDescent="0.2">
      <c r="A18" s="14">
        <v>11</v>
      </c>
      <c r="B18" s="15">
        <v>24</v>
      </c>
      <c r="C18" s="16">
        <v>17</v>
      </c>
      <c r="D18" s="17">
        <v>41</v>
      </c>
    </row>
    <row r="19" spans="1:4" ht="18" customHeight="1" x14ac:dyDescent="0.2">
      <c r="A19" s="14">
        <v>12</v>
      </c>
      <c r="B19" s="15">
        <v>16</v>
      </c>
      <c r="C19" s="16">
        <v>18</v>
      </c>
      <c r="D19" s="17">
        <v>34</v>
      </c>
    </row>
    <row r="20" spans="1:4" ht="18" customHeight="1" x14ac:dyDescent="0.2">
      <c r="A20" s="14">
        <v>13</v>
      </c>
      <c r="B20" s="15">
        <v>17</v>
      </c>
      <c r="C20" s="16">
        <v>26</v>
      </c>
      <c r="D20" s="17">
        <v>43</v>
      </c>
    </row>
    <row r="21" spans="1:4" ht="18" customHeight="1" x14ac:dyDescent="0.2">
      <c r="A21" s="14">
        <v>14</v>
      </c>
      <c r="B21" s="15">
        <v>21</v>
      </c>
      <c r="C21" s="16">
        <v>19</v>
      </c>
      <c r="D21" s="17">
        <v>40</v>
      </c>
    </row>
    <row r="22" spans="1:4" ht="18" customHeight="1" x14ac:dyDescent="0.2">
      <c r="A22" s="18" t="s">
        <v>50</v>
      </c>
      <c r="B22" s="15">
        <v>95</v>
      </c>
      <c r="C22" s="16">
        <v>97</v>
      </c>
      <c r="D22" s="17">
        <v>192</v>
      </c>
    </row>
    <row r="23" spans="1:4" ht="18" customHeight="1" x14ac:dyDescent="0.2">
      <c r="A23" s="18" t="s">
        <v>51</v>
      </c>
      <c r="B23" s="15">
        <v>249</v>
      </c>
      <c r="C23" s="16">
        <v>275</v>
      </c>
      <c r="D23" s="17">
        <v>524</v>
      </c>
    </row>
    <row r="24" spans="1:4" ht="18" customHeight="1" x14ac:dyDescent="0.2">
      <c r="A24" s="14">
        <v>15</v>
      </c>
      <c r="B24" s="15">
        <v>25</v>
      </c>
      <c r="C24" s="16">
        <v>30</v>
      </c>
      <c r="D24" s="17">
        <v>55</v>
      </c>
    </row>
    <row r="25" spans="1:4" ht="18" customHeight="1" x14ac:dyDescent="0.2">
      <c r="A25" s="14">
        <v>16</v>
      </c>
      <c r="B25" s="15">
        <v>35</v>
      </c>
      <c r="C25" s="16">
        <v>26</v>
      </c>
      <c r="D25" s="17">
        <v>61</v>
      </c>
    </row>
    <row r="26" spans="1:4" ht="18" customHeight="1" x14ac:dyDescent="0.2">
      <c r="A26" s="14">
        <v>17</v>
      </c>
      <c r="B26" s="15">
        <v>23</v>
      </c>
      <c r="C26" s="16">
        <v>20</v>
      </c>
      <c r="D26" s="17">
        <v>43</v>
      </c>
    </row>
    <row r="27" spans="1:4" ht="18" customHeight="1" x14ac:dyDescent="0.2">
      <c r="A27" s="14">
        <v>18</v>
      </c>
      <c r="B27" s="15">
        <v>30</v>
      </c>
      <c r="C27" s="16">
        <v>35</v>
      </c>
      <c r="D27" s="17">
        <v>65</v>
      </c>
    </row>
    <row r="28" spans="1:4" ht="18" customHeight="1" x14ac:dyDescent="0.2">
      <c r="A28" s="14">
        <v>19</v>
      </c>
      <c r="B28" s="15">
        <v>23</v>
      </c>
      <c r="C28" s="16">
        <v>26</v>
      </c>
      <c r="D28" s="17">
        <v>49</v>
      </c>
    </row>
    <row r="29" spans="1:4" ht="18" customHeight="1" x14ac:dyDescent="0.2">
      <c r="A29" s="18" t="s">
        <v>52</v>
      </c>
      <c r="B29" s="15">
        <v>136</v>
      </c>
      <c r="C29" s="16">
        <v>137</v>
      </c>
      <c r="D29" s="17">
        <v>273</v>
      </c>
    </row>
    <row r="30" spans="1:4" ht="18" customHeight="1" x14ac:dyDescent="0.2">
      <c r="A30" s="14">
        <v>20</v>
      </c>
      <c r="B30" s="15">
        <v>18</v>
      </c>
      <c r="C30" s="16">
        <v>16</v>
      </c>
      <c r="D30" s="17">
        <v>34</v>
      </c>
    </row>
    <row r="31" spans="1:4" ht="18" customHeight="1" x14ac:dyDescent="0.2">
      <c r="A31" s="14">
        <v>21</v>
      </c>
      <c r="B31" s="15">
        <v>24</v>
      </c>
      <c r="C31" s="16">
        <v>21</v>
      </c>
      <c r="D31" s="17">
        <v>45</v>
      </c>
    </row>
    <row r="32" spans="1:4" ht="18" customHeight="1" x14ac:dyDescent="0.2">
      <c r="A32" s="14">
        <v>22</v>
      </c>
      <c r="B32" s="15">
        <v>21</v>
      </c>
      <c r="C32" s="16">
        <v>20</v>
      </c>
      <c r="D32" s="17">
        <v>41</v>
      </c>
    </row>
    <row r="33" spans="1:4" ht="18" customHeight="1" x14ac:dyDescent="0.2">
      <c r="A33" s="14">
        <v>23</v>
      </c>
      <c r="B33" s="15">
        <v>21</v>
      </c>
      <c r="C33" s="16">
        <v>16</v>
      </c>
      <c r="D33" s="17">
        <v>37</v>
      </c>
    </row>
    <row r="34" spans="1:4" ht="18" customHeight="1" x14ac:dyDescent="0.2">
      <c r="A34" s="14">
        <v>24</v>
      </c>
      <c r="B34" s="15">
        <v>14</v>
      </c>
      <c r="C34" s="16">
        <v>16</v>
      </c>
      <c r="D34" s="17">
        <v>30</v>
      </c>
    </row>
    <row r="35" spans="1:4" ht="18" customHeight="1" x14ac:dyDescent="0.2">
      <c r="A35" s="18" t="s">
        <v>53</v>
      </c>
      <c r="B35" s="15">
        <v>98</v>
      </c>
      <c r="C35" s="16">
        <v>89</v>
      </c>
      <c r="D35" s="17">
        <v>187</v>
      </c>
    </row>
    <row r="36" spans="1:4" ht="18" customHeight="1" x14ac:dyDescent="0.2">
      <c r="A36" s="14">
        <v>25</v>
      </c>
      <c r="B36" s="15">
        <v>18</v>
      </c>
      <c r="C36" s="16">
        <v>20</v>
      </c>
      <c r="D36" s="17">
        <v>38</v>
      </c>
    </row>
    <row r="37" spans="1:4" ht="18" customHeight="1" x14ac:dyDescent="0.2">
      <c r="A37" s="14">
        <v>26</v>
      </c>
      <c r="B37" s="15">
        <v>19</v>
      </c>
      <c r="C37" s="16">
        <v>18</v>
      </c>
      <c r="D37" s="17">
        <v>37</v>
      </c>
    </row>
    <row r="38" spans="1:4" ht="18" customHeight="1" x14ac:dyDescent="0.2">
      <c r="A38" s="14">
        <v>27</v>
      </c>
      <c r="B38" s="15">
        <v>24</v>
      </c>
      <c r="C38" s="16">
        <v>18</v>
      </c>
      <c r="D38" s="17">
        <v>42</v>
      </c>
    </row>
    <row r="39" spans="1:4" ht="18" customHeight="1" x14ac:dyDescent="0.2">
      <c r="A39" s="14">
        <v>28</v>
      </c>
      <c r="B39" s="15">
        <v>24</v>
      </c>
      <c r="C39" s="16">
        <v>21</v>
      </c>
      <c r="D39" s="17">
        <v>45</v>
      </c>
    </row>
    <row r="40" spans="1:4" ht="18" customHeight="1" x14ac:dyDescent="0.2">
      <c r="A40" s="14">
        <v>29</v>
      </c>
      <c r="B40" s="15">
        <v>22</v>
      </c>
      <c r="C40" s="16">
        <v>25</v>
      </c>
      <c r="D40" s="17">
        <v>47</v>
      </c>
    </row>
    <row r="41" spans="1:4" ht="18" customHeight="1" x14ac:dyDescent="0.2">
      <c r="A41" s="18" t="s">
        <v>54</v>
      </c>
      <c r="B41" s="15">
        <v>107</v>
      </c>
      <c r="C41" s="16">
        <v>102</v>
      </c>
      <c r="D41" s="17">
        <v>209</v>
      </c>
    </row>
    <row r="42" spans="1:4" ht="18" customHeight="1" x14ac:dyDescent="0.2">
      <c r="A42" s="14">
        <v>30</v>
      </c>
      <c r="B42" s="15">
        <v>19</v>
      </c>
      <c r="C42" s="16">
        <v>13</v>
      </c>
      <c r="D42" s="17">
        <v>32</v>
      </c>
    </row>
    <row r="43" spans="1:4" ht="18" customHeight="1" x14ac:dyDescent="0.2">
      <c r="A43" s="14">
        <v>31</v>
      </c>
      <c r="B43" s="15">
        <v>26</v>
      </c>
      <c r="C43" s="16">
        <v>23</v>
      </c>
      <c r="D43" s="17">
        <v>49</v>
      </c>
    </row>
    <row r="44" spans="1:4" ht="18" customHeight="1" x14ac:dyDescent="0.2">
      <c r="A44" s="14">
        <v>32</v>
      </c>
      <c r="B44" s="15">
        <v>22</v>
      </c>
      <c r="C44" s="16">
        <v>34</v>
      </c>
      <c r="D44" s="17">
        <v>56</v>
      </c>
    </row>
    <row r="45" spans="1:4" ht="18" customHeight="1" x14ac:dyDescent="0.2">
      <c r="A45" s="14">
        <v>33</v>
      </c>
      <c r="B45" s="15">
        <v>18</v>
      </c>
      <c r="C45" s="16">
        <v>26</v>
      </c>
      <c r="D45" s="17">
        <v>44</v>
      </c>
    </row>
    <row r="46" spans="1:4" ht="18" customHeight="1" x14ac:dyDescent="0.2">
      <c r="A46" s="14">
        <v>34</v>
      </c>
      <c r="B46" s="15">
        <v>19</v>
      </c>
      <c r="C46" s="16">
        <v>26</v>
      </c>
      <c r="D46" s="17">
        <v>45</v>
      </c>
    </row>
    <row r="47" spans="1:4" ht="18" customHeight="1" x14ac:dyDescent="0.2">
      <c r="A47" s="18" t="s">
        <v>55</v>
      </c>
      <c r="B47" s="15">
        <v>104</v>
      </c>
      <c r="C47" s="16">
        <v>122</v>
      </c>
      <c r="D47" s="17">
        <v>226</v>
      </c>
    </row>
    <row r="48" spans="1:4" ht="18" customHeight="1" x14ac:dyDescent="0.2">
      <c r="A48" s="14">
        <v>35</v>
      </c>
      <c r="B48" s="15">
        <v>27</v>
      </c>
      <c r="C48" s="16">
        <v>16</v>
      </c>
      <c r="D48" s="17">
        <v>43</v>
      </c>
    </row>
    <row r="49" spans="1:4" ht="18" customHeight="1" x14ac:dyDescent="0.2">
      <c r="A49" s="14">
        <v>36</v>
      </c>
      <c r="B49" s="15">
        <v>19</v>
      </c>
      <c r="C49" s="16">
        <v>19</v>
      </c>
      <c r="D49" s="17">
        <v>38</v>
      </c>
    </row>
    <row r="50" spans="1:4" ht="18" customHeight="1" x14ac:dyDescent="0.2">
      <c r="A50" s="14">
        <v>37</v>
      </c>
      <c r="B50" s="15">
        <v>29</v>
      </c>
      <c r="C50" s="16">
        <v>19</v>
      </c>
      <c r="D50" s="17">
        <v>48</v>
      </c>
    </row>
    <row r="51" spans="1:4" ht="18" customHeight="1" x14ac:dyDescent="0.2">
      <c r="A51" s="14">
        <v>38</v>
      </c>
      <c r="B51" s="15">
        <v>20</v>
      </c>
      <c r="C51" s="16">
        <v>22</v>
      </c>
      <c r="D51" s="17">
        <v>42</v>
      </c>
    </row>
    <row r="52" spans="1:4" ht="18" customHeight="1" x14ac:dyDescent="0.2">
      <c r="A52" s="14">
        <v>39</v>
      </c>
      <c r="B52" s="15">
        <v>27</v>
      </c>
      <c r="C52" s="16">
        <v>30</v>
      </c>
      <c r="D52" s="17">
        <v>57</v>
      </c>
    </row>
    <row r="53" spans="1:4" ht="18" customHeight="1" x14ac:dyDescent="0.2">
      <c r="A53" s="18" t="s">
        <v>56</v>
      </c>
      <c r="B53" s="15">
        <v>122</v>
      </c>
      <c r="C53" s="16">
        <v>106</v>
      </c>
      <c r="D53" s="17">
        <v>228</v>
      </c>
    </row>
    <row r="54" spans="1:4" ht="18" customHeight="1" x14ac:dyDescent="0.2">
      <c r="A54" s="14">
        <v>40</v>
      </c>
      <c r="B54" s="15">
        <v>28</v>
      </c>
      <c r="C54" s="16">
        <v>21</v>
      </c>
      <c r="D54" s="17">
        <v>49</v>
      </c>
    </row>
    <row r="55" spans="1:4" ht="18" customHeight="1" x14ac:dyDescent="0.2">
      <c r="A55" s="14">
        <v>41</v>
      </c>
      <c r="B55" s="15">
        <v>32</v>
      </c>
      <c r="C55" s="16">
        <v>31</v>
      </c>
      <c r="D55" s="17">
        <v>63</v>
      </c>
    </row>
    <row r="56" spans="1:4" ht="18" customHeight="1" x14ac:dyDescent="0.2">
      <c r="A56" s="14">
        <v>42</v>
      </c>
      <c r="B56" s="15">
        <v>27</v>
      </c>
      <c r="C56" s="16">
        <v>38</v>
      </c>
      <c r="D56" s="17">
        <v>65</v>
      </c>
    </row>
    <row r="57" spans="1:4" ht="18" customHeight="1" x14ac:dyDescent="0.2">
      <c r="A57" s="14">
        <v>43</v>
      </c>
      <c r="B57" s="15">
        <v>29</v>
      </c>
      <c r="C57" s="16">
        <v>30</v>
      </c>
      <c r="D57" s="17">
        <v>59</v>
      </c>
    </row>
    <row r="58" spans="1:4" ht="18" customHeight="1" x14ac:dyDescent="0.2">
      <c r="A58" s="14">
        <v>44</v>
      </c>
      <c r="B58" s="15">
        <v>37</v>
      </c>
      <c r="C58" s="16">
        <v>36</v>
      </c>
      <c r="D58" s="17">
        <v>73</v>
      </c>
    </row>
    <row r="59" spans="1:4" ht="18" customHeight="1" x14ac:dyDescent="0.2">
      <c r="A59" s="18" t="s">
        <v>57</v>
      </c>
      <c r="B59" s="15">
        <v>153</v>
      </c>
      <c r="C59" s="16">
        <v>156</v>
      </c>
      <c r="D59" s="17">
        <v>309</v>
      </c>
    </row>
    <row r="60" spans="1:4" ht="18" customHeight="1" x14ac:dyDescent="0.2">
      <c r="A60" s="14">
        <v>45</v>
      </c>
      <c r="B60" s="15">
        <v>38</v>
      </c>
      <c r="C60" s="16">
        <v>42</v>
      </c>
      <c r="D60" s="17">
        <v>80</v>
      </c>
    </row>
    <row r="61" spans="1:4" ht="18" customHeight="1" x14ac:dyDescent="0.2">
      <c r="A61" s="14">
        <v>46</v>
      </c>
      <c r="B61" s="15">
        <v>36</v>
      </c>
      <c r="C61" s="16">
        <v>43</v>
      </c>
      <c r="D61" s="17">
        <v>79</v>
      </c>
    </row>
    <row r="62" spans="1:4" ht="18" customHeight="1" x14ac:dyDescent="0.2">
      <c r="A62" s="14">
        <v>47</v>
      </c>
      <c r="B62" s="15">
        <v>37</v>
      </c>
      <c r="C62" s="16">
        <v>31</v>
      </c>
      <c r="D62" s="17">
        <v>68</v>
      </c>
    </row>
    <row r="63" spans="1:4" ht="18" customHeight="1" x14ac:dyDescent="0.2">
      <c r="A63" s="14">
        <v>48</v>
      </c>
      <c r="B63" s="15">
        <v>26</v>
      </c>
      <c r="C63" s="16">
        <v>32</v>
      </c>
      <c r="D63" s="17">
        <v>58</v>
      </c>
    </row>
    <row r="64" spans="1:4" ht="18" customHeight="1" x14ac:dyDescent="0.2">
      <c r="A64" s="14">
        <v>49</v>
      </c>
      <c r="B64" s="15">
        <v>31</v>
      </c>
      <c r="C64" s="16">
        <v>37</v>
      </c>
      <c r="D64" s="17">
        <v>68</v>
      </c>
    </row>
    <row r="65" spans="1:4" ht="18" customHeight="1" x14ac:dyDescent="0.2">
      <c r="A65" s="18" t="s">
        <v>58</v>
      </c>
      <c r="B65" s="15">
        <v>168</v>
      </c>
      <c r="C65" s="16">
        <v>185</v>
      </c>
      <c r="D65" s="17">
        <v>353</v>
      </c>
    </row>
    <row r="66" spans="1:4" ht="18" customHeight="1" x14ac:dyDescent="0.2">
      <c r="A66" s="14">
        <v>50</v>
      </c>
      <c r="B66" s="15">
        <v>21</v>
      </c>
      <c r="C66" s="16">
        <v>32</v>
      </c>
      <c r="D66" s="17">
        <v>53</v>
      </c>
    </row>
    <row r="67" spans="1:4" ht="18" customHeight="1" x14ac:dyDescent="0.2">
      <c r="A67" s="14">
        <v>51</v>
      </c>
      <c r="B67" s="15">
        <v>37</v>
      </c>
      <c r="C67" s="16">
        <v>33</v>
      </c>
      <c r="D67" s="17">
        <v>70</v>
      </c>
    </row>
    <row r="68" spans="1:4" ht="18" customHeight="1" x14ac:dyDescent="0.2">
      <c r="A68" s="14">
        <v>52</v>
      </c>
      <c r="B68" s="15">
        <v>38</v>
      </c>
      <c r="C68" s="16">
        <v>26</v>
      </c>
      <c r="D68" s="17">
        <v>64</v>
      </c>
    </row>
    <row r="69" spans="1:4" ht="18" customHeight="1" x14ac:dyDescent="0.2">
      <c r="A69" s="14">
        <v>53</v>
      </c>
      <c r="B69" s="15">
        <v>30</v>
      </c>
      <c r="C69" s="16">
        <v>42</v>
      </c>
      <c r="D69" s="17">
        <v>72</v>
      </c>
    </row>
    <row r="70" spans="1:4" ht="18" customHeight="1" x14ac:dyDescent="0.2">
      <c r="A70" s="14">
        <v>54</v>
      </c>
      <c r="B70" s="15">
        <v>26</v>
      </c>
      <c r="C70" s="16">
        <v>29</v>
      </c>
      <c r="D70" s="17">
        <v>55</v>
      </c>
    </row>
    <row r="71" spans="1:4" ht="18" customHeight="1" x14ac:dyDescent="0.2">
      <c r="A71" s="18" t="s">
        <v>59</v>
      </c>
      <c r="B71" s="15">
        <v>152</v>
      </c>
      <c r="C71" s="16">
        <v>162</v>
      </c>
      <c r="D71" s="17">
        <v>314</v>
      </c>
    </row>
    <row r="72" spans="1:4" ht="18" customHeight="1" x14ac:dyDescent="0.2">
      <c r="A72" s="14">
        <v>55</v>
      </c>
      <c r="B72" s="15">
        <v>32</v>
      </c>
      <c r="C72" s="16">
        <v>24</v>
      </c>
      <c r="D72" s="17">
        <v>56</v>
      </c>
    </row>
    <row r="73" spans="1:4" ht="18" customHeight="1" x14ac:dyDescent="0.2">
      <c r="A73" s="14">
        <v>56</v>
      </c>
      <c r="B73" s="15">
        <v>28</v>
      </c>
      <c r="C73" s="16">
        <v>24</v>
      </c>
      <c r="D73" s="17">
        <v>52</v>
      </c>
    </row>
    <row r="74" spans="1:4" ht="18" customHeight="1" x14ac:dyDescent="0.2">
      <c r="A74" s="14">
        <v>57</v>
      </c>
      <c r="B74" s="15">
        <v>21</v>
      </c>
      <c r="C74" s="16">
        <v>26</v>
      </c>
      <c r="D74" s="17">
        <v>47</v>
      </c>
    </row>
    <row r="75" spans="1:4" ht="18" customHeight="1" x14ac:dyDescent="0.2">
      <c r="A75" s="14">
        <v>58</v>
      </c>
      <c r="B75" s="15">
        <v>33</v>
      </c>
      <c r="C75" s="16">
        <v>26</v>
      </c>
      <c r="D75" s="17">
        <v>59</v>
      </c>
    </row>
    <row r="76" spans="1:4" ht="18" customHeight="1" x14ac:dyDescent="0.2">
      <c r="A76" s="14">
        <v>59</v>
      </c>
      <c r="B76" s="15">
        <v>28</v>
      </c>
      <c r="C76" s="16">
        <v>26</v>
      </c>
      <c r="D76" s="17">
        <v>54</v>
      </c>
    </row>
    <row r="77" spans="1:4" ht="18" customHeight="1" x14ac:dyDescent="0.2">
      <c r="A77" s="18" t="s">
        <v>60</v>
      </c>
      <c r="B77" s="15">
        <v>142</v>
      </c>
      <c r="C77" s="16">
        <v>126</v>
      </c>
      <c r="D77" s="17">
        <v>268</v>
      </c>
    </row>
    <row r="78" spans="1:4" ht="18" customHeight="1" x14ac:dyDescent="0.2">
      <c r="A78" s="14">
        <v>60</v>
      </c>
      <c r="B78" s="15">
        <v>14</v>
      </c>
      <c r="C78" s="16">
        <v>26</v>
      </c>
      <c r="D78" s="17">
        <v>40</v>
      </c>
    </row>
    <row r="79" spans="1:4" ht="18" customHeight="1" x14ac:dyDescent="0.2">
      <c r="A79" s="14">
        <v>61</v>
      </c>
      <c r="B79" s="15">
        <v>17</v>
      </c>
      <c r="C79" s="16">
        <v>27</v>
      </c>
      <c r="D79" s="17">
        <v>44</v>
      </c>
    </row>
    <row r="80" spans="1:4" ht="18" customHeight="1" x14ac:dyDescent="0.2">
      <c r="A80" s="14">
        <v>62</v>
      </c>
      <c r="B80" s="15">
        <v>18</v>
      </c>
      <c r="C80" s="16">
        <v>20</v>
      </c>
      <c r="D80" s="17">
        <v>38</v>
      </c>
    </row>
    <row r="81" spans="1:4" ht="18" customHeight="1" x14ac:dyDescent="0.2">
      <c r="A81" s="14">
        <v>63</v>
      </c>
      <c r="B81" s="15">
        <v>24</v>
      </c>
      <c r="C81" s="16">
        <v>29</v>
      </c>
      <c r="D81" s="17">
        <v>53</v>
      </c>
    </row>
    <row r="82" spans="1:4" ht="18" customHeight="1" x14ac:dyDescent="0.2">
      <c r="A82" s="14">
        <v>64</v>
      </c>
      <c r="B82" s="15">
        <v>26</v>
      </c>
      <c r="C82" s="16">
        <v>25</v>
      </c>
      <c r="D82" s="17">
        <v>51</v>
      </c>
    </row>
    <row r="83" spans="1:4" ht="18" customHeight="1" x14ac:dyDescent="0.2">
      <c r="A83" s="18" t="s">
        <v>61</v>
      </c>
      <c r="B83" s="15">
        <v>99</v>
      </c>
      <c r="C83" s="16">
        <v>127</v>
      </c>
      <c r="D83" s="17">
        <v>226</v>
      </c>
    </row>
    <row r="84" spans="1:4" ht="18" customHeight="1" x14ac:dyDescent="0.2">
      <c r="A84" s="18" t="s">
        <v>62</v>
      </c>
      <c r="B84" s="15">
        <v>1281</v>
      </c>
      <c r="C84" s="16">
        <v>1312</v>
      </c>
      <c r="D84" s="17">
        <v>2593</v>
      </c>
    </row>
    <row r="85" spans="1:4" ht="18" customHeight="1" x14ac:dyDescent="0.2">
      <c r="A85" s="14">
        <v>65</v>
      </c>
      <c r="B85" s="15">
        <v>26</v>
      </c>
      <c r="C85" s="16">
        <v>25</v>
      </c>
      <c r="D85" s="17">
        <v>51</v>
      </c>
    </row>
    <row r="86" spans="1:4" ht="18" customHeight="1" x14ac:dyDescent="0.2">
      <c r="A86" s="14">
        <v>66</v>
      </c>
      <c r="B86" s="15">
        <v>25</v>
      </c>
      <c r="C86" s="16">
        <v>28</v>
      </c>
      <c r="D86" s="17">
        <v>53</v>
      </c>
    </row>
    <row r="87" spans="1:4" ht="18" customHeight="1" x14ac:dyDescent="0.2">
      <c r="A87" s="14">
        <v>67</v>
      </c>
      <c r="B87" s="15">
        <v>27</v>
      </c>
      <c r="C87" s="16">
        <v>32</v>
      </c>
      <c r="D87" s="17">
        <v>59</v>
      </c>
    </row>
    <row r="88" spans="1:4" ht="18" customHeight="1" x14ac:dyDescent="0.2">
      <c r="A88" s="14">
        <v>68</v>
      </c>
      <c r="B88" s="15">
        <v>33</v>
      </c>
      <c r="C88" s="16">
        <v>35</v>
      </c>
      <c r="D88" s="17">
        <v>68</v>
      </c>
    </row>
    <row r="89" spans="1:4" ht="18" customHeight="1" x14ac:dyDescent="0.2">
      <c r="A89" s="14">
        <v>69</v>
      </c>
      <c r="B89" s="15">
        <v>40</v>
      </c>
      <c r="C89" s="16">
        <v>47</v>
      </c>
      <c r="D89" s="17">
        <v>87</v>
      </c>
    </row>
    <row r="90" spans="1:4" ht="18" customHeight="1" x14ac:dyDescent="0.2">
      <c r="A90" s="18" t="s">
        <v>63</v>
      </c>
      <c r="B90" s="15">
        <v>151</v>
      </c>
      <c r="C90" s="16">
        <v>167</v>
      </c>
      <c r="D90" s="17">
        <v>318</v>
      </c>
    </row>
    <row r="91" spans="1:4" ht="18" customHeight="1" x14ac:dyDescent="0.2">
      <c r="A91" s="14">
        <v>70</v>
      </c>
      <c r="B91" s="15">
        <v>26</v>
      </c>
      <c r="C91" s="16">
        <v>35</v>
      </c>
      <c r="D91" s="17">
        <v>61</v>
      </c>
    </row>
    <row r="92" spans="1:4" ht="18" customHeight="1" x14ac:dyDescent="0.2">
      <c r="A92" s="14">
        <v>71</v>
      </c>
      <c r="B92" s="15">
        <v>32</v>
      </c>
      <c r="C92" s="16">
        <v>47</v>
      </c>
      <c r="D92" s="17">
        <v>79</v>
      </c>
    </row>
    <row r="93" spans="1:4" ht="18" customHeight="1" x14ac:dyDescent="0.2">
      <c r="A93" s="14">
        <v>72</v>
      </c>
      <c r="B93" s="15">
        <v>12</v>
      </c>
      <c r="C93" s="16">
        <v>21</v>
      </c>
      <c r="D93" s="17">
        <v>33</v>
      </c>
    </row>
    <row r="94" spans="1:4" ht="18" customHeight="1" x14ac:dyDescent="0.2">
      <c r="A94" s="14">
        <v>73</v>
      </c>
      <c r="B94" s="15">
        <v>15</v>
      </c>
      <c r="C94" s="16">
        <v>19</v>
      </c>
      <c r="D94" s="17">
        <v>34</v>
      </c>
    </row>
    <row r="95" spans="1:4" ht="18" customHeight="1" x14ac:dyDescent="0.2">
      <c r="A95" s="14">
        <v>74</v>
      </c>
      <c r="B95" s="15">
        <v>20</v>
      </c>
      <c r="C95" s="16">
        <v>35</v>
      </c>
      <c r="D95" s="17">
        <v>55</v>
      </c>
    </row>
    <row r="96" spans="1:4" ht="18" customHeight="1" x14ac:dyDescent="0.2">
      <c r="A96" s="18" t="s">
        <v>64</v>
      </c>
      <c r="B96" s="15">
        <v>105</v>
      </c>
      <c r="C96" s="16">
        <v>157</v>
      </c>
      <c r="D96" s="17">
        <v>262</v>
      </c>
    </row>
    <row r="97" spans="1:4" ht="18" customHeight="1" x14ac:dyDescent="0.2">
      <c r="A97" s="14">
        <v>75</v>
      </c>
      <c r="B97" s="15">
        <v>25</v>
      </c>
      <c r="C97" s="16">
        <v>32</v>
      </c>
      <c r="D97" s="17">
        <v>57</v>
      </c>
    </row>
    <row r="98" spans="1:4" ht="18" customHeight="1" x14ac:dyDescent="0.2">
      <c r="A98" s="14">
        <v>76</v>
      </c>
      <c r="B98" s="15">
        <v>26</v>
      </c>
      <c r="C98" s="16">
        <v>34</v>
      </c>
      <c r="D98" s="17">
        <v>60</v>
      </c>
    </row>
    <row r="99" spans="1:4" ht="18" customHeight="1" x14ac:dyDescent="0.2">
      <c r="A99" s="14">
        <v>77</v>
      </c>
      <c r="B99" s="15">
        <v>22</v>
      </c>
      <c r="C99" s="16">
        <v>39</v>
      </c>
      <c r="D99" s="17">
        <v>61</v>
      </c>
    </row>
    <row r="100" spans="1:4" ht="18" customHeight="1" x14ac:dyDescent="0.2">
      <c r="A100" s="14">
        <v>78</v>
      </c>
      <c r="B100" s="15">
        <v>28</v>
      </c>
      <c r="C100" s="16">
        <v>30</v>
      </c>
      <c r="D100" s="17">
        <v>58</v>
      </c>
    </row>
    <row r="101" spans="1:4" ht="18" customHeight="1" x14ac:dyDescent="0.2">
      <c r="A101" s="14">
        <v>79</v>
      </c>
      <c r="B101" s="15">
        <v>19</v>
      </c>
      <c r="C101" s="16">
        <v>18</v>
      </c>
      <c r="D101" s="17">
        <v>37</v>
      </c>
    </row>
    <row r="102" spans="1:4" ht="18" customHeight="1" x14ac:dyDescent="0.2">
      <c r="A102" s="18" t="s">
        <v>65</v>
      </c>
      <c r="B102" s="15">
        <v>120</v>
      </c>
      <c r="C102" s="16">
        <v>153</v>
      </c>
      <c r="D102" s="17">
        <v>273</v>
      </c>
    </row>
    <row r="103" spans="1:4" ht="18" customHeight="1" x14ac:dyDescent="0.2">
      <c r="A103" s="14">
        <v>80</v>
      </c>
      <c r="B103" s="15">
        <v>17</v>
      </c>
      <c r="C103" s="16">
        <v>27</v>
      </c>
      <c r="D103" s="17">
        <v>44</v>
      </c>
    </row>
    <row r="104" spans="1:4" ht="18" customHeight="1" x14ac:dyDescent="0.2">
      <c r="A104" s="14">
        <v>81</v>
      </c>
      <c r="B104" s="15">
        <v>18</v>
      </c>
      <c r="C104" s="16">
        <v>12</v>
      </c>
      <c r="D104" s="17">
        <v>30</v>
      </c>
    </row>
    <row r="105" spans="1:4" ht="18" customHeight="1" x14ac:dyDescent="0.2">
      <c r="A105" s="14">
        <v>82</v>
      </c>
      <c r="B105" s="15">
        <v>12</v>
      </c>
      <c r="C105" s="16">
        <v>28</v>
      </c>
      <c r="D105" s="17">
        <v>40</v>
      </c>
    </row>
    <row r="106" spans="1:4" ht="18" customHeight="1" x14ac:dyDescent="0.2">
      <c r="A106" s="14">
        <v>83</v>
      </c>
      <c r="B106" s="15">
        <v>12</v>
      </c>
      <c r="C106" s="16">
        <v>17</v>
      </c>
      <c r="D106" s="17">
        <v>29</v>
      </c>
    </row>
    <row r="107" spans="1:4" ht="18" customHeight="1" x14ac:dyDescent="0.2">
      <c r="A107" s="14">
        <v>84</v>
      </c>
      <c r="B107" s="15">
        <v>11</v>
      </c>
      <c r="C107" s="16">
        <v>14</v>
      </c>
      <c r="D107" s="17">
        <v>25</v>
      </c>
    </row>
    <row r="108" spans="1:4" ht="18" customHeight="1" x14ac:dyDescent="0.2">
      <c r="A108" s="18" t="s">
        <v>66</v>
      </c>
      <c r="B108" s="15">
        <v>70</v>
      </c>
      <c r="C108" s="16">
        <v>98</v>
      </c>
      <c r="D108" s="17">
        <v>168</v>
      </c>
    </row>
    <row r="109" spans="1:4" ht="18" customHeight="1" x14ac:dyDescent="0.2">
      <c r="A109" s="14">
        <v>85</v>
      </c>
      <c r="B109" s="15">
        <v>15</v>
      </c>
      <c r="C109" s="16">
        <v>19</v>
      </c>
      <c r="D109" s="17">
        <v>34</v>
      </c>
    </row>
    <row r="110" spans="1:4" ht="18" customHeight="1" x14ac:dyDescent="0.2">
      <c r="A110" s="14">
        <v>86</v>
      </c>
      <c r="B110" s="15">
        <v>7</v>
      </c>
      <c r="C110" s="16">
        <v>16</v>
      </c>
      <c r="D110" s="17">
        <v>23</v>
      </c>
    </row>
    <row r="111" spans="1:4" ht="18" customHeight="1" x14ac:dyDescent="0.2">
      <c r="A111" s="14">
        <v>87</v>
      </c>
      <c r="B111" s="15">
        <v>9</v>
      </c>
      <c r="C111" s="16">
        <v>12</v>
      </c>
      <c r="D111" s="17">
        <v>21</v>
      </c>
    </row>
    <row r="112" spans="1:4" ht="18" customHeight="1" x14ac:dyDescent="0.2">
      <c r="A112" s="14">
        <v>88</v>
      </c>
      <c r="B112" s="15">
        <v>5</v>
      </c>
      <c r="C112" s="16">
        <v>8</v>
      </c>
      <c r="D112" s="17">
        <v>13</v>
      </c>
    </row>
    <row r="113" spans="1:4" ht="18" customHeight="1" x14ac:dyDescent="0.2">
      <c r="A113" s="14">
        <v>89</v>
      </c>
      <c r="B113" s="15">
        <v>2</v>
      </c>
      <c r="C113" s="16">
        <v>10</v>
      </c>
      <c r="D113" s="17">
        <v>12</v>
      </c>
    </row>
    <row r="114" spans="1:4" ht="18" customHeight="1" x14ac:dyDescent="0.2">
      <c r="A114" s="18" t="s">
        <v>67</v>
      </c>
      <c r="B114" s="15">
        <v>38</v>
      </c>
      <c r="C114" s="16">
        <v>65</v>
      </c>
      <c r="D114" s="17">
        <v>103</v>
      </c>
    </row>
    <row r="115" spans="1:4" ht="18" customHeight="1" x14ac:dyDescent="0.2">
      <c r="A115" s="14">
        <v>90</v>
      </c>
      <c r="B115" s="15">
        <v>4</v>
      </c>
      <c r="C115" s="16">
        <v>16</v>
      </c>
      <c r="D115" s="17">
        <v>20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13</v>
      </c>
      <c r="C120" s="16">
        <v>46</v>
      </c>
      <c r="D120" s="17">
        <v>59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98</v>
      </c>
      <c r="C130" s="5">
        <v>696</v>
      </c>
      <c r="D130" s="6">
        <v>1194</v>
      </c>
    </row>
    <row r="131" spans="1:4" ht="18" customHeight="1" x14ac:dyDescent="0.2">
      <c r="A131" s="20" t="s">
        <v>47</v>
      </c>
      <c r="B131" s="7">
        <v>2028</v>
      </c>
      <c r="C131" s="8">
        <v>2283</v>
      </c>
      <c r="D131" s="9">
        <v>43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6</v>
      </c>
      <c r="C5" s="12">
        <v>10</v>
      </c>
      <c r="D5" s="13">
        <v>16</v>
      </c>
    </row>
    <row r="6" spans="1:10" ht="18" customHeight="1" x14ac:dyDescent="0.2">
      <c r="A6" s="14">
        <v>1</v>
      </c>
      <c r="B6" s="15">
        <v>7</v>
      </c>
      <c r="C6" s="16">
        <v>7</v>
      </c>
      <c r="D6" s="17">
        <v>14</v>
      </c>
    </row>
    <row r="7" spans="1:10" ht="18" customHeight="1" x14ac:dyDescent="0.2">
      <c r="A7" s="14">
        <v>2</v>
      </c>
      <c r="B7" s="15">
        <v>10</v>
      </c>
      <c r="C7" s="16">
        <v>14</v>
      </c>
      <c r="D7" s="17">
        <v>24</v>
      </c>
    </row>
    <row r="8" spans="1:10" ht="18" customHeight="1" x14ac:dyDescent="0.2">
      <c r="A8" s="14">
        <v>3</v>
      </c>
      <c r="B8" s="15">
        <v>8</v>
      </c>
      <c r="C8" s="16">
        <v>4</v>
      </c>
      <c r="D8" s="17">
        <v>12</v>
      </c>
    </row>
    <row r="9" spans="1:10" ht="18" customHeight="1" x14ac:dyDescent="0.2">
      <c r="A9" s="14">
        <v>4</v>
      </c>
      <c r="B9" s="15">
        <v>9</v>
      </c>
      <c r="C9" s="16">
        <v>10</v>
      </c>
      <c r="D9" s="17">
        <v>19</v>
      </c>
    </row>
    <row r="10" spans="1:10" ht="18" customHeight="1" x14ac:dyDescent="0.2">
      <c r="A10" s="18" t="s">
        <v>48</v>
      </c>
      <c r="B10" s="15">
        <v>40</v>
      </c>
      <c r="C10" s="16">
        <v>45</v>
      </c>
      <c r="D10" s="17">
        <v>85</v>
      </c>
    </row>
    <row r="11" spans="1:10" ht="18" customHeight="1" x14ac:dyDescent="0.2">
      <c r="A11" s="14">
        <v>5</v>
      </c>
      <c r="B11" s="15">
        <v>7</v>
      </c>
      <c r="C11" s="16">
        <v>5</v>
      </c>
      <c r="D11" s="17">
        <v>12</v>
      </c>
    </row>
    <row r="12" spans="1:10" ht="18" customHeight="1" x14ac:dyDescent="0.2">
      <c r="A12" s="14">
        <v>6</v>
      </c>
      <c r="B12" s="15">
        <v>7</v>
      </c>
      <c r="C12" s="16">
        <v>9</v>
      </c>
      <c r="D12" s="17">
        <v>16</v>
      </c>
    </row>
    <row r="13" spans="1:10" ht="18" customHeight="1" x14ac:dyDescent="0.2">
      <c r="A13" s="14">
        <v>7</v>
      </c>
      <c r="B13" s="15">
        <v>12</v>
      </c>
      <c r="C13" s="16">
        <v>13</v>
      </c>
      <c r="D13" s="17">
        <v>25</v>
      </c>
    </row>
    <row r="14" spans="1:10" ht="18" customHeight="1" x14ac:dyDescent="0.2">
      <c r="A14" s="14">
        <v>8</v>
      </c>
      <c r="B14" s="15">
        <v>14</v>
      </c>
      <c r="C14" s="16">
        <v>11</v>
      </c>
      <c r="D14" s="17">
        <v>25</v>
      </c>
    </row>
    <row r="15" spans="1:10" ht="18" customHeight="1" x14ac:dyDescent="0.2">
      <c r="A15" s="14">
        <v>9</v>
      </c>
      <c r="B15" s="15">
        <v>6</v>
      </c>
      <c r="C15" s="16">
        <v>9</v>
      </c>
      <c r="D15" s="17">
        <v>15</v>
      </c>
    </row>
    <row r="16" spans="1:10" ht="18" customHeight="1" x14ac:dyDescent="0.2">
      <c r="A16" s="18" t="s">
        <v>49</v>
      </c>
      <c r="B16" s="15">
        <v>46</v>
      </c>
      <c r="C16" s="16">
        <v>47</v>
      </c>
      <c r="D16" s="17">
        <v>93</v>
      </c>
    </row>
    <row r="17" spans="1:4" ht="18" customHeight="1" x14ac:dyDescent="0.2">
      <c r="A17" s="14">
        <v>10</v>
      </c>
      <c r="B17" s="15">
        <v>6</v>
      </c>
      <c r="C17" s="16">
        <v>7</v>
      </c>
      <c r="D17" s="17">
        <v>13</v>
      </c>
    </row>
    <row r="18" spans="1:4" ht="18" customHeight="1" x14ac:dyDescent="0.2">
      <c r="A18" s="14">
        <v>11</v>
      </c>
      <c r="B18" s="15">
        <v>8</v>
      </c>
      <c r="C18" s="16">
        <v>7</v>
      </c>
      <c r="D18" s="17">
        <v>15</v>
      </c>
    </row>
    <row r="19" spans="1:4" ht="18" customHeight="1" x14ac:dyDescent="0.2">
      <c r="A19" s="14">
        <v>12</v>
      </c>
      <c r="B19" s="15">
        <v>14</v>
      </c>
      <c r="C19" s="16">
        <v>10</v>
      </c>
      <c r="D19" s="17">
        <v>24</v>
      </c>
    </row>
    <row r="20" spans="1:4" ht="18" customHeight="1" x14ac:dyDescent="0.2">
      <c r="A20" s="14">
        <v>13</v>
      </c>
      <c r="B20" s="15">
        <v>9</v>
      </c>
      <c r="C20" s="16">
        <v>9</v>
      </c>
      <c r="D20" s="17">
        <v>18</v>
      </c>
    </row>
    <row r="21" spans="1:4" ht="18" customHeight="1" x14ac:dyDescent="0.2">
      <c r="A21" s="14">
        <v>14</v>
      </c>
      <c r="B21" s="15">
        <v>8</v>
      </c>
      <c r="C21" s="16">
        <v>9</v>
      </c>
      <c r="D21" s="17">
        <v>17</v>
      </c>
    </row>
    <row r="22" spans="1:4" ht="18" customHeight="1" x14ac:dyDescent="0.2">
      <c r="A22" s="18" t="s">
        <v>50</v>
      </c>
      <c r="B22" s="15">
        <v>45</v>
      </c>
      <c r="C22" s="16">
        <v>42</v>
      </c>
      <c r="D22" s="17">
        <v>87</v>
      </c>
    </row>
    <row r="23" spans="1:4" ht="18" customHeight="1" x14ac:dyDescent="0.2">
      <c r="A23" s="18" t="s">
        <v>51</v>
      </c>
      <c r="B23" s="15">
        <v>131</v>
      </c>
      <c r="C23" s="16">
        <v>134</v>
      </c>
      <c r="D23" s="17">
        <v>265</v>
      </c>
    </row>
    <row r="24" spans="1:4" ht="18" customHeight="1" x14ac:dyDescent="0.2">
      <c r="A24" s="14">
        <v>15</v>
      </c>
      <c r="B24" s="15">
        <v>12</v>
      </c>
      <c r="C24" s="16">
        <v>13</v>
      </c>
      <c r="D24" s="17">
        <v>25</v>
      </c>
    </row>
    <row r="25" spans="1:4" ht="18" customHeight="1" x14ac:dyDescent="0.2">
      <c r="A25" s="14">
        <v>16</v>
      </c>
      <c r="B25" s="15">
        <v>15</v>
      </c>
      <c r="C25" s="16">
        <v>7</v>
      </c>
      <c r="D25" s="17">
        <v>22</v>
      </c>
    </row>
    <row r="26" spans="1:4" ht="18" customHeight="1" x14ac:dyDescent="0.2">
      <c r="A26" s="14">
        <v>17</v>
      </c>
      <c r="B26" s="15">
        <v>16</v>
      </c>
      <c r="C26" s="16">
        <v>14</v>
      </c>
      <c r="D26" s="17">
        <v>30</v>
      </c>
    </row>
    <row r="27" spans="1:4" ht="18" customHeight="1" x14ac:dyDescent="0.2">
      <c r="A27" s="14">
        <v>18</v>
      </c>
      <c r="B27" s="15">
        <v>16</v>
      </c>
      <c r="C27" s="16">
        <v>15</v>
      </c>
      <c r="D27" s="17">
        <v>31</v>
      </c>
    </row>
    <row r="28" spans="1:4" ht="18" customHeight="1" x14ac:dyDescent="0.2">
      <c r="A28" s="14">
        <v>19</v>
      </c>
      <c r="B28" s="15">
        <v>12</v>
      </c>
      <c r="C28" s="16">
        <v>13</v>
      </c>
      <c r="D28" s="17">
        <v>25</v>
      </c>
    </row>
    <row r="29" spans="1:4" ht="18" customHeight="1" x14ac:dyDescent="0.2">
      <c r="A29" s="18" t="s">
        <v>52</v>
      </c>
      <c r="B29" s="15">
        <v>71</v>
      </c>
      <c r="C29" s="16">
        <v>62</v>
      </c>
      <c r="D29" s="17">
        <v>133</v>
      </c>
    </row>
    <row r="30" spans="1:4" ht="18" customHeight="1" x14ac:dyDescent="0.2">
      <c r="A30" s="14">
        <v>20</v>
      </c>
      <c r="B30" s="15">
        <v>13</v>
      </c>
      <c r="C30" s="16">
        <v>16</v>
      </c>
      <c r="D30" s="17">
        <v>29</v>
      </c>
    </row>
    <row r="31" spans="1:4" ht="18" customHeight="1" x14ac:dyDescent="0.2">
      <c r="A31" s="14">
        <v>21</v>
      </c>
      <c r="B31" s="15">
        <v>17</v>
      </c>
      <c r="C31" s="16">
        <v>10</v>
      </c>
      <c r="D31" s="17">
        <v>27</v>
      </c>
    </row>
    <row r="32" spans="1:4" ht="18" customHeight="1" x14ac:dyDescent="0.2">
      <c r="A32" s="14">
        <v>22</v>
      </c>
      <c r="B32" s="15">
        <v>17</v>
      </c>
      <c r="C32" s="16">
        <v>8</v>
      </c>
      <c r="D32" s="17">
        <v>25</v>
      </c>
    </row>
    <row r="33" spans="1:4" ht="18" customHeight="1" x14ac:dyDescent="0.2">
      <c r="A33" s="14">
        <v>23</v>
      </c>
      <c r="B33" s="15">
        <v>18</v>
      </c>
      <c r="C33" s="16">
        <v>8</v>
      </c>
      <c r="D33" s="17">
        <v>26</v>
      </c>
    </row>
    <row r="34" spans="1:4" ht="18" customHeight="1" x14ac:dyDescent="0.2">
      <c r="A34" s="14">
        <v>24</v>
      </c>
      <c r="B34" s="15">
        <v>16</v>
      </c>
      <c r="C34" s="16">
        <v>11</v>
      </c>
      <c r="D34" s="17">
        <v>27</v>
      </c>
    </row>
    <row r="35" spans="1:4" ht="18" customHeight="1" x14ac:dyDescent="0.2">
      <c r="A35" s="18" t="s">
        <v>53</v>
      </c>
      <c r="B35" s="15">
        <v>81</v>
      </c>
      <c r="C35" s="16">
        <v>53</v>
      </c>
      <c r="D35" s="17">
        <v>134</v>
      </c>
    </row>
    <row r="36" spans="1:4" ht="18" customHeight="1" x14ac:dyDescent="0.2">
      <c r="A36" s="14">
        <v>25</v>
      </c>
      <c r="B36" s="15">
        <v>11</v>
      </c>
      <c r="C36" s="16">
        <v>9</v>
      </c>
      <c r="D36" s="17">
        <v>20</v>
      </c>
    </row>
    <row r="37" spans="1:4" ht="18" customHeight="1" x14ac:dyDescent="0.2">
      <c r="A37" s="14">
        <v>26</v>
      </c>
      <c r="B37" s="15">
        <v>14</v>
      </c>
      <c r="C37" s="16">
        <v>12</v>
      </c>
      <c r="D37" s="17">
        <v>26</v>
      </c>
    </row>
    <row r="38" spans="1:4" ht="18" customHeight="1" x14ac:dyDescent="0.2">
      <c r="A38" s="14">
        <v>27</v>
      </c>
      <c r="B38" s="15">
        <v>23</v>
      </c>
      <c r="C38" s="16">
        <v>10</v>
      </c>
      <c r="D38" s="17">
        <v>33</v>
      </c>
    </row>
    <row r="39" spans="1:4" ht="18" customHeight="1" x14ac:dyDescent="0.2">
      <c r="A39" s="14">
        <v>28</v>
      </c>
      <c r="B39" s="15">
        <v>14</v>
      </c>
      <c r="C39" s="16">
        <v>11</v>
      </c>
      <c r="D39" s="17">
        <v>25</v>
      </c>
    </row>
    <row r="40" spans="1:4" ht="18" customHeight="1" x14ac:dyDescent="0.2">
      <c r="A40" s="14">
        <v>29</v>
      </c>
      <c r="B40" s="15">
        <v>17</v>
      </c>
      <c r="C40" s="16">
        <v>9</v>
      </c>
      <c r="D40" s="17">
        <v>26</v>
      </c>
    </row>
    <row r="41" spans="1:4" ht="18" customHeight="1" x14ac:dyDescent="0.2">
      <c r="A41" s="18" t="s">
        <v>54</v>
      </c>
      <c r="B41" s="15">
        <v>79</v>
      </c>
      <c r="C41" s="16">
        <v>51</v>
      </c>
      <c r="D41" s="17">
        <v>130</v>
      </c>
    </row>
    <row r="42" spans="1:4" ht="18" customHeight="1" x14ac:dyDescent="0.2">
      <c r="A42" s="14">
        <v>30</v>
      </c>
      <c r="B42" s="15">
        <v>11</v>
      </c>
      <c r="C42" s="16">
        <v>13</v>
      </c>
      <c r="D42" s="17">
        <v>24</v>
      </c>
    </row>
    <row r="43" spans="1:4" ht="18" customHeight="1" x14ac:dyDescent="0.2">
      <c r="A43" s="14">
        <v>31</v>
      </c>
      <c r="B43" s="15">
        <v>12</v>
      </c>
      <c r="C43" s="16">
        <v>14</v>
      </c>
      <c r="D43" s="17">
        <v>26</v>
      </c>
    </row>
    <row r="44" spans="1:4" ht="18" customHeight="1" x14ac:dyDescent="0.2">
      <c r="A44" s="14">
        <v>32</v>
      </c>
      <c r="B44" s="15">
        <v>9</v>
      </c>
      <c r="C44" s="16">
        <v>19</v>
      </c>
      <c r="D44" s="17">
        <v>28</v>
      </c>
    </row>
    <row r="45" spans="1:4" ht="18" customHeight="1" x14ac:dyDescent="0.2">
      <c r="A45" s="14">
        <v>33</v>
      </c>
      <c r="B45" s="15">
        <v>14</v>
      </c>
      <c r="C45" s="16">
        <v>16</v>
      </c>
      <c r="D45" s="17">
        <v>30</v>
      </c>
    </row>
    <row r="46" spans="1:4" ht="18" customHeight="1" x14ac:dyDescent="0.2">
      <c r="A46" s="14">
        <v>34</v>
      </c>
      <c r="B46" s="15">
        <v>14</v>
      </c>
      <c r="C46" s="16">
        <v>14</v>
      </c>
      <c r="D46" s="17">
        <v>28</v>
      </c>
    </row>
    <row r="47" spans="1:4" ht="18" customHeight="1" x14ac:dyDescent="0.2">
      <c r="A47" s="18" t="s">
        <v>55</v>
      </c>
      <c r="B47" s="15">
        <v>60</v>
      </c>
      <c r="C47" s="16">
        <v>76</v>
      </c>
      <c r="D47" s="17">
        <v>136</v>
      </c>
    </row>
    <row r="48" spans="1:4" ht="18" customHeight="1" x14ac:dyDescent="0.2">
      <c r="A48" s="14">
        <v>35</v>
      </c>
      <c r="B48" s="15">
        <v>15</v>
      </c>
      <c r="C48" s="16">
        <v>12</v>
      </c>
      <c r="D48" s="17">
        <v>27</v>
      </c>
    </row>
    <row r="49" spans="1:4" ht="18" customHeight="1" x14ac:dyDescent="0.2">
      <c r="A49" s="14">
        <v>36</v>
      </c>
      <c r="B49" s="15">
        <v>15</v>
      </c>
      <c r="C49" s="16">
        <v>9</v>
      </c>
      <c r="D49" s="17">
        <v>24</v>
      </c>
    </row>
    <row r="50" spans="1:4" ht="18" customHeight="1" x14ac:dyDescent="0.2">
      <c r="A50" s="14">
        <v>37</v>
      </c>
      <c r="B50" s="15">
        <v>12</v>
      </c>
      <c r="C50" s="16">
        <v>11</v>
      </c>
      <c r="D50" s="17">
        <v>23</v>
      </c>
    </row>
    <row r="51" spans="1:4" ht="18" customHeight="1" x14ac:dyDescent="0.2">
      <c r="A51" s="14">
        <v>38</v>
      </c>
      <c r="B51" s="15">
        <v>14</v>
      </c>
      <c r="C51" s="16">
        <v>11</v>
      </c>
      <c r="D51" s="17">
        <v>25</v>
      </c>
    </row>
    <row r="52" spans="1:4" ht="18" customHeight="1" x14ac:dyDescent="0.2">
      <c r="A52" s="14">
        <v>39</v>
      </c>
      <c r="B52" s="15">
        <v>16</v>
      </c>
      <c r="C52" s="16">
        <v>15</v>
      </c>
      <c r="D52" s="17">
        <v>31</v>
      </c>
    </row>
    <row r="53" spans="1:4" ht="18" customHeight="1" x14ac:dyDescent="0.2">
      <c r="A53" s="18" t="s">
        <v>56</v>
      </c>
      <c r="B53" s="15">
        <v>72</v>
      </c>
      <c r="C53" s="16">
        <v>58</v>
      </c>
      <c r="D53" s="17">
        <v>130</v>
      </c>
    </row>
    <row r="54" spans="1:4" ht="18" customHeight="1" x14ac:dyDescent="0.2">
      <c r="A54" s="14">
        <v>40</v>
      </c>
      <c r="B54" s="15">
        <v>30</v>
      </c>
      <c r="C54" s="16">
        <v>14</v>
      </c>
      <c r="D54" s="17">
        <v>44</v>
      </c>
    </row>
    <row r="55" spans="1:4" ht="18" customHeight="1" x14ac:dyDescent="0.2">
      <c r="A55" s="14">
        <v>41</v>
      </c>
      <c r="B55" s="15">
        <v>19</v>
      </c>
      <c r="C55" s="16">
        <v>24</v>
      </c>
      <c r="D55" s="17">
        <v>43</v>
      </c>
    </row>
    <row r="56" spans="1:4" ht="18" customHeight="1" x14ac:dyDescent="0.2">
      <c r="A56" s="14">
        <v>42</v>
      </c>
      <c r="B56" s="15">
        <v>24</v>
      </c>
      <c r="C56" s="16">
        <v>19</v>
      </c>
      <c r="D56" s="17">
        <v>43</v>
      </c>
    </row>
    <row r="57" spans="1:4" ht="18" customHeight="1" x14ac:dyDescent="0.2">
      <c r="A57" s="14">
        <v>43</v>
      </c>
      <c r="B57" s="15">
        <v>22</v>
      </c>
      <c r="C57" s="16">
        <v>14</v>
      </c>
      <c r="D57" s="17">
        <v>36</v>
      </c>
    </row>
    <row r="58" spans="1:4" ht="18" customHeight="1" x14ac:dyDescent="0.2">
      <c r="A58" s="14">
        <v>44</v>
      </c>
      <c r="B58" s="15">
        <v>30</v>
      </c>
      <c r="C58" s="16">
        <v>25</v>
      </c>
      <c r="D58" s="17">
        <v>55</v>
      </c>
    </row>
    <row r="59" spans="1:4" ht="18" customHeight="1" x14ac:dyDescent="0.2">
      <c r="A59" s="18" t="s">
        <v>57</v>
      </c>
      <c r="B59" s="15">
        <v>125</v>
      </c>
      <c r="C59" s="16">
        <v>96</v>
      </c>
      <c r="D59" s="17">
        <v>221</v>
      </c>
    </row>
    <row r="60" spans="1:4" ht="18" customHeight="1" x14ac:dyDescent="0.2">
      <c r="A60" s="14">
        <v>45</v>
      </c>
      <c r="B60" s="15">
        <v>19</v>
      </c>
      <c r="C60" s="16">
        <v>17</v>
      </c>
      <c r="D60" s="17">
        <v>36</v>
      </c>
    </row>
    <row r="61" spans="1:4" ht="18" customHeight="1" x14ac:dyDescent="0.2">
      <c r="A61" s="14">
        <v>46</v>
      </c>
      <c r="B61" s="15">
        <v>25</v>
      </c>
      <c r="C61" s="16">
        <v>19</v>
      </c>
      <c r="D61" s="17">
        <v>44</v>
      </c>
    </row>
    <row r="62" spans="1:4" ht="18" customHeight="1" x14ac:dyDescent="0.2">
      <c r="A62" s="14">
        <v>47</v>
      </c>
      <c r="B62" s="15">
        <v>20</v>
      </c>
      <c r="C62" s="16">
        <v>22</v>
      </c>
      <c r="D62" s="17">
        <v>42</v>
      </c>
    </row>
    <row r="63" spans="1:4" ht="18" customHeight="1" x14ac:dyDescent="0.2">
      <c r="A63" s="14">
        <v>48</v>
      </c>
      <c r="B63" s="15">
        <v>30</v>
      </c>
      <c r="C63" s="16">
        <v>24</v>
      </c>
      <c r="D63" s="17">
        <v>54</v>
      </c>
    </row>
    <row r="64" spans="1:4" ht="18" customHeight="1" x14ac:dyDescent="0.2">
      <c r="A64" s="14">
        <v>49</v>
      </c>
      <c r="B64" s="15">
        <v>23</v>
      </c>
      <c r="C64" s="16">
        <v>19</v>
      </c>
      <c r="D64" s="17">
        <v>42</v>
      </c>
    </row>
    <row r="65" spans="1:4" ht="18" customHeight="1" x14ac:dyDescent="0.2">
      <c r="A65" s="18" t="s">
        <v>58</v>
      </c>
      <c r="B65" s="15">
        <v>117</v>
      </c>
      <c r="C65" s="16">
        <v>101</v>
      </c>
      <c r="D65" s="17">
        <v>218</v>
      </c>
    </row>
    <row r="66" spans="1:4" ht="18" customHeight="1" x14ac:dyDescent="0.2">
      <c r="A66" s="14">
        <v>50</v>
      </c>
      <c r="B66" s="15">
        <v>24</v>
      </c>
      <c r="C66" s="16">
        <v>20</v>
      </c>
      <c r="D66" s="17">
        <v>44</v>
      </c>
    </row>
    <row r="67" spans="1:4" ht="18" customHeight="1" x14ac:dyDescent="0.2">
      <c r="A67" s="14">
        <v>51</v>
      </c>
      <c r="B67" s="15">
        <v>16</v>
      </c>
      <c r="C67" s="16">
        <v>12</v>
      </c>
      <c r="D67" s="17">
        <v>28</v>
      </c>
    </row>
    <row r="68" spans="1:4" ht="18" customHeight="1" x14ac:dyDescent="0.2">
      <c r="A68" s="14">
        <v>52</v>
      </c>
      <c r="B68" s="15">
        <v>20</v>
      </c>
      <c r="C68" s="16">
        <v>20</v>
      </c>
      <c r="D68" s="17">
        <v>40</v>
      </c>
    </row>
    <row r="69" spans="1:4" ht="18" customHeight="1" x14ac:dyDescent="0.2">
      <c r="A69" s="14">
        <v>53</v>
      </c>
      <c r="B69" s="15">
        <v>28</v>
      </c>
      <c r="C69" s="16">
        <v>20</v>
      </c>
      <c r="D69" s="17">
        <v>48</v>
      </c>
    </row>
    <row r="70" spans="1:4" ht="18" customHeight="1" x14ac:dyDescent="0.2">
      <c r="A70" s="14">
        <v>54</v>
      </c>
      <c r="B70" s="15">
        <v>36</v>
      </c>
      <c r="C70" s="16">
        <v>13</v>
      </c>
      <c r="D70" s="17">
        <v>49</v>
      </c>
    </row>
    <row r="71" spans="1:4" ht="18" customHeight="1" x14ac:dyDescent="0.2">
      <c r="A71" s="18" t="s">
        <v>59</v>
      </c>
      <c r="B71" s="15">
        <v>124</v>
      </c>
      <c r="C71" s="16">
        <v>85</v>
      </c>
      <c r="D71" s="17">
        <v>209</v>
      </c>
    </row>
    <row r="72" spans="1:4" ht="18" customHeight="1" x14ac:dyDescent="0.2">
      <c r="A72" s="14">
        <v>55</v>
      </c>
      <c r="B72" s="15">
        <v>16</v>
      </c>
      <c r="C72" s="16">
        <v>31</v>
      </c>
      <c r="D72" s="17">
        <v>47</v>
      </c>
    </row>
    <row r="73" spans="1:4" ht="18" customHeight="1" x14ac:dyDescent="0.2">
      <c r="A73" s="14">
        <v>56</v>
      </c>
      <c r="B73" s="15">
        <v>24</v>
      </c>
      <c r="C73" s="16">
        <v>13</v>
      </c>
      <c r="D73" s="17">
        <v>37</v>
      </c>
    </row>
    <row r="74" spans="1:4" ht="18" customHeight="1" x14ac:dyDescent="0.2">
      <c r="A74" s="14">
        <v>57</v>
      </c>
      <c r="B74" s="15">
        <v>11</v>
      </c>
      <c r="C74" s="16">
        <v>27</v>
      </c>
      <c r="D74" s="17">
        <v>38</v>
      </c>
    </row>
    <row r="75" spans="1:4" ht="18" customHeight="1" x14ac:dyDescent="0.2">
      <c r="A75" s="14">
        <v>58</v>
      </c>
      <c r="B75" s="15">
        <v>18</v>
      </c>
      <c r="C75" s="16">
        <v>13</v>
      </c>
      <c r="D75" s="17">
        <v>31</v>
      </c>
    </row>
    <row r="76" spans="1:4" ht="18" customHeight="1" x14ac:dyDescent="0.2">
      <c r="A76" s="14">
        <v>59</v>
      </c>
      <c r="B76" s="15">
        <v>18</v>
      </c>
      <c r="C76" s="16">
        <v>20</v>
      </c>
      <c r="D76" s="17">
        <v>38</v>
      </c>
    </row>
    <row r="77" spans="1:4" ht="18" customHeight="1" x14ac:dyDescent="0.2">
      <c r="A77" s="18" t="s">
        <v>60</v>
      </c>
      <c r="B77" s="15">
        <v>87</v>
      </c>
      <c r="C77" s="16">
        <v>104</v>
      </c>
      <c r="D77" s="17">
        <v>191</v>
      </c>
    </row>
    <row r="78" spans="1:4" ht="18" customHeight="1" x14ac:dyDescent="0.2">
      <c r="A78" s="14">
        <v>60</v>
      </c>
      <c r="B78" s="15">
        <v>10</v>
      </c>
      <c r="C78" s="16">
        <v>19</v>
      </c>
      <c r="D78" s="17">
        <v>29</v>
      </c>
    </row>
    <row r="79" spans="1:4" ht="18" customHeight="1" x14ac:dyDescent="0.2">
      <c r="A79" s="14">
        <v>61</v>
      </c>
      <c r="B79" s="15">
        <v>13</v>
      </c>
      <c r="C79" s="16">
        <v>12</v>
      </c>
      <c r="D79" s="17">
        <v>25</v>
      </c>
    </row>
    <row r="80" spans="1:4" ht="18" customHeight="1" x14ac:dyDescent="0.2">
      <c r="A80" s="14">
        <v>62</v>
      </c>
      <c r="B80" s="15">
        <v>20</v>
      </c>
      <c r="C80" s="16">
        <v>16</v>
      </c>
      <c r="D80" s="17">
        <v>36</v>
      </c>
    </row>
    <row r="81" spans="1:4" ht="18" customHeight="1" x14ac:dyDescent="0.2">
      <c r="A81" s="14">
        <v>63</v>
      </c>
      <c r="B81" s="15">
        <v>17</v>
      </c>
      <c r="C81" s="16">
        <v>19</v>
      </c>
      <c r="D81" s="17">
        <v>36</v>
      </c>
    </row>
    <row r="82" spans="1:4" ht="18" customHeight="1" x14ac:dyDescent="0.2">
      <c r="A82" s="14">
        <v>64</v>
      </c>
      <c r="B82" s="15">
        <v>18</v>
      </c>
      <c r="C82" s="16">
        <v>21</v>
      </c>
      <c r="D82" s="17">
        <v>39</v>
      </c>
    </row>
    <row r="83" spans="1:4" ht="18" customHeight="1" x14ac:dyDescent="0.2">
      <c r="A83" s="18" t="s">
        <v>61</v>
      </c>
      <c r="B83" s="15">
        <v>78</v>
      </c>
      <c r="C83" s="16">
        <v>87</v>
      </c>
      <c r="D83" s="17">
        <v>165</v>
      </c>
    </row>
    <row r="84" spans="1:4" ht="18" customHeight="1" x14ac:dyDescent="0.2">
      <c r="A84" s="18" t="s">
        <v>62</v>
      </c>
      <c r="B84" s="15">
        <v>894</v>
      </c>
      <c r="C84" s="16">
        <v>773</v>
      </c>
      <c r="D84" s="17">
        <v>1667</v>
      </c>
    </row>
    <row r="85" spans="1:4" ht="18" customHeight="1" x14ac:dyDescent="0.2">
      <c r="A85" s="14">
        <v>65</v>
      </c>
      <c r="B85" s="15">
        <v>19</v>
      </c>
      <c r="C85" s="16">
        <v>32</v>
      </c>
      <c r="D85" s="17">
        <v>51</v>
      </c>
    </row>
    <row r="86" spans="1:4" ht="18" customHeight="1" x14ac:dyDescent="0.2">
      <c r="A86" s="14">
        <v>66</v>
      </c>
      <c r="B86" s="15">
        <v>23</v>
      </c>
      <c r="C86" s="16">
        <v>36</v>
      </c>
      <c r="D86" s="17">
        <v>59</v>
      </c>
    </row>
    <row r="87" spans="1:4" ht="18" customHeight="1" x14ac:dyDescent="0.2">
      <c r="A87" s="14">
        <v>67</v>
      </c>
      <c r="B87" s="15">
        <v>23</v>
      </c>
      <c r="C87" s="16">
        <v>24</v>
      </c>
      <c r="D87" s="17">
        <v>47</v>
      </c>
    </row>
    <row r="88" spans="1:4" ht="18" customHeight="1" x14ac:dyDescent="0.2">
      <c r="A88" s="14">
        <v>68</v>
      </c>
      <c r="B88" s="15">
        <v>25</v>
      </c>
      <c r="C88" s="16">
        <v>40</v>
      </c>
      <c r="D88" s="17">
        <v>65</v>
      </c>
    </row>
    <row r="89" spans="1:4" ht="18" customHeight="1" x14ac:dyDescent="0.2">
      <c r="A89" s="14">
        <v>69</v>
      </c>
      <c r="B89" s="15">
        <v>47</v>
      </c>
      <c r="C89" s="16">
        <v>40</v>
      </c>
      <c r="D89" s="17">
        <v>87</v>
      </c>
    </row>
    <row r="90" spans="1:4" ht="18" customHeight="1" x14ac:dyDescent="0.2">
      <c r="A90" s="18" t="s">
        <v>63</v>
      </c>
      <c r="B90" s="15">
        <v>137</v>
      </c>
      <c r="C90" s="16">
        <v>172</v>
      </c>
      <c r="D90" s="17">
        <v>309</v>
      </c>
    </row>
    <row r="91" spans="1:4" ht="18" customHeight="1" x14ac:dyDescent="0.2">
      <c r="A91" s="14">
        <v>70</v>
      </c>
      <c r="B91" s="15">
        <v>40</v>
      </c>
      <c r="C91" s="16">
        <v>46</v>
      </c>
      <c r="D91" s="17">
        <v>86</v>
      </c>
    </row>
    <row r="92" spans="1:4" ht="18" customHeight="1" x14ac:dyDescent="0.2">
      <c r="A92" s="14">
        <v>71</v>
      </c>
      <c r="B92" s="15">
        <v>48</v>
      </c>
      <c r="C92" s="16">
        <v>45</v>
      </c>
      <c r="D92" s="17">
        <v>93</v>
      </c>
    </row>
    <row r="93" spans="1:4" ht="18" customHeight="1" x14ac:dyDescent="0.2">
      <c r="A93" s="14">
        <v>72</v>
      </c>
      <c r="B93" s="15">
        <v>23</v>
      </c>
      <c r="C93" s="16">
        <v>30</v>
      </c>
      <c r="D93" s="17">
        <v>53</v>
      </c>
    </row>
    <row r="94" spans="1:4" ht="18" customHeight="1" x14ac:dyDescent="0.2">
      <c r="A94" s="14">
        <v>73</v>
      </c>
      <c r="B94" s="15">
        <v>15</v>
      </c>
      <c r="C94" s="16">
        <v>31</v>
      </c>
      <c r="D94" s="17">
        <v>46</v>
      </c>
    </row>
    <row r="95" spans="1:4" ht="18" customHeight="1" x14ac:dyDescent="0.2">
      <c r="A95" s="14">
        <v>74</v>
      </c>
      <c r="B95" s="15">
        <v>28</v>
      </c>
      <c r="C95" s="16">
        <v>34</v>
      </c>
      <c r="D95" s="17">
        <v>62</v>
      </c>
    </row>
    <row r="96" spans="1:4" ht="18" customHeight="1" x14ac:dyDescent="0.2">
      <c r="A96" s="18" t="s">
        <v>64</v>
      </c>
      <c r="B96" s="15">
        <v>154</v>
      </c>
      <c r="C96" s="16">
        <v>186</v>
      </c>
      <c r="D96" s="17">
        <v>340</v>
      </c>
    </row>
    <row r="97" spans="1:4" ht="18" customHeight="1" x14ac:dyDescent="0.2">
      <c r="A97" s="14">
        <v>75</v>
      </c>
      <c r="B97" s="15">
        <v>28</v>
      </c>
      <c r="C97" s="16">
        <v>41</v>
      </c>
      <c r="D97" s="17">
        <v>69</v>
      </c>
    </row>
    <row r="98" spans="1:4" ht="18" customHeight="1" x14ac:dyDescent="0.2">
      <c r="A98" s="14">
        <v>76</v>
      </c>
      <c r="B98" s="15">
        <v>19</v>
      </c>
      <c r="C98" s="16">
        <v>32</v>
      </c>
      <c r="D98" s="17">
        <v>51</v>
      </c>
    </row>
    <row r="99" spans="1:4" ht="18" customHeight="1" x14ac:dyDescent="0.2">
      <c r="A99" s="14">
        <v>77</v>
      </c>
      <c r="B99" s="15">
        <v>27</v>
      </c>
      <c r="C99" s="16">
        <v>41</v>
      </c>
      <c r="D99" s="17">
        <v>68</v>
      </c>
    </row>
    <row r="100" spans="1:4" ht="18" customHeight="1" x14ac:dyDescent="0.2">
      <c r="A100" s="14">
        <v>78</v>
      </c>
      <c r="B100" s="15">
        <v>21</v>
      </c>
      <c r="C100" s="16">
        <v>29</v>
      </c>
      <c r="D100" s="17">
        <v>50</v>
      </c>
    </row>
    <row r="101" spans="1:4" ht="18" customHeight="1" x14ac:dyDescent="0.2">
      <c r="A101" s="14">
        <v>79</v>
      </c>
      <c r="B101" s="15">
        <v>14</v>
      </c>
      <c r="C101" s="16">
        <v>26</v>
      </c>
      <c r="D101" s="17">
        <v>40</v>
      </c>
    </row>
    <row r="102" spans="1:4" ht="18" customHeight="1" x14ac:dyDescent="0.2">
      <c r="A102" s="18" t="s">
        <v>65</v>
      </c>
      <c r="B102" s="15">
        <v>109</v>
      </c>
      <c r="C102" s="16">
        <v>169</v>
      </c>
      <c r="D102" s="17">
        <v>278</v>
      </c>
    </row>
    <row r="103" spans="1:4" ht="18" customHeight="1" x14ac:dyDescent="0.2">
      <c r="A103" s="14">
        <v>80</v>
      </c>
      <c r="B103" s="15">
        <v>18</v>
      </c>
      <c r="C103" s="16">
        <v>31</v>
      </c>
      <c r="D103" s="17">
        <v>49</v>
      </c>
    </row>
    <row r="104" spans="1:4" ht="18" customHeight="1" x14ac:dyDescent="0.2">
      <c r="A104" s="14">
        <v>81</v>
      </c>
      <c r="B104" s="15">
        <v>20</v>
      </c>
      <c r="C104" s="16">
        <v>30</v>
      </c>
      <c r="D104" s="17">
        <v>50</v>
      </c>
    </row>
    <row r="105" spans="1:4" ht="18" customHeight="1" x14ac:dyDescent="0.2">
      <c r="A105" s="14">
        <v>82</v>
      </c>
      <c r="B105" s="15">
        <v>23</v>
      </c>
      <c r="C105" s="16">
        <v>29</v>
      </c>
      <c r="D105" s="17">
        <v>52</v>
      </c>
    </row>
    <row r="106" spans="1:4" ht="18" customHeight="1" x14ac:dyDescent="0.2">
      <c r="A106" s="14">
        <v>83</v>
      </c>
      <c r="B106" s="15">
        <v>16</v>
      </c>
      <c r="C106" s="16">
        <v>33</v>
      </c>
      <c r="D106" s="17">
        <v>49</v>
      </c>
    </row>
    <row r="107" spans="1:4" ht="18" customHeight="1" x14ac:dyDescent="0.2">
      <c r="A107" s="14">
        <v>84</v>
      </c>
      <c r="B107" s="15">
        <v>12</v>
      </c>
      <c r="C107" s="16">
        <v>29</v>
      </c>
      <c r="D107" s="17">
        <v>41</v>
      </c>
    </row>
    <row r="108" spans="1:4" ht="18" customHeight="1" x14ac:dyDescent="0.2">
      <c r="A108" s="18" t="s">
        <v>66</v>
      </c>
      <c r="B108" s="15">
        <v>89</v>
      </c>
      <c r="C108" s="16">
        <v>152</v>
      </c>
      <c r="D108" s="17">
        <v>241</v>
      </c>
    </row>
    <row r="109" spans="1:4" ht="18" customHeight="1" x14ac:dyDescent="0.2">
      <c r="A109" s="14">
        <v>85</v>
      </c>
      <c r="B109" s="15">
        <v>14</v>
      </c>
      <c r="C109" s="16">
        <v>27</v>
      </c>
      <c r="D109" s="17">
        <v>41</v>
      </c>
    </row>
    <row r="110" spans="1:4" ht="18" customHeight="1" x14ac:dyDescent="0.2">
      <c r="A110" s="14">
        <v>86</v>
      </c>
      <c r="B110" s="15">
        <v>9</v>
      </c>
      <c r="C110" s="16">
        <v>27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17</v>
      </c>
      <c r="D111" s="17">
        <v>27</v>
      </c>
    </row>
    <row r="112" spans="1:4" ht="18" customHeight="1" x14ac:dyDescent="0.2">
      <c r="A112" s="14">
        <v>88</v>
      </c>
      <c r="B112" s="15">
        <v>5</v>
      </c>
      <c r="C112" s="16">
        <v>18</v>
      </c>
      <c r="D112" s="17">
        <v>23</v>
      </c>
    </row>
    <row r="113" spans="1:4" ht="18" customHeight="1" x14ac:dyDescent="0.2">
      <c r="A113" s="14">
        <v>89</v>
      </c>
      <c r="B113" s="15">
        <v>7</v>
      </c>
      <c r="C113" s="16">
        <v>18</v>
      </c>
      <c r="D113" s="17">
        <v>25</v>
      </c>
    </row>
    <row r="114" spans="1:4" ht="18" customHeight="1" x14ac:dyDescent="0.2">
      <c r="A114" s="18" t="s">
        <v>67</v>
      </c>
      <c r="B114" s="15">
        <v>45</v>
      </c>
      <c r="C114" s="16">
        <v>107</v>
      </c>
      <c r="D114" s="17">
        <v>152</v>
      </c>
    </row>
    <row r="115" spans="1:4" ht="18" customHeight="1" x14ac:dyDescent="0.2">
      <c r="A115" s="14">
        <v>90</v>
      </c>
      <c r="B115" s="15">
        <v>7</v>
      </c>
      <c r="C115" s="16">
        <v>18</v>
      </c>
      <c r="D115" s="17">
        <v>25</v>
      </c>
    </row>
    <row r="116" spans="1:4" ht="18" customHeight="1" x14ac:dyDescent="0.2">
      <c r="A116" s="14">
        <v>91</v>
      </c>
      <c r="B116" s="15">
        <v>5</v>
      </c>
      <c r="C116" s="16">
        <v>20</v>
      </c>
      <c r="D116" s="17">
        <v>25</v>
      </c>
    </row>
    <row r="117" spans="1:4" ht="18" customHeight="1" x14ac:dyDescent="0.2">
      <c r="A117" s="14">
        <v>92</v>
      </c>
      <c r="B117" s="15">
        <v>2</v>
      </c>
      <c r="C117" s="16">
        <v>15</v>
      </c>
      <c r="D117" s="17">
        <v>17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4</v>
      </c>
      <c r="C119" s="16">
        <v>12</v>
      </c>
      <c r="D119" s="17">
        <v>16</v>
      </c>
    </row>
    <row r="120" spans="1:4" ht="18" customHeight="1" x14ac:dyDescent="0.2">
      <c r="A120" s="18" t="s">
        <v>68</v>
      </c>
      <c r="B120" s="15">
        <v>19</v>
      </c>
      <c r="C120" s="16">
        <v>74</v>
      </c>
      <c r="D120" s="17">
        <v>93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9</v>
      </c>
      <c r="D122" s="17">
        <v>10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7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23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59</v>
      </c>
      <c r="C130" s="5">
        <v>884</v>
      </c>
      <c r="D130" s="6">
        <v>1443</v>
      </c>
    </row>
    <row r="131" spans="1:4" ht="18" customHeight="1" x14ac:dyDescent="0.2">
      <c r="A131" s="20" t="s">
        <v>47</v>
      </c>
      <c r="B131" s="7">
        <v>1584</v>
      </c>
      <c r="C131" s="8">
        <v>1791</v>
      </c>
      <c r="D131" s="9">
        <v>337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56" t="s">
        <v>73</v>
      </c>
      <c r="B1" s="56"/>
      <c r="C1" s="56"/>
      <c r="D1" s="56"/>
      <c r="E1" s="50"/>
      <c r="F1" s="50"/>
      <c r="G1" s="50"/>
      <c r="H1" s="50"/>
      <c r="I1" s="50"/>
      <c r="J1" s="50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1"/>
      <c r="B3" s="55" t="s">
        <v>147</v>
      </c>
      <c r="C3" s="55"/>
      <c r="D3" s="55"/>
      <c r="E3" s="1"/>
      <c r="F3" s="1"/>
      <c r="G3" s="1"/>
    </row>
    <row r="4" spans="1:10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10" ht="18" customHeight="1" x14ac:dyDescent="0.2">
      <c r="A5" s="10">
        <v>0</v>
      </c>
      <c r="B5" s="48">
        <v>10</v>
      </c>
      <c r="C5" s="12">
        <v>8</v>
      </c>
      <c r="D5" s="13">
        <v>18</v>
      </c>
    </row>
    <row r="6" spans="1:10" ht="18" customHeight="1" x14ac:dyDescent="0.2">
      <c r="A6" s="14">
        <v>1</v>
      </c>
      <c r="B6" s="42">
        <v>10</v>
      </c>
      <c r="C6" s="16">
        <v>3</v>
      </c>
      <c r="D6" s="17">
        <v>13</v>
      </c>
    </row>
    <row r="7" spans="1:10" ht="18" customHeight="1" x14ac:dyDescent="0.2">
      <c r="A7" s="14">
        <v>2</v>
      </c>
      <c r="B7" s="42">
        <v>9</v>
      </c>
      <c r="C7" s="16">
        <v>11</v>
      </c>
      <c r="D7" s="17">
        <v>20</v>
      </c>
    </row>
    <row r="8" spans="1:10" ht="18" customHeight="1" x14ac:dyDescent="0.2">
      <c r="A8" s="14">
        <v>3</v>
      </c>
      <c r="B8" s="42">
        <v>4</v>
      </c>
      <c r="C8" s="16">
        <v>8</v>
      </c>
      <c r="D8" s="17">
        <v>12</v>
      </c>
    </row>
    <row r="9" spans="1:10" ht="18" customHeight="1" x14ac:dyDescent="0.2">
      <c r="A9" s="14">
        <v>4</v>
      </c>
      <c r="B9" s="42">
        <v>7</v>
      </c>
      <c r="C9" s="16">
        <v>9</v>
      </c>
      <c r="D9" s="17">
        <v>16</v>
      </c>
    </row>
    <row r="10" spans="1:10" ht="18" customHeight="1" x14ac:dyDescent="0.2">
      <c r="A10" s="18" t="s">
        <v>48</v>
      </c>
      <c r="B10" s="42">
        <v>40</v>
      </c>
      <c r="C10" s="16">
        <v>39</v>
      </c>
      <c r="D10" s="17">
        <v>79</v>
      </c>
    </row>
    <row r="11" spans="1:10" ht="18" customHeight="1" x14ac:dyDescent="0.2">
      <c r="A11" s="14">
        <v>5</v>
      </c>
      <c r="B11" s="41">
        <v>8</v>
      </c>
      <c r="C11" s="28">
        <v>12</v>
      </c>
      <c r="D11" s="29">
        <v>20</v>
      </c>
    </row>
    <row r="12" spans="1:10" ht="18" customHeight="1" x14ac:dyDescent="0.2">
      <c r="A12" s="14">
        <v>6</v>
      </c>
      <c r="B12" s="41">
        <v>4</v>
      </c>
      <c r="C12" s="28">
        <v>8</v>
      </c>
      <c r="D12" s="29">
        <v>12</v>
      </c>
    </row>
    <row r="13" spans="1:10" ht="18" customHeight="1" x14ac:dyDescent="0.2">
      <c r="A13" s="14">
        <v>7</v>
      </c>
      <c r="B13" s="41">
        <v>7</v>
      </c>
      <c r="C13" s="28">
        <v>2</v>
      </c>
      <c r="D13" s="29">
        <v>9</v>
      </c>
    </row>
    <row r="14" spans="1:10" ht="18" customHeight="1" x14ac:dyDescent="0.2">
      <c r="A14" s="14">
        <v>8</v>
      </c>
      <c r="B14" s="41">
        <v>12</v>
      </c>
      <c r="C14" s="28">
        <v>3</v>
      </c>
      <c r="D14" s="29">
        <v>15</v>
      </c>
    </row>
    <row r="15" spans="1:10" ht="18" customHeight="1" x14ac:dyDescent="0.2">
      <c r="A15" s="14">
        <v>9</v>
      </c>
      <c r="B15" s="41">
        <v>16</v>
      </c>
      <c r="C15" s="28">
        <v>2</v>
      </c>
      <c r="D15" s="29">
        <v>18</v>
      </c>
    </row>
    <row r="16" spans="1:10" ht="18" customHeight="1" x14ac:dyDescent="0.2">
      <c r="A16" s="18" t="s">
        <v>49</v>
      </c>
      <c r="B16" s="42">
        <v>47</v>
      </c>
      <c r="C16" s="16">
        <v>27</v>
      </c>
      <c r="D16" s="17">
        <v>74</v>
      </c>
    </row>
    <row r="17" spans="1:4" ht="18" customHeight="1" x14ac:dyDescent="0.2">
      <c r="A17" s="14">
        <v>10</v>
      </c>
      <c r="B17" s="41">
        <v>10</v>
      </c>
      <c r="C17" s="28">
        <v>6</v>
      </c>
      <c r="D17" s="29">
        <v>16</v>
      </c>
    </row>
    <row r="18" spans="1:4" ht="18" customHeight="1" x14ac:dyDescent="0.2">
      <c r="A18" s="14">
        <v>11</v>
      </c>
      <c r="B18" s="41">
        <v>9</v>
      </c>
      <c r="C18" s="28">
        <v>10</v>
      </c>
      <c r="D18" s="29">
        <v>19</v>
      </c>
    </row>
    <row r="19" spans="1:4" ht="18" customHeight="1" x14ac:dyDescent="0.2">
      <c r="A19" s="14">
        <v>12</v>
      </c>
      <c r="B19" s="41">
        <v>6</v>
      </c>
      <c r="C19" s="28">
        <v>5</v>
      </c>
      <c r="D19" s="29">
        <v>11</v>
      </c>
    </row>
    <row r="20" spans="1:4" ht="18" customHeight="1" x14ac:dyDescent="0.2">
      <c r="A20" s="14">
        <v>13</v>
      </c>
      <c r="B20" s="41">
        <v>5</v>
      </c>
      <c r="C20" s="28">
        <v>7</v>
      </c>
      <c r="D20" s="29">
        <v>12</v>
      </c>
    </row>
    <row r="21" spans="1:4" ht="18" customHeight="1" x14ac:dyDescent="0.2">
      <c r="A21" s="14">
        <v>14</v>
      </c>
      <c r="B21" s="41">
        <v>5</v>
      </c>
      <c r="C21" s="28">
        <v>6</v>
      </c>
      <c r="D21" s="29">
        <v>11</v>
      </c>
    </row>
    <row r="22" spans="1:4" ht="18" customHeight="1" x14ac:dyDescent="0.2">
      <c r="A22" s="18" t="s">
        <v>50</v>
      </c>
      <c r="B22" s="42">
        <v>35</v>
      </c>
      <c r="C22" s="16">
        <v>34</v>
      </c>
      <c r="D22" s="17">
        <v>69</v>
      </c>
    </row>
    <row r="23" spans="1:4" ht="18" customHeight="1" x14ac:dyDescent="0.2">
      <c r="A23" s="18" t="s">
        <v>51</v>
      </c>
      <c r="B23" s="42">
        <v>122</v>
      </c>
      <c r="C23" s="16">
        <v>100</v>
      </c>
      <c r="D23" s="17">
        <v>222</v>
      </c>
    </row>
    <row r="24" spans="1:4" ht="18" customHeight="1" x14ac:dyDescent="0.2">
      <c r="A24" s="14">
        <v>15</v>
      </c>
      <c r="B24" s="41">
        <v>4</v>
      </c>
      <c r="C24" s="28">
        <v>8</v>
      </c>
      <c r="D24" s="29">
        <v>12</v>
      </c>
    </row>
    <row r="25" spans="1:4" ht="18" customHeight="1" x14ac:dyDescent="0.2">
      <c r="A25" s="14">
        <v>16</v>
      </c>
      <c r="B25" s="41">
        <v>5</v>
      </c>
      <c r="C25" s="28">
        <v>6</v>
      </c>
      <c r="D25" s="29">
        <v>11</v>
      </c>
    </row>
    <row r="26" spans="1:4" ht="18" customHeight="1" x14ac:dyDescent="0.2">
      <c r="A26" s="14">
        <v>17</v>
      </c>
      <c r="B26" s="41">
        <v>5</v>
      </c>
      <c r="C26" s="28">
        <v>3</v>
      </c>
      <c r="D26" s="29">
        <v>8</v>
      </c>
    </row>
    <row r="27" spans="1:4" ht="18" customHeight="1" x14ac:dyDescent="0.2">
      <c r="A27" s="14">
        <v>18</v>
      </c>
      <c r="B27" s="41">
        <v>7</v>
      </c>
      <c r="C27" s="28">
        <v>6</v>
      </c>
      <c r="D27" s="29">
        <v>13</v>
      </c>
    </row>
    <row r="28" spans="1:4" ht="18" customHeight="1" x14ac:dyDescent="0.2">
      <c r="A28" s="14">
        <v>19</v>
      </c>
      <c r="B28" s="41">
        <v>2</v>
      </c>
      <c r="C28" s="28">
        <v>9</v>
      </c>
      <c r="D28" s="29">
        <v>11</v>
      </c>
    </row>
    <row r="29" spans="1:4" ht="18" customHeight="1" x14ac:dyDescent="0.2">
      <c r="A29" s="18" t="s">
        <v>52</v>
      </c>
      <c r="B29" s="42">
        <v>23</v>
      </c>
      <c r="C29" s="16">
        <v>32</v>
      </c>
      <c r="D29" s="17">
        <v>55</v>
      </c>
    </row>
    <row r="30" spans="1:4" ht="18" customHeight="1" x14ac:dyDescent="0.2">
      <c r="A30" s="14">
        <v>20</v>
      </c>
      <c r="B30" s="41">
        <v>6</v>
      </c>
      <c r="C30" s="28">
        <v>1</v>
      </c>
      <c r="D30" s="29">
        <v>7</v>
      </c>
    </row>
    <row r="31" spans="1:4" ht="18" customHeight="1" x14ac:dyDescent="0.2">
      <c r="A31" s="14">
        <v>21</v>
      </c>
      <c r="B31" s="41">
        <v>6</v>
      </c>
      <c r="C31" s="28">
        <v>2</v>
      </c>
      <c r="D31" s="29">
        <v>8</v>
      </c>
    </row>
    <row r="32" spans="1:4" ht="18" customHeight="1" x14ac:dyDescent="0.2">
      <c r="A32" s="14">
        <v>22</v>
      </c>
      <c r="B32" s="41">
        <v>6</v>
      </c>
      <c r="C32" s="28">
        <v>6</v>
      </c>
      <c r="D32" s="29">
        <v>12</v>
      </c>
    </row>
    <row r="33" spans="1:4" ht="18" customHeight="1" x14ac:dyDescent="0.2">
      <c r="A33" s="14">
        <v>23</v>
      </c>
      <c r="B33" s="41">
        <v>2</v>
      </c>
      <c r="C33" s="28">
        <v>7</v>
      </c>
      <c r="D33" s="29">
        <v>9</v>
      </c>
    </row>
    <row r="34" spans="1:4" ht="18" customHeight="1" x14ac:dyDescent="0.2">
      <c r="A34" s="14">
        <v>24</v>
      </c>
      <c r="B34" s="41">
        <v>8</v>
      </c>
      <c r="C34" s="28">
        <v>4</v>
      </c>
      <c r="D34" s="29">
        <v>12</v>
      </c>
    </row>
    <row r="35" spans="1:4" ht="18" customHeight="1" x14ac:dyDescent="0.2">
      <c r="A35" s="18" t="s">
        <v>53</v>
      </c>
      <c r="B35" s="42">
        <v>28</v>
      </c>
      <c r="C35" s="16">
        <v>20</v>
      </c>
      <c r="D35" s="17">
        <v>48</v>
      </c>
    </row>
    <row r="36" spans="1:4" ht="18" customHeight="1" x14ac:dyDescent="0.2">
      <c r="A36" s="14">
        <v>25</v>
      </c>
      <c r="B36" s="41">
        <v>5</v>
      </c>
      <c r="C36" s="28">
        <v>7</v>
      </c>
      <c r="D36" s="29">
        <v>12</v>
      </c>
    </row>
    <row r="37" spans="1:4" ht="18" customHeight="1" x14ac:dyDescent="0.2">
      <c r="A37" s="14">
        <v>26</v>
      </c>
      <c r="B37" s="41">
        <v>10</v>
      </c>
      <c r="C37" s="28">
        <v>11</v>
      </c>
      <c r="D37" s="29">
        <v>21</v>
      </c>
    </row>
    <row r="38" spans="1:4" ht="18" customHeight="1" x14ac:dyDescent="0.2">
      <c r="A38" s="14">
        <v>27</v>
      </c>
      <c r="B38" s="41">
        <v>5</v>
      </c>
      <c r="C38" s="28">
        <v>4</v>
      </c>
      <c r="D38" s="29">
        <v>9</v>
      </c>
    </row>
    <row r="39" spans="1:4" ht="18" customHeight="1" x14ac:dyDescent="0.2">
      <c r="A39" s="14">
        <v>28</v>
      </c>
      <c r="B39" s="41">
        <v>8</v>
      </c>
      <c r="C39" s="28">
        <v>8</v>
      </c>
      <c r="D39" s="29">
        <v>16</v>
      </c>
    </row>
    <row r="40" spans="1:4" ht="18" customHeight="1" x14ac:dyDescent="0.2">
      <c r="A40" s="14">
        <v>29</v>
      </c>
      <c r="B40" s="41">
        <v>11</v>
      </c>
      <c r="C40" s="28">
        <v>11</v>
      </c>
      <c r="D40" s="29">
        <v>22</v>
      </c>
    </row>
    <row r="41" spans="1:4" ht="18" customHeight="1" x14ac:dyDescent="0.2">
      <c r="A41" s="18" t="s">
        <v>54</v>
      </c>
      <c r="B41" s="42">
        <v>39</v>
      </c>
      <c r="C41" s="16">
        <v>41</v>
      </c>
      <c r="D41" s="17">
        <v>80</v>
      </c>
    </row>
    <row r="42" spans="1:4" ht="18" customHeight="1" x14ac:dyDescent="0.2">
      <c r="A42" s="14">
        <v>30</v>
      </c>
      <c r="B42" s="41">
        <v>7</v>
      </c>
      <c r="C42" s="28">
        <v>9</v>
      </c>
      <c r="D42" s="29">
        <v>16</v>
      </c>
    </row>
    <row r="43" spans="1:4" ht="18" customHeight="1" x14ac:dyDescent="0.2">
      <c r="A43" s="14">
        <v>31</v>
      </c>
      <c r="B43" s="41">
        <v>11</v>
      </c>
      <c r="C43" s="28">
        <v>14</v>
      </c>
      <c r="D43" s="29">
        <v>25</v>
      </c>
    </row>
    <row r="44" spans="1:4" ht="18" customHeight="1" x14ac:dyDescent="0.2">
      <c r="A44" s="14">
        <v>32</v>
      </c>
      <c r="B44" s="41">
        <v>10</v>
      </c>
      <c r="C44" s="28">
        <v>8</v>
      </c>
      <c r="D44" s="29">
        <v>18</v>
      </c>
    </row>
    <row r="45" spans="1:4" ht="18" customHeight="1" x14ac:dyDescent="0.2">
      <c r="A45" s="14">
        <v>33</v>
      </c>
      <c r="B45" s="41">
        <v>15</v>
      </c>
      <c r="C45" s="28">
        <v>7</v>
      </c>
      <c r="D45" s="29">
        <v>22</v>
      </c>
    </row>
    <row r="46" spans="1:4" ht="18" customHeight="1" x14ac:dyDescent="0.2">
      <c r="A46" s="14">
        <v>34</v>
      </c>
      <c r="B46" s="41">
        <v>18</v>
      </c>
      <c r="C46" s="28">
        <v>12</v>
      </c>
      <c r="D46" s="29">
        <v>30</v>
      </c>
    </row>
    <row r="47" spans="1:4" ht="18" customHeight="1" x14ac:dyDescent="0.2">
      <c r="A47" s="18" t="s">
        <v>55</v>
      </c>
      <c r="B47" s="42">
        <v>61</v>
      </c>
      <c r="C47" s="16">
        <v>50</v>
      </c>
      <c r="D47" s="17">
        <v>111</v>
      </c>
    </row>
    <row r="48" spans="1:4" ht="18" customHeight="1" x14ac:dyDescent="0.2">
      <c r="A48" s="14">
        <v>35</v>
      </c>
      <c r="B48" s="41">
        <v>9</v>
      </c>
      <c r="C48" s="28">
        <v>11</v>
      </c>
      <c r="D48" s="29">
        <v>20</v>
      </c>
    </row>
    <row r="49" spans="1:4" ht="18" customHeight="1" x14ac:dyDescent="0.2">
      <c r="A49" s="14">
        <v>36</v>
      </c>
      <c r="B49" s="41">
        <v>14</v>
      </c>
      <c r="C49" s="28">
        <v>10</v>
      </c>
      <c r="D49" s="29">
        <v>24</v>
      </c>
    </row>
    <row r="50" spans="1:4" ht="18" customHeight="1" x14ac:dyDescent="0.2">
      <c r="A50" s="14">
        <v>37</v>
      </c>
      <c r="B50" s="41">
        <v>9</v>
      </c>
      <c r="C50" s="28">
        <v>14</v>
      </c>
      <c r="D50" s="29">
        <v>23</v>
      </c>
    </row>
    <row r="51" spans="1:4" ht="18" customHeight="1" x14ac:dyDescent="0.2">
      <c r="A51" s="14">
        <v>38</v>
      </c>
      <c r="B51" s="41">
        <v>7</v>
      </c>
      <c r="C51" s="28">
        <v>13</v>
      </c>
      <c r="D51" s="29">
        <v>20</v>
      </c>
    </row>
    <row r="52" spans="1:4" ht="18" customHeight="1" x14ac:dyDescent="0.2">
      <c r="A52" s="14">
        <v>39</v>
      </c>
      <c r="B52" s="41">
        <v>15</v>
      </c>
      <c r="C52" s="28">
        <v>14</v>
      </c>
      <c r="D52" s="29">
        <v>29</v>
      </c>
    </row>
    <row r="53" spans="1:4" ht="18" customHeight="1" x14ac:dyDescent="0.2">
      <c r="A53" s="18" t="s">
        <v>56</v>
      </c>
      <c r="B53" s="42">
        <v>54</v>
      </c>
      <c r="C53" s="16">
        <v>62</v>
      </c>
      <c r="D53" s="17">
        <v>116</v>
      </c>
    </row>
    <row r="54" spans="1:4" ht="18" customHeight="1" x14ac:dyDescent="0.2">
      <c r="A54" s="14">
        <v>40</v>
      </c>
      <c r="B54" s="41">
        <v>7</v>
      </c>
      <c r="C54" s="28">
        <v>8</v>
      </c>
      <c r="D54" s="29">
        <v>15</v>
      </c>
    </row>
    <row r="55" spans="1:4" ht="18" customHeight="1" x14ac:dyDescent="0.2">
      <c r="A55" s="14">
        <v>41</v>
      </c>
      <c r="B55" s="41">
        <v>19</v>
      </c>
      <c r="C55" s="28">
        <v>13</v>
      </c>
      <c r="D55" s="29">
        <v>32</v>
      </c>
    </row>
    <row r="56" spans="1:4" ht="18" customHeight="1" x14ac:dyDescent="0.2">
      <c r="A56" s="14">
        <v>42</v>
      </c>
      <c r="B56" s="41">
        <v>16</v>
      </c>
      <c r="C56" s="28">
        <v>11</v>
      </c>
      <c r="D56" s="29">
        <v>27</v>
      </c>
    </row>
    <row r="57" spans="1:4" ht="18" customHeight="1" x14ac:dyDescent="0.2">
      <c r="A57" s="14">
        <v>43</v>
      </c>
      <c r="B57" s="41">
        <v>20</v>
      </c>
      <c r="C57" s="28">
        <v>16</v>
      </c>
      <c r="D57" s="29">
        <v>36</v>
      </c>
    </row>
    <row r="58" spans="1:4" ht="18" customHeight="1" x14ac:dyDescent="0.2">
      <c r="A58" s="14">
        <v>44</v>
      </c>
      <c r="B58" s="41">
        <v>16</v>
      </c>
      <c r="C58" s="28">
        <v>20</v>
      </c>
      <c r="D58" s="29">
        <v>36</v>
      </c>
    </row>
    <row r="59" spans="1:4" ht="18" customHeight="1" x14ac:dyDescent="0.2">
      <c r="A59" s="18" t="s">
        <v>57</v>
      </c>
      <c r="B59" s="42">
        <v>78</v>
      </c>
      <c r="C59" s="16">
        <v>68</v>
      </c>
      <c r="D59" s="17">
        <v>146</v>
      </c>
    </row>
    <row r="60" spans="1:4" ht="18" customHeight="1" x14ac:dyDescent="0.2">
      <c r="A60" s="14">
        <v>45</v>
      </c>
      <c r="B60" s="41">
        <v>19</v>
      </c>
      <c r="C60" s="28">
        <v>20</v>
      </c>
      <c r="D60" s="29">
        <v>39</v>
      </c>
    </row>
    <row r="61" spans="1:4" ht="18" customHeight="1" x14ac:dyDescent="0.2">
      <c r="A61" s="14">
        <v>46</v>
      </c>
      <c r="B61" s="41">
        <v>17</v>
      </c>
      <c r="C61" s="28">
        <v>19</v>
      </c>
      <c r="D61" s="29">
        <v>36</v>
      </c>
    </row>
    <row r="62" spans="1:4" ht="18" customHeight="1" x14ac:dyDescent="0.2">
      <c r="A62" s="14">
        <v>47</v>
      </c>
      <c r="B62" s="41">
        <v>15</v>
      </c>
      <c r="C62" s="28">
        <v>17</v>
      </c>
      <c r="D62" s="29">
        <v>32</v>
      </c>
    </row>
    <row r="63" spans="1:4" ht="18" customHeight="1" x14ac:dyDescent="0.2">
      <c r="A63" s="14">
        <v>48</v>
      </c>
      <c r="B63" s="41">
        <v>17</v>
      </c>
      <c r="C63" s="28">
        <v>21</v>
      </c>
      <c r="D63" s="29">
        <v>38</v>
      </c>
    </row>
    <row r="64" spans="1:4" ht="18" customHeight="1" x14ac:dyDescent="0.2">
      <c r="A64" s="14">
        <v>49</v>
      </c>
      <c r="B64" s="41">
        <v>20</v>
      </c>
      <c r="C64" s="28">
        <v>16</v>
      </c>
      <c r="D64" s="29">
        <v>36</v>
      </c>
    </row>
    <row r="65" spans="1:4" ht="18" customHeight="1" x14ac:dyDescent="0.2">
      <c r="A65" s="18" t="s">
        <v>58</v>
      </c>
      <c r="B65" s="42">
        <v>88</v>
      </c>
      <c r="C65" s="16">
        <v>93</v>
      </c>
      <c r="D65" s="17">
        <v>181</v>
      </c>
    </row>
    <row r="66" spans="1:4" ht="18" customHeight="1" x14ac:dyDescent="0.2">
      <c r="A66" s="14">
        <v>50</v>
      </c>
      <c r="B66" s="41">
        <v>16</v>
      </c>
      <c r="C66" s="28">
        <v>21</v>
      </c>
      <c r="D66" s="29">
        <v>37</v>
      </c>
    </row>
    <row r="67" spans="1:4" ht="18" customHeight="1" x14ac:dyDescent="0.2">
      <c r="A67" s="14">
        <v>51</v>
      </c>
      <c r="B67" s="41">
        <v>14</v>
      </c>
      <c r="C67" s="28">
        <v>10</v>
      </c>
      <c r="D67" s="29">
        <v>24</v>
      </c>
    </row>
    <row r="68" spans="1:4" ht="18" customHeight="1" x14ac:dyDescent="0.2">
      <c r="A68" s="14">
        <v>52</v>
      </c>
      <c r="B68" s="41">
        <v>16</v>
      </c>
      <c r="C68" s="28">
        <v>8</v>
      </c>
      <c r="D68" s="29">
        <v>24</v>
      </c>
    </row>
    <row r="69" spans="1:4" ht="18" customHeight="1" x14ac:dyDescent="0.2">
      <c r="A69" s="14">
        <v>53</v>
      </c>
      <c r="B69" s="41">
        <v>10</v>
      </c>
      <c r="C69" s="28">
        <v>14</v>
      </c>
      <c r="D69" s="29">
        <v>24</v>
      </c>
    </row>
    <row r="70" spans="1:4" ht="18" customHeight="1" x14ac:dyDescent="0.2">
      <c r="A70" s="14">
        <v>54</v>
      </c>
      <c r="B70" s="41">
        <v>15</v>
      </c>
      <c r="C70" s="28">
        <v>12</v>
      </c>
      <c r="D70" s="29">
        <v>27</v>
      </c>
    </row>
    <row r="71" spans="1:4" ht="18" customHeight="1" x14ac:dyDescent="0.2">
      <c r="A71" s="18" t="s">
        <v>59</v>
      </c>
      <c r="B71" s="42">
        <v>71</v>
      </c>
      <c r="C71" s="16">
        <v>65</v>
      </c>
      <c r="D71" s="17">
        <v>136</v>
      </c>
    </row>
    <row r="72" spans="1:4" ht="18" customHeight="1" x14ac:dyDescent="0.2">
      <c r="A72" s="14">
        <v>55</v>
      </c>
      <c r="B72" s="41">
        <v>10</v>
      </c>
      <c r="C72" s="28">
        <v>14</v>
      </c>
      <c r="D72" s="29">
        <v>24</v>
      </c>
    </row>
    <row r="73" spans="1:4" ht="18" customHeight="1" x14ac:dyDescent="0.2">
      <c r="A73" s="14">
        <v>56</v>
      </c>
      <c r="B73" s="41">
        <v>20</v>
      </c>
      <c r="C73" s="28">
        <v>10</v>
      </c>
      <c r="D73" s="29">
        <v>30</v>
      </c>
    </row>
    <row r="74" spans="1:4" ht="18" customHeight="1" x14ac:dyDescent="0.2">
      <c r="A74" s="14">
        <v>57</v>
      </c>
      <c r="B74" s="41">
        <v>15</v>
      </c>
      <c r="C74" s="28">
        <v>18</v>
      </c>
      <c r="D74" s="29">
        <v>33</v>
      </c>
    </row>
    <row r="75" spans="1:4" ht="18" customHeight="1" x14ac:dyDescent="0.2">
      <c r="A75" s="14">
        <v>58</v>
      </c>
      <c r="B75" s="41">
        <v>11</v>
      </c>
      <c r="C75" s="28">
        <v>21</v>
      </c>
      <c r="D75" s="29">
        <v>32</v>
      </c>
    </row>
    <row r="76" spans="1:4" ht="18" customHeight="1" x14ac:dyDescent="0.2">
      <c r="A76" s="14">
        <v>59</v>
      </c>
      <c r="B76" s="41">
        <v>16</v>
      </c>
      <c r="C76" s="28">
        <v>13</v>
      </c>
      <c r="D76" s="29">
        <v>29</v>
      </c>
    </row>
    <row r="77" spans="1:4" ht="18" customHeight="1" x14ac:dyDescent="0.2">
      <c r="A77" s="18" t="s">
        <v>60</v>
      </c>
      <c r="B77" s="42">
        <v>72</v>
      </c>
      <c r="C77" s="16">
        <v>76</v>
      </c>
      <c r="D77" s="17">
        <v>148</v>
      </c>
    </row>
    <row r="78" spans="1:4" ht="18" customHeight="1" x14ac:dyDescent="0.2">
      <c r="A78" s="14">
        <v>60</v>
      </c>
      <c r="B78" s="41">
        <v>16</v>
      </c>
      <c r="C78" s="28">
        <v>18</v>
      </c>
      <c r="D78" s="29">
        <v>34</v>
      </c>
    </row>
    <row r="79" spans="1:4" ht="18" customHeight="1" x14ac:dyDescent="0.2">
      <c r="A79" s="14">
        <v>61</v>
      </c>
      <c r="B79" s="41">
        <v>12</v>
      </c>
      <c r="C79" s="28">
        <v>25</v>
      </c>
      <c r="D79" s="29">
        <v>37</v>
      </c>
    </row>
    <row r="80" spans="1:4" ht="18" customHeight="1" x14ac:dyDescent="0.2">
      <c r="A80" s="14">
        <v>62</v>
      </c>
      <c r="B80" s="41">
        <v>14</v>
      </c>
      <c r="C80" s="28">
        <v>7</v>
      </c>
      <c r="D80" s="29">
        <v>21</v>
      </c>
    </row>
    <row r="81" spans="1:4" ht="18" customHeight="1" x14ac:dyDescent="0.2">
      <c r="A81" s="14">
        <v>63</v>
      </c>
      <c r="B81" s="41">
        <v>18</v>
      </c>
      <c r="C81" s="28">
        <v>17</v>
      </c>
      <c r="D81" s="29">
        <v>35</v>
      </c>
    </row>
    <row r="82" spans="1:4" ht="18" customHeight="1" x14ac:dyDescent="0.2">
      <c r="A82" s="14">
        <v>64</v>
      </c>
      <c r="B82" s="41">
        <v>11</v>
      </c>
      <c r="C82" s="28">
        <v>16</v>
      </c>
      <c r="D82" s="29">
        <v>27</v>
      </c>
    </row>
    <row r="83" spans="1:4" ht="18" customHeight="1" x14ac:dyDescent="0.2">
      <c r="A83" s="18" t="s">
        <v>61</v>
      </c>
      <c r="B83" s="42">
        <v>71</v>
      </c>
      <c r="C83" s="16">
        <v>83</v>
      </c>
      <c r="D83" s="17">
        <v>154</v>
      </c>
    </row>
    <row r="84" spans="1:4" ht="18" customHeight="1" x14ac:dyDescent="0.2">
      <c r="A84" s="18" t="s">
        <v>62</v>
      </c>
      <c r="B84" s="42">
        <v>585</v>
      </c>
      <c r="C84" s="16">
        <v>590</v>
      </c>
      <c r="D84" s="17">
        <v>1175</v>
      </c>
    </row>
    <row r="85" spans="1:4" ht="18" customHeight="1" x14ac:dyDescent="0.2">
      <c r="A85" s="14">
        <v>65</v>
      </c>
      <c r="B85" s="41">
        <v>14</v>
      </c>
      <c r="C85" s="28">
        <v>15</v>
      </c>
      <c r="D85" s="29">
        <v>29</v>
      </c>
    </row>
    <row r="86" spans="1:4" ht="18" customHeight="1" x14ac:dyDescent="0.2">
      <c r="A86" s="14">
        <v>66</v>
      </c>
      <c r="B86" s="41">
        <v>15</v>
      </c>
      <c r="C86" s="28">
        <v>20</v>
      </c>
      <c r="D86" s="29">
        <v>35</v>
      </c>
    </row>
    <row r="87" spans="1:4" ht="18" customHeight="1" x14ac:dyDescent="0.2">
      <c r="A87" s="14">
        <v>67</v>
      </c>
      <c r="B87" s="41">
        <v>12</v>
      </c>
      <c r="C87" s="28">
        <v>11</v>
      </c>
      <c r="D87" s="29">
        <v>23</v>
      </c>
    </row>
    <row r="88" spans="1:4" ht="18" customHeight="1" x14ac:dyDescent="0.2">
      <c r="A88" s="14">
        <v>68</v>
      </c>
      <c r="B88" s="41">
        <v>20</v>
      </c>
      <c r="C88" s="28">
        <v>20</v>
      </c>
      <c r="D88" s="29">
        <v>40</v>
      </c>
    </row>
    <row r="89" spans="1:4" ht="18" customHeight="1" x14ac:dyDescent="0.2">
      <c r="A89" s="14">
        <v>69</v>
      </c>
      <c r="B89" s="41">
        <v>21</v>
      </c>
      <c r="C89" s="28">
        <v>24</v>
      </c>
      <c r="D89" s="29">
        <v>45</v>
      </c>
    </row>
    <row r="90" spans="1:4" ht="18" customHeight="1" x14ac:dyDescent="0.2">
      <c r="A90" s="18" t="s">
        <v>63</v>
      </c>
      <c r="B90" s="42">
        <v>82</v>
      </c>
      <c r="C90" s="16">
        <v>90</v>
      </c>
      <c r="D90" s="17">
        <v>172</v>
      </c>
    </row>
    <row r="91" spans="1:4" ht="18" customHeight="1" x14ac:dyDescent="0.2">
      <c r="A91" s="14">
        <v>70</v>
      </c>
      <c r="B91" s="41">
        <v>10</v>
      </c>
      <c r="C91" s="28">
        <v>20</v>
      </c>
      <c r="D91" s="29">
        <v>30</v>
      </c>
    </row>
    <row r="92" spans="1:4" ht="18" customHeight="1" x14ac:dyDescent="0.2">
      <c r="A92" s="14">
        <v>71</v>
      </c>
      <c r="B92" s="41">
        <v>15</v>
      </c>
      <c r="C92" s="28">
        <v>26</v>
      </c>
      <c r="D92" s="29">
        <v>41</v>
      </c>
    </row>
    <row r="93" spans="1:4" ht="18" customHeight="1" x14ac:dyDescent="0.2">
      <c r="A93" s="14">
        <v>72</v>
      </c>
      <c r="B93" s="41">
        <v>12</v>
      </c>
      <c r="C93" s="28">
        <v>11</v>
      </c>
      <c r="D93" s="29">
        <v>23</v>
      </c>
    </row>
    <row r="94" spans="1:4" ht="18" customHeight="1" x14ac:dyDescent="0.2">
      <c r="A94" s="14">
        <v>73</v>
      </c>
      <c r="B94" s="41">
        <v>18</v>
      </c>
      <c r="C94" s="28">
        <v>12</v>
      </c>
      <c r="D94" s="29">
        <v>30</v>
      </c>
    </row>
    <row r="95" spans="1:4" ht="18" customHeight="1" x14ac:dyDescent="0.2">
      <c r="A95" s="14">
        <v>74</v>
      </c>
      <c r="B95" s="41">
        <v>10</v>
      </c>
      <c r="C95" s="28">
        <v>13</v>
      </c>
      <c r="D95" s="29">
        <v>23</v>
      </c>
    </row>
    <row r="96" spans="1:4" ht="18" customHeight="1" x14ac:dyDescent="0.2">
      <c r="A96" s="18" t="s">
        <v>64</v>
      </c>
      <c r="B96" s="42">
        <v>65</v>
      </c>
      <c r="C96" s="16">
        <v>82</v>
      </c>
      <c r="D96" s="17">
        <v>147</v>
      </c>
    </row>
    <row r="97" spans="1:4" ht="18" customHeight="1" x14ac:dyDescent="0.2">
      <c r="A97" s="14">
        <v>75</v>
      </c>
      <c r="B97" s="41">
        <v>11</v>
      </c>
      <c r="C97" s="28">
        <v>14</v>
      </c>
      <c r="D97" s="29">
        <v>25</v>
      </c>
    </row>
    <row r="98" spans="1:4" ht="18" customHeight="1" x14ac:dyDescent="0.2">
      <c r="A98" s="14">
        <v>76</v>
      </c>
      <c r="B98" s="41">
        <v>12</v>
      </c>
      <c r="C98" s="28">
        <v>13</v>
      </c>
      <c r="D98" s="29">
        <v>25</v>
      </c>
    </row>
    <row r="99" spans="1:4" ht="18" customHeight="1" x14ac:dyDescent="0.2">
      <c r="A99" s="14">
        <v>77</v>
      </c>
      <c r="B99" s="41">
        <v>14</v>
      </c>
      <c r="C99" s="28">
        <v>15</v>
      </c>
      <c r="D99" s="29">
        <v>29</v>
      </c>
    </row>
    <row r="100" spans="1:4" ht="18" customHeight="1" x14ac:dyDescent="0.2">
      <c r="A100" s="14">
        <v>78</v>
      </c>
      <c r="B100" s="41">
        <v>11</v>
      </c>
      <c r="C100" s="28">
        <v>14</v>
      </c>
      <c r="D100" s="29">
        <v>25</v>
      </c>
    </row>
    <row r="101" spans="1:4" ht="18" customHeight="1" x14ac:dyDescent="0.2">
      <c r="A101" s="14">
        <v>79</v>
      </c>
      <c r="B101" s="41">
        <v>8</v>
      </c>
      <c r="C101" s="28">
        <v>13</v>
      </c>
      <c r="D101" s="29">
        <v>21</v>
      </c>
    </row>
    <row r="102" spans="1:4" ht="18" customHeight="1" x14ac:dyDescent="0.2">
      <c r="A102" s="18" t="s">
        <v>65</v>
      </c>
      <c r="B102" s="42">
        <v>56</v>
      </c>
      <c r="C102" s="16">
        <v>69</v>
      </c>
      <c r="D102" s="17">
        <v>125</v>
      </c>
    </row>
    <row r="103" spans="1:4" ht="18" customHeight="1" x14ac:dyDescent="0.2">
      <c r="A103" s="14">
        <v>80</v>
      </c>
      <c r="B103" s="41">
        <v>5</v>
      </c>
      <c r="C103" s="28">
        <v>8</v>
      </c>
      <c r="D103" s="29">
        <v>13</v>
      </c>
    </row>
    <row r="104" spans="1:4" ht="18" customHeight="1" x14ac:dyDescent="0.2">
      <c r="A104" s="14">
        <v>81</v>
      </c>
      <c r="B104" s="41">
        <v>3</v>
      </c>
      <c r="C104" s="28">
        <v>9</v>
      </c>
      <c r="D104" s="29">
        <v>12</v>
      </c>
    </row>
    <row r="105" spans="1:4" ht="18" customHeight="1" x14ac:dyDescent="0.2">
      <c r="A105" s="14">
        <v>82</v>
      </c>
      <c r="B105" s="41">
        <v>4</v>
      </c>
      <c r="C105" s="28">
        <v>20</v>
      </c>
      <c r="D105" s="29">
        <v>24</v>
      </c>
    </row>
    <row r="106" spans="1:4" ht="18" customHeight="1" x14ac:dyDescent="0.2">
      <c r="A106" s="14">
        <v>83</v>
      </c>
      <c r="B106" s="41">
        <v>5</v>
      </c>
      <c r="C106" s="28">
        <v>10</v>
      </c>
      <c r="D106" s="29">
        <v>15</v>
      </c>
    </row>
    <row r="107" spans="1:4" ht="18" customHeight="1" x14ac:dyDescent="0.2">
      <c r="A107" s="14">
        <v>84</v>
      </c>
      <c r="B107" s="41">
        <v>9</v>
      </c>
      <c r="C107" s="28">
        <v>14</v>
      </c>
      <c r="D107" s="29">
        <v>23</v>
      </c>
    </row>
    <row r="108" spans="1:4" ht="18" customHeight="1" x14ac:dyDescent="0.2">
      <c r="A108" s="18" t="s">
        <v>66</v>
      </c>
      <c r="B108" s="42">
        <v>26</v>
      </c>
      <c r="C108" s="16">
        <v>61</v>
      </c>
      <c r="D108" s="17">
        <v>87</v>
      </c>
    </row>
    <row r="109" spans="1:4" ht="18" customHeight="1" x14ac:dyDescent="0.2">
      <c r="A109" s="14">
        <v>85</v>
      </c>
      <c r="B109" s="41">
        <v>8</v>
      </c>
      <c r="C109" s="28">
        <v>18</v>
      </c>
      <c r="D109" s="29">
        <v>26</v>
      </c>
    </row>
    <row r="110" spans="1:4" ht="18" customHeight="1" x14ac:dyDescent="0.2">
      <c r="A110" s="14">
        <v>86</v>
      </c>
      <c r="B110" s="41">
        <v>2</v>
      </c>
      <c r="C110" s="28">
        <v>12</v>
      </c>
      <c r="D110" s="29">
        <v>14</v>
      </c>
    </row>
    <row r="111" spans="1:4" ht="18" customHeight="1" x14ac:dyDescent="0.2">
      <c r="A111" s="14">
        <v>87</v>
      </c>
      <c r="B111" s="41">
        <v>2</v>
      </c>
      <c r="C111" s="28">
        <v>11</v>
      </c>
      <c r="D111" s="29">
        <v>13</v>
      </c>
    </row>
    <row r="112" spans="1:4" ht="18" customHeight="1" x14ac:dyDescent="0.2">
      <c r="A112" s="14">
        <v>88</v>
      </c>
      <c r="B112" s="41">
        <v>5</v>
      </c>
      <c r="C112" s="28">
        <v>12</v>
      </c>
      <c r="D112" s="29">
        <v>17</v>
      </c>
    </row>
    <row r="113" spans="1:4" ht="18" customHeight="1" x14ac:dyDescent="0.2">
      <c r="A113" s="14">
        <v>89</v>
      </c>
      <c r="B113" s="41">
        <v>1</v>
      </c>
      <c r="C113" s="28">
        <v>9</v>
      </c>
      <c r="D113" s="29">
        <v>10</v>
      </c>
    </row>
    <row r="114" spans="1:4" ht="18" customHeight="1" x14ac:dyDescent="0.2">
      <c r="A114" s="18" t="s">
        <v>67</v>
      </c>
      <c r="B114" s="42">
        <v>18</v>
      </c>
      <c r="C114" s="16">
        <v>62</v>
      </c>
      <c r="D114" s="17">
        <v>80</v>
      </c>
    </row>
    <row r="115" spans="1:4" ht="18" customHeight="1" x14ac:dyDescent="0.2">
      <c r="A115" s="14">
        <v>90</v>
      </c>
      <c r="B115" s="41">
        <v>4</v>
      </c>
      <c r="C115" s="28">
        <v>6</v>
      </c>
      <c r="D115" s="29">
        <v>10</v>
      </c>
    </row>
    <row r="116" spans="1:4" ht="18" customHeight="1" x14ac:dyDescent="0.2">
      <c r="A116" s="14">
        <v>91</v>
      </c>
      <c r="B116" s="41">
        <v>4</v>
      </c>
      <c r="C116" s="28">
        <v>10</v>
      </c>
      <c r="D116" s="29">
        <v>14</v>
      </c>
    </row>
    <row r="117" spans="1:4" ht="18" customHeight="1" x14ac:dyDescent="0.2">
      <c r="A117" s="14">
        <v>92</v>
      </c>
      <c r="B117" s="41">
        <v>1</v>
      </c>
      <c r="C117" s="28">
        <v>5</v>
      </c>
      <c r="D117" s="29">
        <v>6</v>
      </c>
    </row>
    <row r="118" spans="1:4" ht="18" customHeight="1" x14ac:dyDescent="0.2">
      <c r="A118" s="14">
        <v>93</v>
      </c>
      <c r="B118" s="41">
        <v>0</v>
      </c>
      <c r="C118" s="28">
        <v>7</v>
      </c>
      <c r="D118" s="29">
        <v>7</v>
      </c>
    </row>
    <row r="119" spans="1:4" ht="18" customHeight="1" x14ac:dyDescent="0.2">
      <c r="A119" s="14">
        <v>94</v>
      </c>
      <c r="B119" s="41">
        <v>3</v>
      </c>
      <c r="C119" s="28">
        <v>6</v>
      </c>
      <c r="D119" s="29">
        <v>9</v>
      </c>
    </row>
    <row r="120" spans="1:4" ht="18" customHeight="1" x14ac:dyDescent="0.2">
      <c r="A120" s="18" t="s">
        <v>68</v>
      </c>
      <c r="B120" s="42">
        <v>12</v>
      </c>
      <c r="C120" s="16">
        <v>34</v>
      </c>
      <c r="D120" s="17">
        <v>46</v>
      </c>
    </row>
    <row r="121" spans="1:4" ht="18" customHeight="1" x14ac:dyDescent="0.2">
      <c r="A121" s="14">
        <v>95</v>
      </c>
      <c r="B121" s="41">
        <v>1</v>
      </c>
      <c r="C121" s="28">
        <v>4</v>
      </c>
      <c r="D121" s="29">
        <v>5</v>
      </c>
    </row>
    <row r="122" spans="1:4" ht="18" customHeight="1" x14ac:dyDescent="0.2">
      <c r="A122" s="14">
        <v>96</v>
      </c>
      <c r="B122" s="41">
        <v>1</v>
      </c>
      <c r="C122" s="28">
        <v>3</v>
      </c>
      <c r="D122" s="29">
        <v>4</v>
      </c>
    </row>
    <row r="123" spans="1:4" ht="18" customHeight="1" x14ac:dyDescent="0.2">
      <c r="A123" s="14">
        <v>97</v>
      </c>
      <c r="B123" s="41">
        <v>1</v>
      </c>
      <c r="C123" s="28">
        <v>7</v>
      </c>
      <c r="D123" s="29">
        <v>8</v>
      </c>
    </row>
    <row r="124" spans="1:4" ht="18" customHeight="1" x14ac:dyDescent="0.2">
      <c r="A124" s="14">
        <v>98</v>
      </c>
      <c r="B124" s="41">
        <v>0</v>
      </c>
      <c r="C124" s="28">
        <v>1</v>
      </c>
      <c r="D124" s="29">
        <v>1</v>
      </c>
    </row>
    <row r="125" spans="1:4" ht="18" customHeight="1" x14ac:dyDescent="0.2">
      <c r="A125" s="14">
        <v>99</v>
      </c>
      <c r="B125" s="41">
        <v>0</v>
      </c>
      <c r="C125" s="28">
        <v>1</v>
      </c>
      <c r="D125" s="29">
        <v>1</v>
      </c>
    </row>
    <row r="126" spans="1:4" ht="18" customHeight="1" x14ac:dyDescent="0.2">
      <c r="A126" s="18" t="s">
        <v>69</v>
      </c>
      <c r="B126" s="42">
        <v>3</v>
      </c>
      <c r="C126" s="16">
        <v>16</v>
      </c>
      <c r="D126" s="17">
        <v>19</v>
      </c>
    </row>
    <row r="127" spans="1:4" ht="18" customHeight="1" x14ac:dyDescent="0.2">
      <c r="A127" s="14">
        <v>100</v>
      </c>
      <c r="B127" s="41">
        <v>0</v>
      </c>
      <c r="C127" s="28">
        <v>0</v>
      </c>
      <c r="D127" s="29">
        <v>0</v>
      </c>
    </row>
    <row r="128" spans="1:4" ht="18" customHeight="1" x14ac:dyDescent="0.2">
      <c r="A128" s="19" t="s">
        <v>70</v>
      </c>
      <c r="B128" s="41">
        <v>1</v>
      </c>
      <c r="C128" s="28">
        <v>0</v>
      </c>
      <c r="D128" s="29">
        <v>1</v>
      </c>
    </row>
    <row r="129" spans="1:4" ht="18" customHeight="1" x14ac:dyDescent="0.2">
      <c r="A129" s="18" t="s">
        <v>71</v>
      </c>
      <c r="B129" s="42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3">
        <v>263</v>
      </c>
      <c r="C130" s="5">
        <v>414</v>
      </c>
      <c r="D130" s="6">
        <v>677</v>
      </c>
    </row>
    <row r="131" spans="1:4" ht="18" customHeight="1" x14ac:dyDescent="0.2">
      <c r="A131" s="20" t="s">
        <v>47</v>
      </c>
      <c r="B131" s="44">
        <v>970</v>
      </c>
      <c r="C131" s="8">
        <v>1104</v>
      </c>
      <c r="D131" s="9">
        <v>20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1</v>
      </c>
      <c r="C5" s="12">
        <v>15</v>
      </c>
      <c r="D5" s="13">
        <v>36</v>
      </c>
    </row>
    <row r="6" spans="1:10" ht="18" customHeight="1" x14ac:dyDescent="0.2">
      <c r="A6" s="14">
        <v>1</v>
      </c>
      <c r="B6" s="15">
        <v>18</v>
      </c>
      <c r="C6" s="16">
        <v>21</v>
      </c>
      <c r="D6" s="17">
        <v>39</v>
      </c>
    </row>
    <row r="7" spans="1:10" ht="18" customHeight="1" x14ac:dyDescent="0.2">
      <c r="A7" s="14">
        <v>2</v>
      </c>
      <c r="B7" s="15">
        <v>26</v>
      </c>
      <c r="C7" s="16">
        <v>23</v>
      </c>
      <c r="D7" s="17">
        <v>49</v>
      </c>
    </row>
    <row r="8" spans="1:10" ht="18" customHeight="1" x14ac:dyDescent="0.2">
      <c r="A8" s="14">
        <v>3</v>
      </c>
      <c r="B8" s="15">
        <v>27</v>
      </c>
      <c r="C8" s="16">
        <v>18</v>
      </c>
      <c r="D8" s="17">
        <v>45</v>
      </c>
    </row>
    <row r="9" spans="1:10" ht="18" customHeight="1" x14ac:dyDescent="0.2">
      <c r="A9" s="14">
        <v>4</v>
      </c>
      <c r="B9" s="15">
        <v>23</v>
      </c>
      <c r="C9" s="16">
        <v>29</v>
      </c>
      <c r="D9" s="17">
        <v>52</v>
      </c>
    </row>
    <row r="10" spans="1:10" ht="18" customHeight="1" x14ac:dyDescent="0.2">
      <c r="A10" s="18" t="s">
        <v>48</v>
      </c>
      <c r="B10" s="15">
        <v>115</v>
      </c>
      <c r="C10" s="16">
        <v>106</v>
      </c>
      <c r="D10" s="17">
        <v>221</v>
      </c>
    </row>
    <row r="11" spans="1:10" ht="18" customHeight="1" x14ac:dyDescent="0.2">
      <c r="A11" s="14">
        <v>5</v>
      </c>
      <c r="B11" s="15">
        <v>17</v>
      </c>
      <c r="C11" s="16">
        <v>18</v>
      </c>
      <c r="D11" s="17">
        <v>35</v>
      </c>
    </row>
    <row r="12" spans="1:10" ht="18" customHeight="1" x14ac:dyDescent="0.2">
      <c r="A12" s="14">
        <v>6</v>
      </c>
      <c r="B12" s="15">
        <v>24</v>
      </c>
      <c r="C12" s="16">
        <v>31</v>
      </c>
      <c r="D12" s="17">
        <v>55</v>
      </c>
    </row>
    <row r="13" spans="1:10" ht="18" customHeight="1" x14ac:dyDescent="0.2">
      <c r="A13" s="14">
        <v>7</v>
      </c>
      <c r="B13" s="15">
        <v>18</v>
      </c>
      <c r="C13" s="16">
        <v>20</v>
      </c>
      <c r="D13" s="17">
        <v>38</v>
      </c>
    </row>
    <row r="14" spans="1:10" ht="18" customHeight="1" x14ac:dyDescent="0.2">
      <c r="A14" s="14">
        <v>8</v>
      </c>
      <c r="B14" s="15">
        <v>19</v>
      </c>
      <c r="C14" s="16">
        <v>27</v>
      </c>
      <c r="D14" s="17">
        <v>46</v>
      </c>
    </row>
    <row r="15" spans="1:10" ht="18" customHeight="1" x14ac:dyDescent="0.2">
      <c r="A15" s="14">
        <v>9</v>
      </c>
      <c r="B15" s="15">
        <v>22</v>
      </c>
      <c r="C15" s="16">
        <v>26</v>
      </c>
      <c r="D15" s="17">
        <v>48</v>
      </c>
    </row>
    <row r="16" spans="1:10" ht="18" customHeight="1" x14ac:dyDescent="0.2">
      <c r="A16" s="18" t="s">
        <v>49</v>
      </c>
      <c r="B16" s="15">
        <v>100</v>
      </c>
      <c r="C16" s="16">
        <v>122</v>
      </c>
      <c r="D16" s="17">
        <v>222</v>
      </c>
    </row>
    <row r="17" spans="1:4" ht="18" customHeight="1" x14ac:dyDescent="0.2">
      <c r="A17" s="14">
        <v>10</v>
      </c>
      <c r="B17" s="15">
        <v>30</v>
      </c>
      <c r="C17" s="16">
        <v>25</v>
      </c>
      <c r="D17" s="17">
        <v>55</v>
      </c>
    </row>
    <row r="18" spans="1:4" ht="18" customHeight="1" x14ac:dyDescent="0.2">
      <c r="A18" s="14">
        <v>11</v>
      </c>
      <c r="B18" s="15">
        <v>15</v>
      </c>
      <c r="C18" s="16">
        <v>26</v>
      </c>
      <c r="D18" s="17">
        <v>41</v>
      </c>
    </row>
    <row r="19" spans="1:4" ht="18" customHeight="1" x14ac:dyDescent="0.2">
      <c r="A19" s="14">
        <v>12</v>
      </c>
      <c r="B19" s="15">
        <v>30</v>
      </c>
      <c r="C19" s="16">
        <v>23</v>
      </c>
      <c r="D19" s="17">
        <v>53</v>
      </c>
    </row>
    <row r="20" spans="1:4" ht="18" customHeight="1" x14ac:dyDescent="0.2">
      <c r="A20" s="14">
        <v>13</v>
      </c>
      <c r="B20" s="15">
        <v>28</v>
      </c>
      <c r="C20" s="16">
        <v>15</v>
      </c>
      <c r="D20" s="17">
        <v>43</v>
      </c>
    </row>
    <row r="21" spans="1:4" ht="18" customHeight="1" x14ac:dyDescent="0.2">
      <c r="A21" s="14">
        <v>14</v>
      </c>
      <c r="B21" s="15">
        <v>31</v>
      </c>
      <c r="C21" s="16">
        <v>36</v>
      </c>
      <c r="D21" s="17">
        <v>67</v>
      </c>
    </row>
    <row r="22" spans="1:4" ht="18" customHeight="1" x14ac:dyDescent="0.2">
      <c r="A22" s="18" t="s">
        <v>50</v>
      </c>
      <c r="B22" s="15">
        <v>134</v>
      </c>
      <c r="C22" s="16">
        <v>125</v>
      </c>
      <c r="D22" s="17">
        <v>259</v>
      </c>
    </row>
    <row r="23" spans="1:4" ht="18" customHeight="1" x14ac:dyDescent="0.2">
      <c r="A23" s="18" t="s">
        <v>51</v>
      </c>
      <c r="B23" s="15">
        <v>349</v>
      </c>
      <c r="C23" s="16">
        <v>353</v>
      </c>
      <c r="D23" s="17">
        <v>702</v>
      </c>
    </row>
    <row r="24" spans="1:4" ht="18" customHeight="1" x14ac:dyDescent="0.2">
      <c r="A24" s="14">
        <v>15</v>
      </c>
      <c r="B24" s="15">
        <v>20</v>
      </c>
      <c r="C24" s="16">
        <v>25</v>
      </c>
      <c r="D24" s="17">
        <v>45</v>
      </c>
    </row>
    <row r="25" spans="1:4" ht="18" customHeight="1" x14ac:dyDescent="0.2">
      <c r="A25" s="14">
        <v>16</v>
      </c>
      <c r="B25" s="15">
        <v>36</v>
      </c>
      <c r="C25" s="16">
        <v>20</v>
      </c>
      <c r="D25" s="17">
        <v>56</v>
      </c>
    </row>
    <row r="26" spans="1:4" ht="18" customHeight="1" x14ac:dyDescent="0.2">
      <c r="A26" s="14">
        <v>17</v>
      </c>
      <c r="B26" s="15">
        <v>31</v>
      </c>
      <c r="C26" s="16">
        <v>25</v>
      </c>
      <c r="D26" s="17">
        <v>56</v>
      </c>
    </row>
    <row r="27" spans="1:4" ht="18" customHeight="1" x14ac:dyDescent="0.2">
      <c r="A27" s="14">
        <v>18</v>
      </c>
      <c r="B27" s="15">
        <v>34</v>
      </c>
      <c r="C27" s="16">
        <v>26</v>
      </c>
      <c r="D27" s="17">
        <v>60</v>
      </c>
    </row>
    <row r="28" spans="1:4" ht="18" customHeight="1" x14ac:dyDescent="0.2">
      <c r="A28" s="14">
        <v>19</v>
      </c>
      <c r="B28" s="15">
        <v>25</v>
      </c>
      <c r="C28" s="16">
        <v>21</v>
      </c>
      <c r="D28" s="17">
        <v>46</v>
      </c>
    </row>
    <row r="29" spans="1:4" ht="18" customHeight="1" x14ac:dyDescent="0.2">
      <c r="A29" s="18" t="s">
        <v>52</v>
      </c>
      <c r="B29" s="15">
        <v>146</v>
      </c>
      <c r="C29" s="16">
        <v>117</v>
      </c>
      <c r="D29" s="17">
        <v>263</v>
      </c>
    </row>
    <row r="30" spans="1:4" ht="18" customHeight="1" x14ac:dyDescent="0.2">
      <c r="A30" s="14">
        <v>20</v>
      </c>
      <c r="B30" s="15">
        <v>36</v>
      </c>
      <c r="C30" s="16">
        <v>23</v>
      </c>
      <c r="D30" s="17">
        <v>59</v>
      </c>
    </row>
    <row r="31" spans="1:4" ht="18" customHeight="1" x14ac:dyDescent="0.2">
      <c r="A31" s="14">
        <v>21</v>
      </c>
      <c r="B31" s="15">
        <v>42</v>
      </c>
      <c r="C31" s="16">
        <v>29</v>
      </c>
      <c r="D31" s="17">
        <v>71</v>
      </c>
    </row>
    <row r="32" spans="1:4" ht="18" customHeight="1" x14ac:dyDescent="0.2">
      <c r="A32" s="14">
        <v>22</v>
      </c>
      <c r="B32" s="15">
        <v>18</v>
      </c>
      <c r="C32" s="16">
        <v>24</v>
      </c>
      <c r="D32" s="17">
        <v>42</v>
      </c>
    </row>
    <row r="33" spans="1:4" ht="18" customHeight="1" x14ac:dyDescent="0.2">
      <c r="A33" s="14">
        <v>23</v>
      </c>
      <c r="B33" s="15">
        <v>32</v>
      </c>
      <c r="C33" s="16">
        <v>25</v>
      </c>
      <c r="D33" s="17">
        <v>57</v>
      </c>
    </row>
    <row r="34" spans="1:4" ht="18" customHeight="1" x14ac:dyDescent="0.2">
      <c r="A34" s="14">
        <v>24</v>
      </c>
      <c r="B34" s="15">
        <v>28</v>
      </c>
      <c r="C34" s="16">
        <v>22</v>
      </c>
      <c r="D34" s="17">
        <v>50</v>
      </c>
    </row>
    <row r="35" spans="1:4" ht="18" customHeight="1" x14ac:dyDescent="0.2">
      <c r="A35" s="18" t="s">
        <v>53</v>
      </c>
      <c r="B35" s="15">
        <v>156</v>
      </c>
      <c r="C35" s="16">
        <v>123</v>
      </c>
      <c r="D35" s="17">
        <v>279</v>
      </c>
    </row>
    <row r="36" spans="1:4" ht="18" customHeight="1" x14ac:dyDescent="0.2">
      <c r="A36" s="14">
        <v>25</v>
      </c>
      <c r="B36" s="15">
        <v>29</v>
      </c>
      <c r="C36" s="16">
        <v>29</v>
      </c>
      <c r="D36" s="17">
        <v>58</v>
      </c>
    </row>
    <row r="37" spans="1:4" ht="18" customHeight="1" x14ac:dyDescent="0.2">
      <c r="A37" s="14">
        <v>26</v>
      </c>
      <c r="B37" s="15">
        <v>39</v>
      </c>
      <c r="C37" s="16">
        <v>23</v>
      </c>
      <c r="D37" s="17">
        <v>62</v>
      </c>
    </row>
    <row r="38" spans="1:4" ht="18" customHeight="1" x14ac:dyDescent="0.2">
      <c r="A38" s="14">
        <v>27</v>
      </c>
      <c r="B38" s="15">
        <v>26</v>
      </c>
      <c r="C38" s="16">
        <v>22</v>
      </c>
      <c r="D38" s="17">
        <v>48</v>
      </c>
    </row>
    <row r="39" spans="1:4" ht="18" customHeight="1" x14ac:dyDescent="0.2">
      <c r="A39" s="14">
        <v>28</v>
      </c>
      <c r="B39" s="15">
        <v>36</v>
      </c>
      <c r="C39" s="16">
        <v>25</v>
      </c>
      <c r="D39" s="17">
        <v>61</v>
      </c>
    </row>
    <row r="40" spans="1:4" ht="18" customHeight="1" x14ac:dyDescent="0.2">
      <c r="A40" s="14">
        <v>29</v>
      </c>
      <c r="B40" s="15">
        <v>30</v>
      </c>
      <c r="C40" s="16">
        <v>23</v>
      </c>
      <c r="D40" s="17">
        <v>53</v>
      </c>
    </row>
    <row r="41" spans="1:4" ht="18" customHeight="1" x14ac:dyDescent="0.2">
      <c r="A41" s="18" t="s">
        <v>54</v>
      </c>
      <c r="B41" s="15">
        <v>160</v>
      </c>
      <c r="C41" s="16">
        <v>122</v>
      </c>
      <c r="D41" s="17">
        <v>282</v>
      </c>
    </row>
    <row r="42" spans="1:4" ht="18" customHeight="1" x14ac:dyDescent="0.2">
      <c r="A42" s="14">
        <v>30</v>
      </c>
      <c r="B42" s="15">
        <v>27</v>
      </c>
      <c r="C42" s="16">
        <v>20</v>
      </c>
      <c r="D42" s="17">
        <v>47</v>
      </c>
    </row>
    <row r="43" spans="1:4" ht="18" customHeight="1" x14ac:dyDescent="0.2">
      <c r="A43" s="14">
        <v>31</v>
      </c>
      <c r="B43" s="15">
        <v>29</v>
      </c>
      <c r="C43" s="16">
        <v>27</v>
      </c>
      <c r="D43" s="17">
        <v>56</v>
      </c>
    </row>
    <row r="44" spans="1:4" ht="18" customHeight="1" x14ac:dyDescent="0.2">
      <c r="A44" s="14">
        <v>32</v>
      </c>
      <c r="B44" s="15">
        <v>37</v>
      </c>
      <c r="C44" s="16">
        <v>23</v>
      </c>
      <c r="D44" s="17">
        <v>60</v>
      </c>
    </row>
    <row r="45" spans="1:4" ht="18" customHeight="1" x14ac:dyDescent="0.2">
      <c r="A45" s="14">
        <v>33</v>
      </c>
      <c r="B45" s="15">
        <v>34</v>
      </c>
      <c r="C45" s="16">
        <v>29</v>
      </c>
      <c r="D45" s="17">
        <v>63</v>
      </c>
    </row>
    <row r="46" spans="1:4" ht="18" customHeight="1" x14ac:dyDescent="0.2">
      <c r="A46" s="14">
        <v>34</v>
      </c>
      <c r="B46" s="15">
        <v>23</v>
      </c>
      <c r="C46" s="16">
        <v>31</v>
      </c>
      <c r="D46" s="17">
        <v>54</v>
      </c>
    </row>
    <row r="47" spans="1:4" ht="18" customHeight="1" x14ac:dyDescent="0.2">
      <c r="A47" s="18" t="s">
        <v>55</v>
      </c>
      <c r="B47" s="15">
        <v>150</v>
      </c>
      <c r="C47" s="16">
        <v>130</v>
      </c>
      <c r="D47" s="17">
        <v>280</v>
      </c>
    </row>
    <row r="48" spans="1:4" ht="18" customHeight="1" x14ac:dyDescent="0.2">
      <c r="A48" s="14">
        <v>35</v>
      </c>
      <c r="B48" s="15">
        <v>36</v>
      </c>
      <c r="C48" s="16">
        <v>25</v>
      </c>
      <c r="D48" s="17">
        <v>61</v>
      </c>
    </row>
    <row r="49" spans="1:4" ht="18" customHeight="1" x14ac:dyDescent="0.2">
      <c r="A49" s="14">
        <v>36</v>
      </c>
      <c r="B49" s="15">
        <v>33</v>
      </c>
      <c r="C49" s="16">
        <v>23</v>
      </c>
      <c r="D49" s="17">
        <v>56</v>
      </c>
    </row>
    <row r="50" spans="1:4" ht="18" customHeight="1" x14ac:dyDescent="0.2">
      <c r="A50" s="14">
        <v>37</v>
      </c>
      <c r="B50" s="15">
        <v>34</v>
      </c>
      <c r="C50" s="16">
        <v>28</v>
      </c>
      <c r="D50" s="17">
        <v>62</v>
      </c>
    </row>
    <row r="51" spans="1:4" ht="18" customHeight="1" x14ac:dyDescent="0.2">
      <c r="A51" s="14">
        <v>38</v>
      </c>
      <c r="B51" s="15">
        <v>40</v>
      </c>
      <c r="C51" s="16">
        <v>35</v>
      </c>
      <c r="D51" s="17">
        <v>75</v>
      </c>
    </row>
    <row r="52" spans="1:4" ht="18" customHeight="1" x14ac:dyDescent="0.2">
      <c r="A52" s="14">
        <v>39</v>
      </c>
      <c r="B52" s="15">
        <v>31</v>
      </c>
      <c r="C52" s="16">
        <v>29</v>
      </c>
      <c r="D52" s="17">
        <v>60</v>
      </c>
    </row>
    <row r="53" spans="1:4" ht="18" customHeight="1" x14ac:dyDescent="0.2">
      <c r="A53" s="18" t="s">
        <v>56</v>
      </c>
      <c r="B53" s="15">
        <v>174</v>
      </c>
      <c r="C53" s="16">
        <v>140</v>
      </c>
      <c r="D53" s="17">
        <v>314</v>
      </c>
    </row>
    <row r="54" spans="1:4" ht="18" customHeight="1" x14ac:dyDescent="0.2">
      <c r="A54" s="14">
        <v>40</v>
      </c>
      <c r="B54" s="15">
        <v>33</v>
      </c>
      <c r="C54" s="16">
        <v>34</v>
      </c>
      <c r="D54" s="17">
        <v>67</v>
      </c>
    </row>
    <row r="55" spans="1:4" ht="18" customHeight="1" x14ac:dyDescent="0.2">
      <c r="A55" s="14">
        <v>41</v>
      </c>
      <c r="B55" s="15">
        <v>51</v>
      </c>
      <c r="C55" s="16">
        <v>42</v>
      </c>
      <c r="D55" s="17">
        <v>93</v>
      </c>
    </row>
    <row r="56" spans="1:4" ht="18" customHeight="1" x14ac:dyDescent="0.2">
      <c r="A56" s="14">
        <v>42</v>
      </c>
      <c r="B56" s="15">
        <v>43</v>
      </c>
      <c r="C56" s="16">
        <v>40</v>
      </c>
      <c r="D56" s="17">
        <v>83</v>
      </c>
    </row>
    <row r="57" spans="1:4" ht="18" customHeight="1" x14ac:dyDescent="0.2">
      <c r="A57" s="14">
        <v>43</v>
      </c>
      <c r="B57" s="15">
        <v>52</v>
      </c>
      <c r="C57" s="16">
        <v>44</v>
      </c>
      <c r="D57" s="17">
        <v>96</v>
      </c>
    </row>
    <row r="58" spans="1:4" ht="18" customHeight="1" x14ac:dyDescent="0.2">
      <c r="A58" s="14">
        <v>44</v>
      </c>
      <c r="B58" s="15">
        <v>42</v>
      </c>
      <c r="C58" s="16">
        <v>47</v>
      </c>
      <c r="D58" s="17">
        <v>89</v>
      </c>
    </row>
    <row r="59" spans="1:4" ht="18" customHeight="1" x14ac:dyDescent="0.2">
      <c r="A59" s="18" t="s">
        <v>57</v>
      </c>
      <c r="B59" s="15">
        <v>221</v>
      </c>
      <c r="C59" s="16">
        <v>207</v>
      </c>
      <c r="D59" s="17">
        <v>428</v>
      </c>
    </row>
    <row r="60" spans="1:4" ht="18" customHeight="1" x14ac:dyDescent="0.2">
      <c r="A60" s="14">
        <v>45</v>
      </c>
      <c r="B60" s="15">
        <v>56</v>
      </c>
      <c r="C60" s="16">
        <v>56</v>
      </c>
      <c r="D60" s="17">
        <v>112</v>
      </c>
    </row>
    <row r="61" spans="1:4" ht="18" customHeight="1" x14ac:dyDescent="0.2">
      <c r="A61" s="14">
        <v>46</v>
      </c>
      <c r="B61" s="15">
        <v>49</v>
      </c>
      <c r="C61" s="16">
        <v>39</v>
      </c>
      <c r="D61" s="17">
        <v>88</v>
      </c>
    </row>
    <row r="62" spans="1:4" ht="18" customHeight="1" x14ac:dyDescent="0.2">
      <c r="A62" s="14">
        <v>47</v>
      </c>
      <c r="B62" s="15">
        <v>43</v>
      </c>
      <c r="C62" s="16">
        <v>48</v>
      </c>
      <c r="D62" s="17">
        <v>91</v>
      </c>
    </row>
    <row r="63" spans="1:4" ht="18" customHeight="1" x14ac:dyDescent="0.2">
      <c r="A63" s="14">
        <v>48</v>
      </c>
      <c r="B63" s="15">
        <v>49</v>
      </c>
      <c r="C63" s="16">
        <v>37</v>
      </c>
      <c r="D63" s="17">
        <v>86</v>
      </c>
    </row>
    <row r="64" spans="1:4" ht="18" customHeight="1" x14ac:dyDescent="0.2">
      <c r="A64" s="14">
        <v>49</v>
      </c>
      <c r="B64" s="15">
        <v>53</v>
      </c>
      <c r="C64" s="16">
        <v>36</v>
      </c>
      <c r="D64" s="17">
        <v>89</v>
      </c>
    </row>
    <row r="65" spans="1:4" ht="18" customHeight="1" x14ac:dyDescent="0.2">
      <c r="A65" s="18" t="s">
        <v>58</v>
      </c>
      <c r="B65" s="15">
        <v>250</v>
      </c>
      <c r="C65" s="16">
        <v>216</v>
      </c>
      <c r="D65" s="17">
        <v>466</v>
      </c>
    </row>
    <row r="66" spans="1:4" ht="18" customHeight="1" x14ac:dyDescent="0.2">
      <c r="A66" s="14">
        <v>50</v>
      </c>
      <c r="B66" s="15">
        <v>47</v>
      </c>
      <c r="C66" s="16">
        <v>48</v>
      </c>
      <c r="D66" s="17">
        <v>95</v>
      </c>
    </row>
    <row r="67" spans="1:4" ht="18" customHeight="1" x14ac:dyDescent="0.2">
      <c r="A67" s="14">
        <v>51</v>
      </c>
      <c r="B67" s="15">
        <v>33</v>
      </c>
      <c r="C67" s="16">
        <v>37</v>
      </c>
      <c r="D67" s="17">
        <v>70</v>
      </c>
    </row>
    <row r="68" spans="1:4" ht="18" customHeight="1" x14ac:dyDescent="0.2">
      <c r="A68" s="14">
        <v>52</v>
      </c>
      <c r="B68" s="15">
        <v>31</v>
      </c>
      <c r="C68" s="16">
        <v>33</v>
      </c>
      <c r="D68" s="17">
        <v>64</v>
      </c>
    </row>
    <row r="69" spans="1:4" ht="18" customHeight="1" x14ac:dyDescent="0.2">
      <c r="A69" s="14">
        <v>53</v>
      </c>
      <c r="B69" s="15">
        <v>39</v>
      </c>
      <c r="C69" s="16">
        <v>37</v>
      </c>
      <c r="D69" s="17">
        <v>76</v>
      </c>
    </row>
    <row r="70" spans="1:4" ht="18" customHeight="1" x14ac:dyDescent="0.2">
      <c r="A70" s="14">
        <v>54</v>
      </c>
      <c r="B70" s="15">
        <v>42</v>
      </c>
      <c r="C70" s="16">
        <v>39</v>
      </c>
      <c r="D70" s="17">
        <v>81</v>
      </c>
    </row>
    <row r="71" spans="1:4" ht="18" customHeight="1" x14ac:dyDescent="0.2">
      <c r="A71" s="18" t="s">
        <v>59</v>
      </c>
      <c r="B71" s="15">
        <v>192</v>
      </c>
      <c r="C71" s="16">
        <v>194</v>
      </c>
      <c r="D71" s="17">
        <v>386</v>
      </c>
    </row>
    <row r="72" spans="1:4" ht="18" customHeight="1" x14ac:dyDescent="0.2">
      <c r="A72" s="14">
        <v>55</v>
      </c>
      <c r="B72" s="15">
        <v>46</v>
      </c>
      <c r="C72" s="16">
        <v>39</v>
      </c>
      <c r="D72" s="17">
        <v>85</v>
      </c>
    </row>
    <row r="73" spans="1:4" ht="18" customHeight="1" x14ac:dyDescent="0.2">
      <c r="A73" s="14">
        <v>56</v>
      </c>
      <c r="B73" s="15">
        <v>28</v>
      </c>
      <c r="C73" s="16">
        <v>29</v>
      </c>
      <c r="D73" s="17">
        <v>57</v>
      </c>
    </row>
    <row r="74" spans="1:4" ht="18" customHeight="1" x14ac:dyDescent="0.2">
      <c r="A74" s="14">
        <v>57</v>
      </c>
      <c r="B74" s="15">
        <v>34</v>
      </c>
      <c r="C74" s="16">
        <v>33</v>
      </c>
      <c r="D74" s="17">
        <v>67</v>
      </c>
    </row>
    <row r="75" spans="1:4" ht="18" customHeight="1" x14ac:dyDescent="0.2">
      <c r="A75" s="14">
        <v>58</v>
      </c>
      <c r="B75" s="15">
        <v>26</v>
      </c>
      <c r="C75" s="16">
        <v>42</v>
      </c>
      <c r="D75" s="17">
        <v>68</v>
      </c>
    </row>
    <row r="76" spans="1:4" ht="18" customHeight="1" x14ac:dyDescent="0.2">
      <c r="A76" s="14">
        <v>59</v>
      </c>
      <c r="B76" s="15">
        <v>38</v>
      </c>
      <c r="C76" s="16">
        <v>45</v>
      </c>
      <c r="D76" s="17">
        <v>83</v>
      </c>
    </row>
    <row r="77" spans="1:4" ht="18" customHeight="1" x14ac:dyDescent="0.2">
      <c r="A77" s="18" t="s">
        <v>60</v>
      </c>
      <c r="B77" s="15">
        <v>172</v>
      </c>
      <c r="C77" s="16">
        <v>188</v>
      </c>
      <c r="D77" s="17">
        <v>360</v>
      </c>
    </row>
    <row r="78" spans="1:4" ht="18" customHeight="1" x14ac:dyDescent="0.2">
      <c r="A78" s="14">
        <v>60</v>
      </c>
      <c r="B78" s="15">
        <v>30</v>
      </c>
      <c r="C78" s="16">
        <v>31</v>
      </c>
      <c r="D78" s="17">
        <v>61</v>
      </c>
    </row>
    <row r="79" spans="1:4" ht="18" customHeight="1" x14ac:dyDescent="0.2">
      <c r="A79" s="14">
        <v>61</v>
      </c>
      <c r="B79" s="15">
        <v>35</v>
      </c>
      <c r="C79" s="16">
        <v>30</v>
      </c>
      <c r="D79" s="17">
        <v>65</v>
      </c>
    </row>
    <row r="80" spans="1:4" ht="18" customHeight="1" x14ac:dyDescent="0.2">
      <c r="A80" s="14">
        <v>62</v>
      </c>
      <c r="B80" s="15">
        <v>31</v>
      </c>
      <c r="C80" s="16">
        <v>44</v>
      </c>
      <c r="D80" s="17">
        <v>75</v>
      </c>
    </row>
    <row r="81" spans="1:4" ht="18" customHeight="1" x14ac:dyDescent="0.2">
      <c r="A81" s="14">
        <v>63</v>
      </c>
      <c r="B81" s="15">
        <v>46</v>
      </c>
      <c r="C81" s="16">
        <v>38</v>
      </c>
      <c r="D81" s="17">
        <v>84</v>
      </c>
    </row>
    <row r="82" spans="1:4" ht="18" customHeight="1" x14ac:dyDescent="0.2">
      <c r="A82" s="14">
        <v>64</v>
      </c>
      <c r="B82" s="15">
        <v>44</v>
      </c>
      <c r="C82" s="16">
        <v>27</v>
      </c>
      <c r="D82" s="17">
        <v>71</v>
      </c>
    </row>
    <row r="83" spans="1:4" ht="18" customHeight="1" x14ac:dyDescent="0.2">
      <c r="A83" s="18" t="s">
        <v>61</v>
      </c>
      <c r="B83" s="15">
        <v>186</v>
      </c>
      <c r="C83" s="16">
        <v>170</v>
      </c>
      <c r="D83" s="17">
        <v>356</v>
      </c>
    </row>
    <row r="84" spans="1:4" ht="18" customHeight="1" x14ac:dyDescent="0.2">
      <c r="A84" s="18" t="s">
        <v>62</v>
      </c>
      <c r="B84" s="15">
        <v>1807</v>
      </c>
      <c r="C84" s="16">
        <v>1607</v>
      </c>
      <c r="D84" s="17">
        <v>3414</v>
      </c>
    </row>
    <row r="85" spans="1:4" ht="18" customHeight="1" x14ac:dyDescent="0.2">
      <c r="A85" s="14">
        <v>65</v>
      </c>
      <c r="B85" s="15">
        <v>42</v>
      </c>
      <c r="C85" s="16">
        <v>43</v>
      </c>
      <c r="D85" s="17">
        <v>85</v>
      </c>
    </row>
    <row r="86" spans="1:4" ht="18" customHeight="1" x14ac:dyDescent="0.2">
      <c r="A86" s="14">
        <v>66</v>
      </c>
      <c r="B86" s="15">
        <v>40</v>
      </c>
      <c r="C86" s="16">
        <v>36</v>
      </c>
      <c r="D86" s="17">
        <v>76</v>
      </c>
    </row>
    <row r="87" spans="1:4" ht="18" customHeight="1" x14ac:dyDescent="0.2">
      <c r="A87" s="14">
        <v>67</v>
      </c>
      <c r="B87" s="15">
        <v>49</v>
      </c>
      <c r="C87" s="16">
        <v>60</v>
      </c>
      <c r="D87" s="17">
        <v>109</v>
      </c>
    </row>
    <row r="88" spans="1:4" ht="18" customHeight="1" x14ac:dyDescent="0.2">
      <c r="A88" s="14">
        <v>68</v>
      </c>
      <c r="B88" s="15">
        <v>38</v>
      </c>
      <c r="C88" s="16">
        <v>51</v>
      </c>
      <c r="D88" s="17">
        <v>89</v>
      </c>
    </row>
    <row r="89" spans="1:4" ht="18" customHeight="1" x14ac:dyDescent="0.2">
      <c r="A89" s="14">
        <v>69</v>
      </c>
      <c r="B89" s="15">
        <v>55</v>
      </c>
      <c r="C89" s="16">
        <v>52</v>
      </c>
      <c r="D89" s="17">
        <v>107</v>
      </c>
    </row>
    <row r="90" spans="1:4" ht="18" customHeight="1" x14ac:dyDescent="0.2">
      <c r="A90" s="18" t="s">
        <v>63</v>
      </c>
      <c r="B90" s="15">
        <v>224</v>
      </c>
      <c r="C90" s="16">
        <v>242</v>
      </c>
      <c r="D90" s="17">
        <v>466</v>
      </c>
    </row>
    <row r="91" spans="1:4" ht="18" customHeight="1" x14ac:dyDescent="0.2">
      <c r="A91" s="14">
        <v>70</v>
      </c>
      <c r="B91" s="15">
        <v>57</v>
      </c>
      <c r="C91" s="16">
        <v>69</v>
      </c>
      <c r="D91" s="17">
        <v>126</v>
      </c>
    </row>
    <row r="92" spans="1:4" ht="18" customHeight="1" x14ac:dyDescent="0.2">
      <c r="A92" s="14">
        <v>71</v>
      </c>
      <c r="B92" s="15">
        <v>54</v>
      </c>
      <c r="C92" s="16">
        <v>67</v>
      </c>
      <c r="D92" s="17">
        <v>121</v>
      </c>
    </row>
    <row r="93" spans="1:4" ht="18" customHeight="1" x14ac:dyDescent="0.2">
      <c r="A93" s="14">
        <v>72</v>
      </c>
      <c r="B93" s="15">
        <v>24</v>
      </c>
      <c r="C93" s="16">
        <v>44</v>
      </c>
      <c r="D93" s="17">
        <v>68</v>
      </c>
    </row>
    <row r="94" spans="1:4" ht="18" customHeight="1" x14ac:dyDescent="0.2">
      <c r="A94" s="14">
        <v>73</v>
      </c>
      <c r="B94" s="15">
        <v>29</v>
      </c>
      <c r="C94" s="16">
        <v>31</v>
      </c>
      <c r="D94" s="17">
        <v>60</v>
      </c>
    </row>
    <row r="95" spans="1:4" ht="18" customHeight="1" x14ac:dyDescent="0.2">
      <c r="A95" s="14">
        <v>74</v>
      </c>
      <c r="B95" s="15">
        <v>45</v>
      </c>
      <c r="C95" s="16">
        <v>46</v>
      </c>
      <c r="D95" s="17">
        <v>91</v>
      </c>
    </row>
    <row r="96" spans="1:4" ht="18" customHeight="1" x14ac:dyDescent="0.2">
      <c r="A96" s="18" t="s">
        <v>64</v>
      </c>
      <c r="B96" s="15">
        <v>209</v>
      </c>
      <c r="C96" s="16">
        <v>257</v>
      </c>
      <c r="D96" s="17">
        <v>466</v>
      </c>
    </row>
    <row r="97" spans="1:4" ht="18" customHeight="1" x14ac:dyDescent="0.2">
      <c r="A97" s="14">
        <v>75</v>
      </c>
      <c r="B97" s="15">
        <v>41</v>
      </c>
      <c r="C97" s="16">
        <v>42</v>
      </c>
      <c r="D97" s="17">
        <v>83</v>
      </c>
    </row>
    <row r="98" spans="1:4" ht="18" customHeight="1" x14ac:dyDescent="0.2">
      <c r="A98" s="14">
        <v>76</v>
      </c>
      <c r="B98" s="15">
        <v>36</v>
      </c>
      <c r="C98" s="16">
        <v>46</v>
      </c>
      <c r="D98" s="17">
        <v>82</v>
      </c>
    </row>
    <row r="99" spans="1:4" ht="18" customHeight="1" x14ac:dyDescent="0.2">
      <c r="A99" s="14">
        <v>77</v>
      </c>
      <c r="B99" s="15">
        <v>31</v>
      </c>
      <c r="C99" s="16">
        <v>50</v>
      </c>
      <c r="D99" s="17">
        <v>81</v>
      </c>
    </row>
    <row r="100" spans="1:4" ht="18" customHeight="1" x14ac:dyDescent="0.2">
      <c r="A100" s="14">
        <v>78</v>
      </c>
      <c r="B100" s="15">
        <v>27</v>
      </c>
      <c r="C100" s="16">
        <v>40</v>
      </c>
      <c r="D100" s="17">
        <v>67</v>
      </c>
    </row>
    <row r="101" spans="1:4" ht="18" customHeight="1" x14ac:dyDescent="0.2">
      <c r="A101" s="14">
        <v>79</v>
      </c>
      <c r="B101" s="15">
        <v>17</v>
      </c>
      <c r="C101" s="16">
        <v>28</v>
      </c>
      <c r="D101" s="17">
        <v>45</v>
      </c>
    </row>
    <row r="102" spans="1:4" ht="18" customHeight="1" x14ac:dyDescent="0.2">
      <c r="A102" s="18" t="s">
        <v>65</v>
      </c>
      <c r="B102" s="15">
        <v>152</v>
      </c>
      <c r="C102" s="16">
        <v>206</v>
      </c>
      <c r="D102" s="17">
        <v>358</v>
      </c>
    </row>
    <row r="103" spans="1:4" ht="18" customHeight="1" x14ac:dyDescent="0.2">
      <c r="A103" s="14">
        <v>80</v>
      </c>
      <c r="B103" s="15">
        <v>18</v>
      </c>
      <c r="C103" s="16">
        <v>26</v>
      </c>
      <c r="D103" s="17">
        <v>44</v>
      </c>
    </row>
    <row r="104" spans="1:4" ht="18" customHeight="1" x14ac:dyDescent="0.2">
      <c r="A104" s="14">
        <v>81</v>
      </c>
      <c r="B104" s="15">
        <v>20</v>
      </c>
      <c r="C104" s="16">
        <v>23</v>
      </c>
      <c r="D104" s="17">
        <v>43</v>
      </c>
    </row>
    <row r="105" spans="1:4" ht="18" customHeight="1" x14ac:dyDescent="0.2">
      <c r="A105" s="14">
        <v>82</v>
      </c>
      <c r="B105" s="15">
        <v>21</v>
      </c>
      <c r="C105" s="16">
        <v>34</v>
      </c>
      <c r="D105" s="17">
        <v>55</v>
      </c>
    </row>
    <row r="106" spans="1:4" ht="18" customHeight="1" x14ac:dyDescent="0.2">
      <c r="A106" s="14">
        <v>83</v>
      </c>
      <c r="B106" s="15">
        <v>19</v>
      </c>
      <c r="C106" s="16">
        <v>37</v>
      </c>
      <c r="D106" s="17">
        <v>56</v>
      </c>
    </row>
    <row r="107" spans="1:4" ht="18" customHeight="1" x14ac:dyDescent="0.2">
      <c r="A107" s="14">
        <v>84</v>
      </c>
      <c r="B107" s="15">
        <v>16</v>
      </c>
      <c r="C107" s="16">
        <v>36</v>
      </c>
      <c r="D107" s="17">
        <v>52</v>
      </c>
    </row>
    <row r="108" spans="1:4" ht="18" customHeight="1" x14ac:dyDescent="0.2">
      <c r="A108" s="18" t="s">
        <v>66</v>
      </c>
      <c r="B108" s="15">
        <v>94</v>
      </c>
      <c r="C108" s="16">
        <v>156</v>
      </c>
      <c r="D108" s="17">
        <v>250</v>
      </c>
    </row>
    <row r="109" spans="1:4" ht="18" customHeight="1" x14ac:dyDescent="0.2">
      <c r="A109" s="14">
        <v>85</v>
      </c>
      <c r="B109" s="15">
        <v>12</v>
      </c>
      <c r="C109" s="16">
        <v>34</v>
      </c>
      <c r="D109" s="17">
        <v>46</v>
      </c>
    </row>
    <row r="110" spans="1:4" ht="18" customHeight="1" x14ac:dyDescent="0.2">
      <c r="A110" s="14">
        <v>86</v>
      </c>
      <c r="B110" s="15">
        <v>22</v>
      </c>
      <c r="C110" s="16">
        <v>23</v>
      </c>
      <c r="D110" s="17">
        <v>45</v>
      </c>
    </row>
    <row r="111" spans="1:4" ht="18" customHeight="1" x14ac:dyDescent="0.2">
      <c r="A111" s="14">
        <v>87</v>
      </c>
      <c r="B111" s="15">
        <v>11</v>
      </c>
      <c r="C111" s="16">
        <v>22</v>
      </c>
      <c r="D111" s="17">
        <v>33</v>
      </c>
    </row>
    <row r="112" spans="1:4" ht="18" customHeight="1" x14ac:dyDescent="0.2">
      <c r="A112" s="14">
        <v>88</v>
      </c>
      <c r="B112" s="15">
        <v>12</v>
      </c>
      <c r="C112" s="16">
        <v>20</v>
      </c>
      <c r="D112" s="17">
        <v>32</v>
      </c>
    </row>
    <row r="113" spans="1:4" ht="18" customHeight="1" x14ac:dyDescent="0.2">
      <c r="A113" s="14">
        <v>89</v>
      </c>
      <c r="B113" s="15">
        <v>13</v>
      </c>
      <c r="C113" s="16">
        <v>24</v>
      </c>
      <c r="D113" s="17">
        <v>37</v>
      </c>
    </row>
    <row r="114" spans="1:4" ht="18" customHeight="1" x14ac:dyDescent="0.2">
      <c r="A114" s="18" t="s">
        <v>67</v>
      </c>
      <c r="B114" s="15">
        <v>70</v>
      </c>
      <c r="C114" s="16">
        <v>123</v>
      </c>
      <c r="D114" s="17">
        <v>193</v>
      </c>
    </row>
    <row r="115" spans="1:4" ht="18" customHeight="1" x14ac:dyDescent="0.2">
      <c r="A115" s="14">
        <v>90</v>
      </c>
      <c r="B115" s="15">
        <v>10</v>
      </c>
      <c r="C115" s="16">
        <v>28</v>
      </c>
      <c r="D115" s="17">
        <v>38</v>
      </c>
    </row>
    <row r="116" spans="1:4" ht="18" customHeight="1" x14ac:dyDescent="0.2">
      <c r="A116" s="14">
        <v>91</v>
      </c>
      <c r="B116" s="15">
        <v>8</v>
      </c>
      <c r="C116" s="16">
        <v>10</v>
      </c>
      <c r="D116" s="17">
        <v>18</v>
      </c>
    </row>
    <row r="117" spans="1:4" ht="18" customHeight="1" x14ac:dyDescent="0.2">
      <c r="A117" s="14">
        <v>92</v>
      </c>
      <c r="B117" s="15">
        <v>9</v>
      </c>
      <c r="C117" s="16">
        <v>6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13</v>
      </c>
      <c r="D118" s="17">
        <v>16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31</v>
      </c>
      <c r="C120" s="16">
        <v>62</v>
      </c>
      <c r="D120" s="17">
        <v>93</v>
      </c>
    </row>
    <row r="121" spans="1:4" ht="18" customHeight="1" x14ac:dyDescent="0.2">
      <c r="A121" s="14">
        <v>95</v>
      </c>
      <c r="B121" s="15">
        <v>3</v>
      </c>
      <c r="C121" s="16">
        <v>7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783</v>
      </c>
      <c r="C130" s="5">
        <v>1066</v>
      </c>
      <c r="D130" s="6">
        <v>1849</v>
      </c>
    </row>
    <row r="131" spans="1:4" ht="18" customHeight="1" x14ac:dyDescent="0.2">
      <c r="A131" s="20" t="s">
        <v>47</v>
      </c>
      <c r="B131" s="7">
        <v>2939</v>
      </c>
      <c r="C131" s="8">
        <v>3026</v>
      </c>
      <c r="D131" s="9">
        <v>59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3</v>
      </c>
      <c r="C5" s="12">
        <v>28</v>
      </c>
      <c r="D5" s="13">
        <v>51</v>
      </c>
    </row>
    <row r="6" spans="1:10" ht="18" customHeight="1" x14ac:dyDescent="0.2">
      <c r="A6" s="14">
        <v>1</v>
      </c>
      <c r="B6" s="15">
        <v>21</v>
      </c>
      <c r="C6" s="16">
        <v>26</v>
      </c>
      <c r="D6" s="17">
        <v>47</v>
      </c>
    </row>
    <row r="7" spans="1:10" ht="18" customHeight="1" x14ac:dyDescent="0.2">
      <c r="A7" s="14">
        <v>2</v>
      </c>
      <c r="B7" s="15">
        <v>25</v>
      </c>
      <c r="C7" s="16">
        <v>33</v>
      </c>
      <c r="D7" s="17">
        <v>58</v>
      </c>
    </row>
    <row r="8" spans="1:10" ht="18" customHeight="1" x14ac:dyDescent="0.2">
      <c r="A8" s="14">
        <v>3</v>
      </c>
      <c r="B8" s="15">
        <v>28</v>
      </c>
      <c r="C8" s="16">
        <v>27</v>
      </c>
      <c r="D8" s="17">
        <v>55</v>
      </c>
    </row>
    <row r="9" spans="1:10" ht="18" customHeight="1" x14ac:dyDescent="0.2">
      <c r="A9" s="14">
        <v>4</v>
      </c>
      <c r="B9" s="15">
        <v>29</v>
      </c>
      <c r="C9" s="16">
        <v>35</v>
      </c>
      <c r="D9" s="17">
        <v>64</v>
      </c>
    </row>
    <row r="10" spans="1:10" ht="18" customHeight="1" x14ac:dyDescent="0.2">
      <c r="A10" s="18" t="s">
        <v>48</v>
      </c>
      <c r="B10" s="15">
        <v>126</v>
      </c>
      <c r="C10" s="16">
        <v>149</v>
      </c>
      <c r="D10" s="17">
        <v>275</v>
      </c>
    </row>
    <row r="11" spans="1:10" ht="18" customHeight="1" x14ac:dyDescent="0.2">
      <c r="A11" s="14">
        <v>5</v>
      </c>
      <c r="B11" s="15">
        <v>30</v>
      </c>
      <c r="C11" s="16">
        <v>18</v>
      </c>
      <c r="D11" s="17">
        <v>48</v>
      </c>
    </row>
    <row r="12" spans="1:10" ht="18" customHeight="1" x14ac:dyDescent="0.2">
      <c r="A12" s="14">
        <v>6</v>
      </c>
      <c r="B12" s="15">
        <v>33</v>
      </c>
      <c r="C12" s="16">
        <v>35</v>
      </c>
      <c r="D12" s="17">
        <v>68</v>
      </c>
    </row>
    <row r="13" spans="1:10" ht="18" customHeight="1" x14ac:dyDescent="0.2">
      <c r="A13" s="14">
        <v>7</v>
      </c>
      <c r="B13" s="15">
        <v>40</v>
      </c>
      <c r="C13" s="16">
        <v>30</v>
      </c>
      <c r="D13" s="17">
        <v>70</v>
      </c>
    </row>
    <row r="14" spans="1:10" ht="18" customHeight="1" x14ac:dyDescent="0.2">
      <c r="A14" s="14">
        <v>8</v>
      </c>
      <c r="B14" s="15">
        <v>35</v>
      </c>
      <c r="C14" s="16">
        <v>19</v>
      </c>
      <c r="D14" s="17">
        <v>54</v>
      </c>
    </row>
    <row r="15" spans="1:10" ht="18" customHeight="1" x14ac:dyDescent="0.2">
      <c r="A15" s="14">
        <v>9</v>
      </c>
      <c r="B15" s="15">
        <v>34</v>
      </c>
      <c r="C15" s="16">
        <v>34</v>
      </c>
      <c r="D15" s="17">
        <v>68</v>
      </c>
    </row>
    <row r="16" spans="1:10" ht="18" customHeight="1" x14ac:dyDescent="0.2">
      <c r="A16" s="18" t="s">
        <v>49</v>
      </c>
      <c r="B16" s="15">
        <v>172</v>
      </c>
      <c r="C16" s="16">
        <v>136</v>
      </c>
      <c r="D16" s="17">
        <v>308</v>
      </c>
    </row>
    <row r="17" spans="1:4" ht="18" customHeight="1" x14ac:dyDescent="0.2">
      <c r="A17" s="14">
        <v>10</v>
      </c>
      <c r="B17" s="15">
        <v>30</v>
      </c>
      <c r="C17" s="16">
        <v>22</v>
      </c>
      <c r="D17" s="17">
        <v>52</v>
      </c>
    </row>
    <row r="18" spans="1:4" ht="18" customHeight="1" x14ac:dyDescent="0.2">
      <c r="A18" s="14">
        <v>11</v>
      </c>
      <c r="B18" s="15">
        <v>41</v>
      </c>
      <c r="C18" s="16">
        <v>40</v>
      </c>
      <c r="D18" s="17">
        <v>81</v>
      </c>
    </row>
    <row r="19" spans="1:4" ht="18" customHeight="1" x14ac:dyDescent="0.2">
      <c r="A19" s="14">
        <v>12</v>
      </c>
      <c r="B19" s="15">
        <v>29</v>
      </c>
      <c r="C19" s="16">
        <v>28</v>
      </c>
      <c r="D19" s="17">
        <v>57</v>
      </c>
    </row>
    <row r="20" spans="1:4" ht="18" customHeight="1" x14ac:dyDescent="0.2">
      <c r="A20" s="14">
        <v>13</v>
      </c>
      <c r="B20" s="15">
        <v>41</v>
      </c>
      <c r="C20" s="16">
        <v>38</v>
      </c>
      <c r="D20" s="17">
        <v>79</v>
      </c>
    </row>
    <row r="21" spans="1:4" ht="18" customHeight="1" x14ac:dyDescent="0.2">
      <c r="A21" s="14">
        <v>14</v>
      </c>
      <c r="B21" s="15">
        <v>38</v>
      </c>
      <c r="C21" s="16">
        <v>44</v>
      </c>
      <c r="D21" s="17">
        <v>82</v>
      </c>
    </row>
    <row r="22" spans="1:4" ht="18" customHeight="1" x14ac:dyDescent="0.2">
      <c r="A22" s="18" t="s">
        <v>50</v>
      </c>
      <c r="B22" s="15">
        <v>179</v>
      </c>
      <c r="C22" s="16">
        <v>172</v>
      </c>
      <c r="D22" s="17">
        <v>351</v>
      </c>
    </row>
    <row r="23" spans="1:4" ht="18" customHeight="1" x14ac:dyDescent="0.2">
      <c r="A23" s="18" t="s">
        <v>51</v>
      </c>
      <c r="B23" s="15">
        <v>477</v>
      </c>
      <c r="C23" s="16">
        <v>457</v>
      </c>
      <c r="D23" s="17">
        <v>934</v>
      </c>
    </row>
    <row r="24" spans="1:4" ht="18" customHeight="1" x14ac:dyDescent="0.2">
      <c r="A24" s="14">
        <v>15</v>
      </c>
      <c r="B24" s="15">
        <v>45</v>
      </c>
      <c r="C24" s="16">
        <v>46</v>
      </c>
      <c r="D24" s="17">
        <v>91</v>
      </c>
    </row>
    <row r="25" spans="1:4" ht="18" customHeight="1" x14ac:dyDescent="0.2">
      <c r="A25" s="14">
        <v>16</v>
      </c>
      <c r="B25" s="15">
        <v>59</v>
      </c>
      <c r="C25" s="16">
        <v>35</v>
      </c>
      <c r="D25" s="17">
        <v>94</v>
      </c>
    </row>
    <row r="26" spans="1:4" ht="18" customHeight="1" x14ac:dyDescent="0.2">
      <c r="A26" s="14">
        <v>17</v>
      </c>
      <c r="B26" s="15">
        <v>30</v>
      </c>
      <c r="C26" s="16">
        <v>43</v>
      </c>
      <c r="D26" s="17">
        <v>73</v>
      </c>
    </row>
    <row r="27" spans="1:4" ht="18" customHeight="1" x14ac:dyDescent="0.2">
      <c r="A27" s="14">
        <v>18</v>
      </c>
      <c r="B27" s="15">
        <v>35</v>
      </c>
      <c r="C27" s="16">
        <v>42</v>
      </c>
      <c r="D27" s="17">
        <v>77</v>
      </c>
    </row>
    <row r="28" spans="1:4" ht="18" customHeight="1" x14ac:dyDescent="0.2">
      <c r="A28" s="14">
        <v>19</v>
      </c>
      <c r="B28" s="15">
        <v>43</v>
      </c>
      <c r="C28" s="16">
        <v>50</v>
      </c>
      <c r="D28" s="17">
        <v>93</v>
      </c>
    </row>
    <row r="29" spans="1:4" ht="18" customHeight="1" x14ac:dyDescent="0.2">
      <c r="A29" s="18" t="s">
        <v>52</v>
      </c>
      <c r="B29" s="15">
        <v>212</v>
      </c>
      <c r="C29" s="16">
        <v>216</v>
      </c>
      <c r="D29" s="17">
        <v>428</v>
      </c>
    </row>
    <row r="30" spans="1:4" ht="18" customHeight="1" x14ac:dyDescent="0.2">
      <c r="A30" s="14">
        <v>20</v>
      </c>
      <c r="B30" s="15">
        <v>37</v>
      </c>
      <c r="C30" s="16">
        <v>30</v>
      </c>
      <c r="D30" s="17">
        <v>67</v>
      </c>
    </row>
    <row r="31" spans="1:4" ht="18" customHeight="1" x14ac:dyDescent="0.2">
      <c r="A31" s="14">
        <v>21</v>
      </c>
      <c r="B31" s="15">
        <v>37</v>
      </c>
      <c r="C31" s="16">
        <v>41</v>
      </c>
      <c r="D31" s="17">
        <v>78</v>
      </c>
    </row>
    <row r="32" spans="1:4" ht="18" customHeight="1" x14ac:dyDescent="0.2">
      <c r="A32" s="14">
        <v>22</v>
      </c>
      <c r="B32" s="15">
        <v>47</v>
      </c>
      <c r="C32" s="16">
        <v>31</v>
      </c>
      <c r="D32" s="17">
        <v>78</v>
      </c>
    </row>
    <row r="33" spans="1:4" ht="18" customHeight="1" x14ac:dyDescent="0.2">
      <c r="A33" s="14">
        <v>23</v>
      </c>
      <c r="B33" s="15">
        <v>53</v>
      </c>
      <c r="C33" s="16">
        <v>30</v>
      </c>
      <c r="D33" s="17">
        <v>83</v>
      </c>
    </row>
    <row r="34" spans="1:4" ht="18" customHeight="1" x14ac:dyDescent="0.2">
      <c r="A34" s="14">
        <v>24</v>
      </c>
      <c r="B34" s="15">
        <v>61</v>
      </c>
      <c r="C34" s="16">
        <v>35</v>
      </c>
      <c r="D34" s="17">
        <v>96</v>
      </c>
    </row>
    <row r="35" spans="1:4" ht="18" customHeight="1" x14ac:dyDescent="0.2">
      <c r="A35" s="18" t="s">
        <v>53</v>
      </c>
      <c r="B35" s="15">
        <v>235</v>
      </c>
      <c r="C35" s="16">
        <v>167</v>
      </c>
      <c r="D35" s="17">
        <v>402</v>
      </c>
    </row>
    <row r="36" spans="1:4" ht="18" customHeight="1" x14ac:dyDescent="0.2">
      <c r="A36" s="14">
        <v>25</v>
      </c>
      <c r="B36" s="15">
        <v>51</v>
      </c>
      <c r="C36" s="16">
        <v>20</v>
      </c>
      <c r="D36" s="17">
        <v>71</v>
      </c>
    </row>
    <row r="37" spans="1:4" ht="18" customHeight="1" x14ac:dyDescent="0.2">
      <c r="A37" s="14">
        <v>26</v>
      </c>
      <c r="B37" s="15">
        <v>53</v>
      </c>
      <c r="C37" s="16">
        <v>19</v>
      </c>
      <c r="D37" s="17">
        <v>72</v>
      </c>
    </row>
    <row r="38" spans="1:4" ht="18" customHeight="1" x14ac:dyDescent="0.2">
      <c r="A38" s="14">
        <v>27</v>
      </c>
      <c r="B38" s="15">
        <v>41</v>
      </c>
      <c r="C38" s="16">
        <v>24</v>
      </c>
      <c r="D38" s="17">
        <v>65</v>
      </c>
    </row>
    <row r="39" spans="1:4" ht="18" customHeight="1" x14ac:dyDescent="0.2">
      <c r="A39" s="14">
        <v>28</v>
      </c>
      <c r="B39" s="15">
        <v>54</v>
      </c>
      <c r="C39" s="16">
        <v>25</v>
      </c>
      <c r="D39" s="17">
        <v>79</v>
      </c>
    </row>
    <row r="40" spans="1:4" ht="18" customHeight="1" x14ac:dyDescent="0.2">
      <c r="A40" s="14">
        <v>29</v>
      </c>
      <c r="B40" s="15">
        <v>51</v>
      </c>
      <c r="C40" s="16">
        <v>28</v>
      </c>
      <c r="D40" s="17">
        <v>79</v>
      </c>
    </row>
    <row r="41" spans="1:4" ht="18" customHeight="1" x14ac:dyDescent="0.2">
      <c r="A41" s="18" t="s">
        <v>54</v>
      </c>
      <c r="B41" s="15">
        <v>250</v>
      </c>
      <c r="C41" s="16">
        <v>116</v>
      </c>
      <c r="D41" s="17">
        <v>366</v>
      </c>
    </row>
    <row r="42" spans="1:4" ht="18" customHeight="1" x14ac:dyDescent="0.2">
      <c r="A42" s="14">
        <v>30</v>
      </c>
      <c r="B42" s="15">
        <v>33</v>
      </c>
      <c r="C42" s="16">
        <v>30</v>
      </c>
      <c r="D42" s="17">
        <v>63</v>
      </c>
    </row>
    <row r="43" spans="1:4" ht="18" customHeight="1" x14ac:dyDescent="0.2">
      <c r="A43" s="14">
        <v>31</v>
      </c>
      <c r="B43" s="15">
        <v>43</v>
      </c>
      <c r="C43" s="16">
        <v>43</v>
      </c>
      <c r="D43" s="17">
        <v>86</v>
      </c>
    </row>
    <row r="44" spans="1:4" ht="18" customHeight="1" x14ac:dyDescent="0.2">
      <c r="A44" s="14">
        <v>32</v>
      </c>
      <c r="B44" s="15">
        <v>44</v>
      </c>
      <c r="C44" s="16">
        <v>29</v>
      </c>
      <c r="D44" s="17">
        <v>73</v>
      </c>
    </row>
    <row r="45" spans="1:4" ht="18" customHeight="1" x14ac:dyDescent="0.2">
      <c r="A45" s="14">
        <v>33</v>
      </c>
      <c r="B45" s="15">
        <v>53</v>
      </c>
      <c r="C45" s="16">
        <v>42</v>
      </c>
      <c r="D45" s="17">
        <v>95</v>
      </c>
    </row>
    <row r="46" spans="1:4" ht="18" customHeight="1" x14ac:dyDescent="0.2">
      <c r="A46" s="14">
        <v>34</v>
      </c>
      <c r="B46" s="15">
        <v>53</v>
      </c>
      <c r="C46" s="16">
        <v>47</v>
      </c>
      <c r="D46" s="17">
        <v>100</v>
      </c>
    </row>
    <row r="47" spans="1:4" ht="18" customHeight="1" x14ac:dyDescent="0.2">
      <c r="A47" s="18" t="s">
        <v>55</v>
      </c>
      <c r="B47" s="15">
        <v>226</v>
      </c>
      <c r="C47" s="16">
        <v>191</v>
      </c>
      <c r="D47" s="17">
        <v>417</v>
      </c>
    </row>
    <row r="48" spans="1:4" ht="18" customHeight="1" x14ac:dyDescent="0.2">
      <c r="A48" s="14">
        <v>35</v>
      </c>
      <c r="B48" s="15">
        <v>48</v>
      </c>
      <c r="C48" s="16">
        <v>36</v>
      </c>
      <c r="D48" s="17">
        <v>84</v>
      </c>
    </row>
    <row r="49" spans="1:4" ht="18" customHeight="1" x14ac:dyDescent="0.2">
      <c r="A49" s="14">
        <v>36</v>
      </c>
      <c r="B49" s="15">
        <v>47</v>
      </c>
      <c r="C49" s="16">
        <v>45</v>
      </c>
      <c r="D49" s="17">
        <v>92</v>
      </c>
    </row>
    <row r="50" spans="1:4" ht="18" customHeight="1" x14ac:dyDescent="0.2">
      <c r="A50" s="14">
        <v>37</v>
      </c>
      <c r="B50" s="15">
        <v>43</v>
      </c>
      <c r="C50" s="16">
        <v>44</v>
      </c>
      <c r="D50" s="17">
        <v>87</v>
      </c>
    </row>
    <row r="51" spans="1:4" ht="18" customHeight="1" x14ac:dyDescent="0.2">
      <c r="A51" s="14">
        <v>38</v>
      </c>
      <c r="B51" s="15">
        <v>37</v>
      </c>
      <c r="C51" s="16">
        <v>38</v>
      </c>
      <c r="D51" s="17">
        <v>75</v>
      </c>
    </row>
    <row r="52" spans="1:4" ht="18" customHeight="1" x14ac:dyDescent="0.2">
      <c r="A52" s="14">
        <v>39</v>
      </c>
      <c r="B52" s="15">
        <v>49</v>
      </c>
      <c r="C52" s="16">
        <v>36</v>
      </c>
      <c r="D52" s="17">
        <v>85</v>
      </c>
    </row>
    <row r="53" spans="1:4" ht="18" customHeight="1" x14ac:dyDescent="0.2">
      <c r="A53" s="18" t="s">
        <v>56</v>
      </c>
      <c r="B53" s="15">
        <v>224</v>
      </c>
      <c r="C53" s="16">
        <v>199</v>
      </c>
      <c r="D53" s="17">
        <v>423</v>
      </c>
    </row>
    <row r="54" spans="1:4" ht="18" customHeight="1" x14ac:dyDescent="0.2">
      <c r="A54" s="14">
        <v>40</v>
      </c>
      <c r="B54" s="15">
        <v>53</v>
      </c>
      <c r="C54" s="16">
        <v>52</v>
      </c>
      <c r="D54" s="17">
        <v>105</v>
      </c>
    </row>
    <row r="55" spans="1:4" ht="18" customHeight="1" x14ac:dyDescent="0.2">
      <c r="A55" s="14">
        <v>41</v>
      </c>
      <c r="B55" s="15">
        <v>43</v>
      </c>
      <c r="C55" s="16">
        <v>36</v>
      </c>
      <c r="D55" s="17">
        <v>79</v>
      </c>
    </row>
    <row r="56" spans="1:4" ht="18" customHeight="1" x14ac:dyDescent="0.2">
      <c r="A56" s="14">
        <v>42</v>
      </c>
      <c r="B56" s="15">
        <v>60</v>
      </c>
      <c r="C56" s="16">
        <v>58</v>
      </c>
      <c r="D56" s="17">
        <v>118</v>
      </c>
    </row>
    <row r="57" spans="1:4" ht="18" customHeight="1" x14ac:dyDescent="0.2">
      <c r="A57" s="14">
        <v>43</v>
      </c>
      <c r="B57" s="15">
        <v>51</v>
      </c>
      <c r="C57" s="16">
        <v>57</v>
      </c>
      <c r="D57" s="17">
        <v>108</v>
      </c>
    </row>
    <row r="58" spans="1:4" ht="18" customHeight="1" x14ac:dyDescent="0.2">
      <c r="A58" s="14">
        <v>44</v>
      </c>
      <c r="B58" s="15">
        <v>76</v>
      </c>
      <c r="C58" s="16">
        <v>57</v>
      </c>
      <c r="D58" s="17">
        <v>133</v>
      </c>
    </row>
    <row r="59" spans="1:4" ht="18" customHeight="1" x14ac:dyDescent="0.2">
      <c r="A59" s="18" t="s">
        <v>57</v>
      </c>
      <c r="B59" s="15">
        <v>283</v>
      </c>
      <c r="C59" s="16">
        <v>260</v>
      </c>
      <c r="D59" s="17">
        <v>543</v>
      </c>
    </row>
    <row r="60" spans="1:4" ht="18" customHeight="1" x14ac:dyDescent="0.2">
      <c r="A60" s="14">
        <v>45</v>
      </c>
      <c r="B60" s="15">
        <v>61</v>
      </c>
      <c r="C60" s="16">
        <v>71</v>
      </c>
      <c r="D60" s="17">
        <v>132</v>
      </c>
    </row>
    <row r="61" spans="1:4" ht="18" customHeight="1" x14ac:dyDescent="0.2">
      <c r="A61" s="14">
        <v>46</v>
      </c>
      <c r="B61" s="15">
        <v>67</v>
      </c>
      <c r="C61" s="16">
        <v>67</v>
      </c>
      <c r="D61" s="17">
        <v>134</v>
      </c>
    </row>
    <row r="62" spans="1:4" ht="18" customHeight="1" x14ac:dyDescent="0.2">
      <c r="A62" s="14">
        <v>47</v>
      </c>
      <c r="B62" s="15">
        <v>79</v>
      </c>
      <c r="C62" s="16">
        <v>64</v>
      </c>
      <c r="D62" s="17">
        <v>143</v>
      </c>
    </row>
    <row r="63" spans="1:4" ht="18" customHeight="1" x14ac:dyDescent="0.2">
      <c r="A63" s="14">
        <v>48</v>
      </c>
      <c r="B63" s="15">
        <v>72</v>
      </c>
      <c r="C63" s="16">
        <v>58</v>
      </c>
      <c r="D63" s="17">
        <v>130</v>
      </c>
    </row>
    <row r="64" spans="1:4" ht="18" customHeight="1" x14ac:dyDescent="0.2">
      <c r="A64" s="14">
        <v>49</v>
      </c>
      <c r="B64" s="15">
        <v>51</v>
      </c>
      <c r="C64" s="16">
        <v>65</v>
      </c>
      <c r="D64" s="17">
        <v>116</v>
      </c>
    </row>
    <row r="65" spans="1:4" ht="18" customHeight="1" x14ac:dyDescent="0.2">
      <c r="A65" s="18" t="s">
        <v>58</v>
      </c>
      <c r="B65" s="15">
        <v>330</v>
      </c>
      <c r="C65" s="16">
        <v>325</v>
      </c>
      <c r="D65" s="17">
        <v>655</v>
      </c>
    </row>
    <row r="66" spans="1:4" ht="18" customHeight="1" x14ac:dyDescent="0.2">
      <c r="A66" s="14">
        <v>50</v>
      </c>
      <c r="B66" s="15">
        <v>60</v>
      </c>
      <c r="C66" s="16">
        <v>67</v>
      </c>
      <c r="D66" s="17">
        <v>127</v>
      </c>
    </row>
    <row r="67" spans="1:4" ht="18" customHeight="1" x14ac:dyDescent="0.2">
      <c r="A67" s="14">
        <v>51</v>
      </c>
      <c r="B67" s="15">
        <v>79</v>
      </c>
      <c r="C67" s="16">
        <v>63</v>
      </c>
      <c r="D67" s="17">
        <v>142</v>
      </c>
    </row>
    <row r="68" spans="1:4" ht="18" customHeight="1" x14ac:dyDescent="0.2">
      <c r="A68" s="14">
        <v>52</v>
      </c>
      <c r="B68" s="15">
        <v>42</v>
      </c>
      <c r="C68" s="16">
        <v>47</v>
      </c>
      <c r="D68" s="17">
        <v>89</v>
      </c>
    </row>
    <row r="69" spans="1:4" ht="18" customHeight="1" x14ac:dyDescent="0.2">
      <c r="A69" s="14">
        <v>53</v>
      </c>
      <c r="B69" s="15">
        <v>52</v>
      </c>
      <c r="C69" s="16">
        <v>58</v>
      </c>
      <c r="D69" s="17">
        <v>110</v>
      </c>
    </row>
    <row r="70" spans="1:4" ht="18" customHeight="1" x14ac:dyDescent="0.2">
      <c r="A70" s="14">
        <v>54</v>
      </c>
      <c r="B70" s="15">
        <v>44</v>
      </c>
      <c r="C70" s="16">
        <v>46</v>
      </c>
      <c r="D70" s="17">
        <v>90</v>
      </c>
    </row>
    <row r="71" spans="1:4" ht="18" customHeight="1" x14ac:dyDescent="0.2">
      <c r="A71" s="18" t="s">
        <v>59</v>
      </c>
      <c r="B71" s="15">
        <v>277</v>
      </c>
      <c r="C71" s="16">
        <v>281</v>
      </c>
      <c r="D71" s="17">
        <v>558</v>
      </c>
    </row>
    <row r="72" spans="1:4" ht="18" customHeight="1" x14ac:dyDescent="0.2">
      <c r="A72" s="14">
        <v>55</v>
      </c>
      <c r="B72" s="15">
        <v>46</v>
      </c>
      <c r="C72" s="16">
        <v>46</v>
      </c>
      <c r="D72" s="17">
        <v>92</v>
      </c>
    </row>
    <row r="73" spans="1:4" ht="18" customHeight="1" x14ac:dyDescent="0.2">
      <c r="A73" s="14">
        <v>56</v>
      </c>
      <c r="B73" s="15">
        <v>47</v>
      </c>
      <c r="C73" s="16">
        <v>35</v>
      </c>
      <c r="D73" s="17">
        <v>82</v>
      </c>
    </row>
    <row r="74" spans="1:4" ht="18" customHeight="1" x14ac:dyDescent="0.2">
      <c r="A74" s="14">
        <v>57</v>
      </c>
      <c r="B74" s="15">
        <v>40</v>
      </c>
      <c r="C74" s="16">
        <v>39</v>
      </c>
      <c r="D74" s="17">
        <v>79</v>
      </c>
    </row>
    <row r="75" spans="1:4" ht="18" customHeight="1" x14ac:dyDescent="0.2">
      <c r="A75" s="14">
        <v>58</v>
      </c>
      <c r="B75" s="15">
        <v>56</v>
      </c>
      <c r="C75" s="16">
        <v>46</v>
      </c>
      <c r="D75" s="17">
        <v>102</v>
      </c>
    </row>
    <row r="76" spans="1:4" ht="18" customHeight="1" x14ac:dyDescent="0.2">
      <c r="A76" s="14">
        <v>59</v>
      </c>
      <c r="B76" s="15">
        <v>47</v>
      </c>
      <c r="C76" s="16">
        <v>58</v>
      </c>
      <c r="D76" s="17">
        <v>105</v>
      </c>
    </row>
    <row r="77" spans="1:4" ht="18" customHeight="1" x14ac:dyDescent="0.2">
      <c r="A77" s="18" t="s">
        <v>60</v>
      </c>
      <c r="B77" s="15">
        <v>236</v>
      </c>
      <c r="C77" s="16">
        <v>224</v>
      </c>
      <c r="D77" s="17">
        <v>460</v>
      </c>
    </row>
    <row r="78" spans="1:4" ht="18" customHeight="1" x14ac:dyDescent="0.2">
      <c r="A78" s="14">
        <v>60</v>
      </c>
      <c r="B78" s="15">
        <v>46</v>
      </c>
      <c r="C78" s="16">
        <v>45</v>
      </c>
      <c r="D78" s="17">
        <v>91</v>
      </c>
    </row>
    <row r="79" spans="1:4" ht="18" customHeight="1" x14ac:dyDescent="0.2">
      <c r="A79" s="14">
        <v>61</v>
      </c>
      <c r="B79" s="15">
        <v>40</v>
      </c>
      <c r="C79" s="16">
        <v>41</v>
      </c>
      <c r="D79" s="17">
        <v>81</v>
      </c>
    </row>
    <row r="80" spans="1:4" ht="18" customHeight="1" x14ac:dyDescent="0.2">
      <c r="A80" s="14">
        <v>62</v>
      </c>
      <c r="B80" s="15">
        <v>55</v>
      </c>
      <c r="C80" s="16">
        <v>52</v>
      </c>
      <c r="D80" s="17">
        <v>107</v>
      </c>
    </row>
    <row r="81" spans="1:4" ht="18" customHeight="1" x14ac:dyDescent="0.2">
      <c r="A81" s="14">
        <v>63</v>
      </c>
      <c r="B81" s="15">
        <v>48</v>
      </c>
      <c r="C81" s="16">
        <v>51</v>
      </c>
      <c r="D81" s="17">
        <v>99</v>
      </c>
    </row>
    <row r="82" spans="1:4" ht="18" customHeight="1" x14ac:dyDescent="0.2">
      <c r="A82" s="14">
        <v>64</v>
      </c>
      <c r="B82" s="15">
        <v>44</v>
      </c>
      <c r="C82" s="16">
        <v>57</v>
      </c>
      <c r="D82" s="17">
        <v>101</v>
      </c>
    </row>
    <row r="83" spans="1:4" ht="18" customHeight="1" x14ac:dyDescent="0.2">
      <c r="A83" s="18" t="s">
        <v>61</v>
      </c>
      <c r="B83" s="15">
        <v>233</v>
      </c>
      <c r="C83" s="16">
        <v>246</v>
      </c>
      <c r="D83" s="17">
        <v>479</v>
      </c>
    </row>
    <row r="84" spans="1:4" ht="18" customHeight="1" x14ac:dyDescent="0.2">
      <c r="A84" s="18" t="s">
        <v>62</v>
      </c>
      <c r="B84" s="15">
        <v>2506</v>
      </c>
      <c r="C84" s="16">
        <v>2225</v>
      </c>
      <c r="D84" s="17">
        <v>4731</v>
      </c>
    </row>
    <row r="85" spans="1:4" ht="18" customHeight="1" x14ac:dyDescent="0.2">
      <c r="A85" s="14">
        <v>65</v>
      </c>
      <c r="B85" s="15">
        <v>55</v>
      </c>
      <c r="C85" s="16">
        <v>52</v>
      </c>
      <c r="D85" s="17">
        <v>107</v>
      </c>
    </row>
    <row r="86" spans="1:4" ht="18" customHeight="1" x14ac:dyDescent="0.2">
      <c r="A86" s="14">
        <v>66</v>
      </c>
      <c r="B86" s="15">
        <v>53</v>
      </c>
      <c r="C86" s="16">
        <v>59</v>
      </c>
      <c r="D86" s="17">
        <v>112</v>
      </c>
    </row>
    <row r="87" spans="1:4" ht="18" customHeight="1" x14ac:dyDescent="0.2">
      <c r="A87" s="14">
        <v>67</v>
      </c>
      <c r="B87" s="15">
        <v>68</v>
      </c>
      <c r="C87" s="16">
        <v>58</v>
      </c>
      <c r="D87" s="17">
        <v>126</v>
      </c>
    </row>
    <row r="88" spans="1:4" ht="18" customHeight="1" x14ac:dyDescent="0.2">
      <c r="A88" s="14">
        <v>68</v>
      </c>
      <c r="B88" s="15">
        <v>57</v>
      </c>
      <c r="C88" s="16">
        <v>76</v>
      </c>
      <c r="D88" s="17">
        <v>133</v>
      </c>
    </row>
    <row r="89" spans="1:4" ht="18" customHeight="1" x14ac:dyDescent="0.2">
      <c r="A89" s="14">
        <v>69</v>
      </c>
      <c r="B89" s="15">
        <v>73</v>
      </c>
      <c r="C89" s="16">
        <v>93</v>
      </c>
      <c r="D89" s="17">
        <v>166</v>
      </c>
    </row>
    <row r="90" spans="1:4" ht="18" customHeight="1" x14ac:dyDescent="0.2">
      <c r="A90" s="18" t="s">
        <v>63</v>
      </c>
      <c r="B90" s="15">
        <v>306</v>
      </c>
      <c r="C90" s="16">
        <v>338</v>
      </c>
      <c r="D90" s="17">
        <v>644</v>
      </c>
    </row>
    <row r="91" spans="1:4" ht="18" customHeight="1" x14ac:dyDescent="0.2">
      <c r="A91" s="14">
        <v>70</v>
      </c>
      <c r="B91" s="15">
        <v>81</v>
      </c>
      <c r="C91" s="16">
        <v>91</v>
      </c>
      <c r="D91" s="17">
        <v>172</v>
      </c>
    </row>
    <row r="92" spans="1:4" ht="18" customHeight="1" x14ac:dyDescent="0.2">
      <c r="A92" s="14">
        <v>71</v>
      </c>
      <c r="B92" s="15">
        <v>90</v>
      </c>
      <c r="C92" s="16">
        <v>73</v>
      </c>
      <c r="D92" s="17">
        <v>163</v>
      </c>
    </row>
    <row r="93" spans="1:4" ht="18" customHeight="1" x14ac:dyDescent="0.2">
      <c r="A93" s="14">
        <v>72</v>
      </c>
      <c r="B93" s="15">
        <v>48</v>
      </c>
      <c r="C93" s="16">
        <v>40</v>
      </c>
      <c r="D93" s="17">
        <v>88</v>
      </c>
    </row>
    <row r="94" spans="1:4" ht="18" customHeight="1" x14ac:dyDescent="0.2">
      <c r="A94" s="14">
        <v>73</v>
      </c>
      <c r="B94" s="15">
        <v>42</v>
      </c>
      <c r="C94" s="16">
        <v>45</v>
      </c>
      <c r="D94" s="17">
        <v>87</v>
      </c>
    </row>
    <row r="95" spans="1:4" ht="18" customHeight="1" x14ac:dyDescent="0.2">
      <c r="A95" s="14">
        <v>74</v>
      </c>
      <c r="B95" s="15">
        <v>56</v>
      </c>
      <c r="C95" s="16">
        <v>72</v>
      </c>
      <c r="D95" s="17">
        <v>128</v>
      </c>
    </row>
    <row r="96" spans="1:4" ht="18" customHeight="1" x14ac:dyDescent="0.2">
      <c r="A96" s="18" t="s">
        <v>64</v>
      </c>
      <c r="B96" s="15">
        <v>317</v>
      </c>
      <c r="C96" s="16">
        <v>321</v>
      </c>
      <c r="D96" s="17">
        <v>638</v>
      </c>
    </row>
    <row r="97" spans="1:4" ht="18" customHeight="1" x14ac:dyDescent="0.2">
      <c r="A97" s="14">
        <v>75</v>
      </c>
      <c r="B97" s="15">
        <v>40</v>
      </c>
      <c r="C97" s="16">
        <v>43</v>
      </c>
      <c r="D97" s="17">
        <v>83</v>
      </c>
    </row>
    <row r="98" spans="1:4" ht="18" customHeight="1" x14ac:dyDescent="0.2">
      <c r="A98" s="14">
        <v>76</v>
      </c>
      <c r="B98" s="15">
        <v>58</v>
      </c>
      <c r="C98" s="16">
        <v>57</v>
      </c>
      <c r="D98" s="17">
        <v>115</v>
      </c>
    </row>
    <row r="99" spans="1:4" ht="18" customHeight="1" x14ac:dyDescent="0.2">
      <c r="A99" s="14">
        <v>77</v>
      </c>
      <c r="B99" s="15">
        <v>52</v>
      </c>
      <c r="C99" s="16">
        <v>60</v>
      </c>
      <c r="D99" s="17">
        <v>112</v>
      </c>
    </row>
    <row r="100" spans="1:4" ht="18" customHeight="1" x14ac:dyDescent="0.2">
      <c r="A100" s="14">
        <v>78</v>
      </c>
      <c r="B100" s="15">
        <v>36</v>
      </c>
      <c r="C100" s="16">
        <v>43</v>
      </c>
      <c r="D100" s="17">
        <v>79</v>
      </c>
    </row>
    <row r="101" spans="1:4" ht="18" customHeight="1" x14ac:dyDescent="0.2">
      <c r="A101" s="14">
        <v>79</v>
      </c>
      <c r="B101" s="15">
        <v>24</v>
      </c>
      <c r="C101" s="16">
        <v>36</v>
      </c>
      <c r="D101" s="17">
        <v>60</v>
      </c>
    </row>
    <row r="102" spans="1:4" ht="18" customHeight="1" x14ac:dyDescent="0.2">
      <c r="A102" s="18" t="s">
        <v>65</v>
      </c>
      <c r="B102" s="15">
        <v>210</v>
      </c>
      <c r="C102" s="16">
        <v>239</v>
      </c>
      <c r="D102" s="17">
        <v>449</v>
      </c>
    </row>
    <row r="103" spans="1:4" ht="18" customHeight="1" x14ac:dyDescent="0.2">
      <c r="A103" s="14">
        <v>80</v>
      </c>
      <c r="B103" s="15">
        <v>29</v>
      </c>
      <c r="C103" s="16">
        <v>38</v>
      </c>
      <c r="D103" s="17">
        <v>67</v>
      </c>
    </row>
    <row r="104" spans="1:4" ht="18" customHeight="1" x14ac:dyDescent="0.2">
      <c r="A104" s="14">
        <v>81</v>
      </c>
      <c r="B104" s="15">
        <v>32</v>
      </c>
      <c r="C104" s="16">
        <v>35</v>
      </c>
      <c r="D104" s="17">
        <v>67</v>
      </c>
    </row>
    <row r="105" spans="1:4" ht="18" customHeight="1" x14ac:dyDescent="0.2">
      <c r="A105" s="14">
        <v>82</v>
      </c>
      <c r="B105" s="15">
        <v>26</v>
      </c>
      <c r="C105" s="16">
        <v>45</v>
      </c>
      <c r="D105" s="17">
        <v>71</v>
      </c>
    </row>
    <row r="106" spans="1:4" ht="18" customHeight="1" x14ac:dyDescent="0.2">
      <c r="A106" s="14">
        <v>83</v>
      </c>
      <c r="B106" s="15">
        <v>25</v>
      </c>
      <c r="C106" s="16">
        <v>30</v>
      </c>
      <c r="D106" s="17">
        <v>55</v>
      </c>
    </row>
    <row r="107" spans="1:4" ht="18" customHeight="1" x14ac:dyDescent="0.2">
      <c r="A107" s="14">
        <v>84</v>
      </c>
      <c r="B107" s="15">
        <v>14</v>
      </c>
      <c r="C107" s="16">
        <v>25</v>
      </c>
      <c r="D107" s="17">
        <v>39</v>
      </c>
    </row>
    <row r="108" spans="1:4" ht="18" customHeight="1" x14ac:dyDescent="0.2">
      <c r="A108" s="18" t="s">
        <v>66</v>
      </c>
      <c r="B108" s="15">
        <v>126</v>
      </c>
      <c r="C108" s="16">
        <v>173</v>
      </c>
      <c r="D108" s="17">
        <v>299</v>
      </c>
    </row>
    <row r="109" spans="1:4" ht="18" customHeight="1" x14ac:dyDescent="0.2">
      <c r="A109" s="14">
        <v>85</v>
      </c>
      <c r="B109" s="15">
        <v>13</v>
      </c>
      <c r="C109" s="16">
        <v>23</v>
      </c>
      <c r="D109" s="17">
        <v>36</v>
      </c>
    </row>
    <row r="110" spans="1:4" ht="18" customHeight="1" x14ac:dyDescent="0.2">
      <c r="A110" s="14">
        <v>86</v>
      </c>
      <c r="B110" s="15">
        <v>17</v>
      </c>
      <c r="C110" s="16">
        <v>31</v>
      </c>
      <c r="D110" s="17">
        <v>48</v>
      </c>
    </row>
    <row r="111" spans="1:4" ht="18" customHeight="1" x14ac:dyDescent="0.2">
      <c r="A111" s="14">
        <v>87</v>
      </c>
      <c r="B111" s="15">
        <v>15</v>
      </c>
      <c r="C111" s="16">
        <v>14</v>
      </c>
      <c r="D111" s="17">
        <v>29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6</v>
      </c>
      <c r="C113" s="16">
        <v>26</v>
      </c>
      <c r="D113" s="17">
        <v>32</v>
      </c>
    </row>
    <row r="114" spans="1:4" ht="18" customHeight="1" x14ac:dyDescent="0.2">
      <c r="A114" s="18" t="s">
        <v>67</v>
      </c>
      <c r="B114" s="15">
        <v>58</v>
      </c>
      <c r="C114" s="16">
        <v>110</v>
      </c>
      <c r="D114" s="17">
        <v>168</v>
      </c>
    </row>
    <row r="115" spans="1:4" ht="18" customHeight="1" x14ac:dyDescent="0.2">
      <c r="A115" s="14">
        <v>90</v>
      </c>
      <c r="B115" s="15">
        <v>6</v>
      </c>
      <c r="C115" s="16">
        <v>18</v>
      </c>
      <c r="D115" s="17">
        <v>24</v>
      </c>
    </row>
    <row r="116" spans="1:4" ht="18" customHeight="1" x14ac:dyDescent="0.2">
      <c r="A116" s="14">
        <v>91</v>
      </c>
      <c r="B116" s="15">
        <v>4</v>
      </c>
      <c r="C116" s="16">
        <v>12</v>
      </c>
      <c r="D116" s="17">
        <v>16</v>
      </c>
    </row>
    <row r="117" spans="1:4" ht="18" customHeight="1" x14ac:dyDescent="0.2">
      <c r="A117" s="14">
        <v>92</v>
      </c>
      <c r="B117" s="15">
        <v>3</v>
      </c>
      <c r="C117" s="16">
        <v>15</v>
      </c>
      <c r="D117" s="17">
        <v>18</v>
      </c>
    </row>
    <row r="118" spans="1:4" ht="18" customHeight="1" x14ac:dyDescent="0.2">
      <c r="A118" s="14">
        <v>93</v>
      </c>
      <c r="B118" s="15">
        <v>3</v>
      </c>
      <c r="C118" s="16">
        <v>15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19</v>
      </c>
      <c r="C120" s="16">
        <v>70</v>
      </c>
      <c r="D120" s="17">
        <v>89</v>
      </c>
    </row>
    <row r="121" spans="1:4" ht="18" customHeight="1" x14ac:dyDescent="0.2">
      <c r="A121" s="14">
        <v>95</v>
      </c>
      <c r="B121" s="15">
        <v>0</v>
      </c>
      <c r="C121" s="16">
        <v>9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8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30</v>
      </c>
      <c r="D126" s="17">
        <v>3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037</v>
      </c>
      <c r="C130" s="5">
        <v>1283</v>
      </c>
      <c r="D130" s="6">
        <v>2320</v>
      </c>
    </row>
    <row r="131" spans="1:4" ht="18" customHeight="1" x14ac:dyDescent="0.2">
      <c r="A131" s="20" t="s">
        <v>47</v>
      </c>
      <c r="B131" s="7">
        <v>4020</v>
      </c>
      <c r="C131" s="8">
        <v>3965</v>
      </c>
      <c r="D131" s="9">
        <v>798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</v>
      </c>
      <c r="C5" s="12">
        <v>3</v>
      </c>
      <c r="D5" s="13">
        <v>6</v>
      </c>
    </row>
    <row r="6" spans="1:10" ht="18" customHeight="1" x14ac:dyDescent="0.2">
      <c r="A6" s="14">
        <v>1</v>
      </c>
      <c r="B6" s="15">
        <v>8</v>
      </c>
      <c r="C6" s="16">
        <v>4</v>
      </c>
      <c r="D6" s="17">
        <v>12</v>
      </c>
    </row>
    <row r="7" spans="1:10" ht="18" customHeight="1" x14ac:dyDescent="0.2">
      <c r="A7" s="14">
        <v>2</v>
      </c>
      <c r="B7" s="15">
        <v>3</v>
      </c>
      <c r="C7" s="16">
        <v>3</v>
      </c>
      <c r="D7" s="17">
        <v>6</v>
      </c>
    </row>
    <row r="8" spans="1:10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10" ht="18" customHeight="1" x14ac:dyDescent="0.2">
      <c r="A9" s="14">
        <v>4</v>
      </c>
      <c r="B9" s="15">
        <v>4</v>
      </c>
      <c r="C9" s="16">
        <v>6</v>
      </c>
      <c r="D9" s="17">
        <v>10</v>
      </c>
    </row>
    <row r="10" spans="1:10" ht="18" customHeight="1" x14ac:dyDescent="0.2">
      <c r="A10" s="18" t="s">
        <v>48</v>
      </c>
      <c r="B10" s="15">
        <v>28</v>
      </c>
      <c r="C10" s="16">
        <v>23</v>
      </c>
      <c r="D10" s="17">
        <v>51</v>
      </c>
    </row>
    <row r="11" spans="1:10" ht="18" customHeight="1" x14ac:dyDescent="0.2">
      <c r="A11" s="14">
        <v>5</v>
      </c>
      <c r="B11" s="15">
        <v>8</v>
      </c>
      <c r="C11" s="16">
        <v>12</v>
      </c>
      <c r="D11" s="17">
        <v>20</v>
      </c>
    </row>
    <row r="12" spans="1:10" ht="18" customHeight="1" x14ac:dyDescent="0.2">
      <c r="A12" s="14">
        <v>6</v>
      </c>
      <c r="B12" s="15">
        <v>5</v>
      </c>
      <c r="C12" s="16">
        <v>9</v>
      </c>
      <c r="D12" s="17">
        <v>14</v>
      </c>
    </row>
    <row r="13" spans="1:10" ht="18" customHeight="1" x14ac:dyDescent="0.2">
      <c r="A13" s="14">
        <v>7</v>
      </c>
      <c r="B13" s="15">
        <v>7</v>
      </c>
      <c r="C13" s="16">
        <v>9</v>
      </c>
      <c r="D13" s="17">
        <v>16</v>
      </c>
    </row>
    <row r="14" spans="1:10" ht="18" customHeight="1" x14ac:dyDescent="0.2">
      <c r="A14" s="14">
        <v>8</v>
      </c>
      <c r="B14" s="15">
        <v>10</v>
      </c>
      <c r="C14" s="16">
        <v>10</v>
      </c>
      <c r="D14" s="17">
        <v>20</v>
      </c>
    </row>
    <row r="15" spans="1:10" ht="18" customHeight="1" x14ac:dyDescent="0.2">
      <c r="A15" s="14">
        <v>9</v>
      </c>
      <c r="B15" s="15">
        <v>5</v>
      </c>
      <c r="C15" s="16">
        <v>8</v>
      </c>
      <c r="D15" s="17">
        <v>13</v>
      </c>
    </row>
    <row r="16" spans="1:10" ht="18" customHeight="1" x14ac:dyDescent="0.2">
      <c r="A16" s="18" t="s">
        <v>49</v>
      </c>
      <c r="B16" s="15">
        <v>35</v>
      </c>
      <c r="C16" s="16">
        <v>48</v>
      </c>
      <c r="D16" s="17">
        <v>83</v>
      </c>
    </row>
    <row r="17" spans="1:4" ht="18" customHeight="1" x14ac:dyDescent="0.2">
      <c r="A17" s="14">
        <v>10</v>
      </c>
      <c r="B17" s="15">
        <v>9</v>
      </c>
      <c r="C17" s="16">
        <v>11</v>
      </c>
      <c r="D17" s="17">
        <v>20</v>
      </c>
    </row>
    <row r="18" spans="1:4" ht="18" customHeight="1" x14ac:dyDescent="0.2">
      <c r="A18" s="14">
        <v>11</v>
      </c>
      <c r="B18" s="15">
        <v>7</v>
      </c>
      <c r="C18" s="16">
        <v>8</v>
      </c>
      <c r="D18" s="17">
        <v>15</v>
      </c>
    </row>
    <row r="19" spans="1:4" ht="18" customHeight="1" x14ac:dyDescent="0.2">
      <c r="A19" s="14">
        <v>12</v>
      </c>
      <c r="B19" s="15">
        <v>11</v>
      </c>
      <c r="C19" s="16">
        <v>15</v>
      </c>
      <c r="D19" s="17">
        <v>26</v>
      </c>
    </row>
    <row r="20" spans="1:4" ht="18" customHeight="1" x14ac:dyDescent="0.2">
      <c r="A20" s="14">
        <v>13</v>
      </c>
      <c r="B20" s="15">
        <v>14</v>
      </c>
      <c r="C20" s="16">
        <v>16</v>
      </c>
      <c r="D20" s="17">
        <v>30</v>
      </c>
    </row>
    <row r="21" spans="1:4" ht="18" customHeight="1" x14ac:dyDescent="0.2">
      <c r="A21" s="14">
        <v>14</v>
      </c>
      <c r="B21" s="15">
        <v>14</v>
      </c>
      <c r="C21" s="16">
        <v>6</v>
      </c>
      <c r="D21" s="17">
        <v>20</v>
      </c>
    </row>
    <row r="22" spans="1:4" ht="18" customHeight="1" x14ac:dyDescent="0.2">
      <c r="A22" s="18" t="s">
        <v>50</v>
      </c>
      <c r="B22" s="15">
        <v>55</v>
      </c>
      <c r="C22" s="16">
        <v>56</v>
      </c>
      <c r="D22" s="17">
        <v>111</v>
      </c>
    </row>
    <row r="23" spans="1:4" ht="18" customHeight="1" x14ac:dyDescent="0.2">
      <c r="A23" s="18" t="s">
        <v>51</v>
      </c>
      <c r="B23" s="15">
        <v>118</v>
      </c>
      <c r="C23" s="16">
        <v>127</v>
      </c>
      <c r="D23" s="17">
        <v>245</v>
      </c>
    </row>
    <row r="24" spans="1:4" ht="18" customHeight="1" x14ac:dyDescent="0.2">
      <c r="A24" s="14">
        <v>15</v>
      </c>
      <c r="B24" s="15">
        <v>15</v>
      </c>
      <c r="C24" s="16">
        <v>15</v>
      </c>
      <c r="D24" s="17">
        <v>30</v>
      </c>
    </row>
    <row r="25" spans="1:4" ht="18" customHeight="1" x14ac:dyDescent="0.2">
      <c r="A25" s="14">
        <v>16</v>
      </c>
      <c r="B25" s="15">
        <v>13</v>
      </c>
      <c r="C25" s="16">
        <v>14</v>
      </c>
      <c r="D25" s="17">
        <v>27</v>
      </c>
    </row>
    <row r="26" spans="1:4" ht="18" customHeight="1" x14ac:dyDescent="0.2">
      <c r="A26" s="14">
        <v>17</v>
      </c>
      <c r="B26" s="15">
        <v>11</v>
      </c>
      <c r="C26" s="16">
        <v>9</v>
      </c>
      <c r="D26" s="17">
        <v>20</v>
      </c>
    </row>
    <row r="27" spans="1:4" ht="18" customHeight="1" x14ac:dyDescent="0.2">
      <c r="A27" s="14">
        <v>18</v>
      </c>
      <c r="B27" s="15">
        <v>12</v>
      </c>
      <c r="C27" s="16">
        <v>16</v>
      </c>
      <c r="D27" s="17">
        <v>28</v>
      </c>
    </row>
    <row r="28" spans="1:4" ht="18" customHeight="1" x14ac:dyDescent="0.2">
      <c r="A28" s="14">
        <v>19</v>
      </c>
      <c r="B28" s="15">
        <v>13</v>
      </c>
      <c r="C28" s="16">
        <v>9</v>
      </c>
      <c r="D28" s="17">
        <v>22</v>
      </c>
    </row>
    <row r="29" spans="1:4" ht="18" customHeight="1" x14ac:dyDescent="0.2">
      <c r="A29" s="18" t="s">
        <v>52</v>
      </c>
      <c r="B29" s="15">
        <v>64</v>
      </c>
      <c r="C29" s="16">
        <v>63</v>
      </c>
      <c r="D29" s="17">
        <v>127</v>
      </c>
    </row>
    <row r="30" spans="1:4" ht="18" customHeight="1" x14ac:dyDescent="0.2">
      <c r="A30" s="14">
        <v>20</v>
      </c>
      <c r="B30" s="15">
        <v>11</v>
      </c>
      <c r="C30" s="16">
        <v>10</v>
      </c>
      <c r="D30" s="17">
        <v>21</v>
      </c>
    </row>
    <row r="31" spans="1:4" ht="18" customHeight="1" x14ac:dyDescent="0.2">
      <c r="A31" s="14">
        <v>21</v>
      </c>
      <c r="B31" s="15">
        <v>7</v>
      </c>
      <c r="C31" s="16">
        <v>6</v>
      </c>
      <c r="D31" s="17">
        <v>13</v>
      </c>
    </row>
    <row r="32" spans="1:4" ht="18" customHeight="1" x14ac:dyDescent="0.2">
      <c r="A32" s="14">
        <v>22</v>
      </c>
      <c r="B32" s="15">
        <v>8</v>
      </c>
      <c r="C32" s="16">
        <v>4</v>
      </c>
      <c r="D32" s="17">
        <v>12</v>
      </c>
    </row>
    <row r="33" spans="1:4" ht="18" customHeight="1" x14ac:dyDescent="0.2">
      <c r="A33" s="14">
        <v>23</v>
      </c>
      <c r="B33" s="15">
        <v>7</v>
      </c>
      <c r="C33" s="16">
        <v>11</v>
      </c>
      <c r="D33" s="17">
        <v>18</v>
      </c>
    </row>
    <row r="34" spans="1:4" ht="18" customHeight="1" x14ac:dyDescent="0.2">
      <c r="A34" s="14">
        <v>24</v>
      </c>
      <c r="B34" s="15">
        <v>4</v>
      </c>
      <c r="C34" s="16">
        <v>8</v>
      </c>
      <c r="D34" s="17">
        <v>12</v>
      </c>
    </row>
    <row r="35" spans="1:4" ht="18" customHeight="1" x14ac:dyDescent="0.2">
      <c r="A35" s="18" t="s">
        <v>53</v>
      </c>
      <c r="B35" s="15">
        <v>37</v>
      </c>
      <c r="C35" s="16">
        <v>39</v>
      </c>
      <c r="D35" s="17">
        <v>76</v>
      </c>
    </row>
    <row r="36" spans="1:4" ht="18" customHeight="1" x14ac:dyDescent="0.2">
      <c r="A36" s="14">
        <v>25</v>
      </c>
      <c r="B36" s="15">
        <v>6</v>
      </c>
      <c r="C36" s="16">
        <v>12</v>
      </c>
      <c r="D36" s="17">
        <v>18</v>
      </c>
    </row>
    <row r="37" spans="1:4" ht="18" customHeight="1" x14ac:dyDescent="0.2">
      <c r="A37" s="14">
        <v>26</v>
      </c>
      <c r="B37" s="15">
        <v>7</v>
      </c>
      <c r="C37" s="16">
        <v>7</v>
      </c>
      <c r="D37" s="17">
        <v>14</v>
      </c>
    </row>
    <row r="38" spans="1:4" ht="18" customHeight="1" x14ac:dyDescent="0.2">
      <c r="A38" s="14">
        <v>27</v>
      </c>
      <c r="B38" s="15">
        <v>10</v>
      </c>
      <c r="C38" s="16">
        <v>12</v>
      </c>
      <c r="D38" s="17">
        <v>22</v>
      </c>
    </row>
    <row r="39" spans="1:4" ht="18" customHeight="1" x14ac:dyDescent="0.2">
      <c r="A39" s="14">
        <v>28</v>
      </c>
      <c r="B39" s="15">
        <v>10</v>
      </c>
      <c r="C39" s="16">
        <v>5</v>
      </c>
      <c r="D39" s="17">
        <v>15</v>
      </c>
    </row>
    <row r="40" spans="1:4" ht="18" customHeight="1" x14ac:dyDescent="0.2">
      <c r="A40" s="14">
        <v>29</v>
      </c>
      <c r="B40" s="15">
        <v>9</v>
      </c>
      <c r="C40" s="16">
        <v>6</v>
      </c>
      <c r="D40" s="17">
        <v>15</v>
      </c>
    </row>
    <row r="41" spans="1:4" ht="18" customHeight="1" x14ac:dyDescent="0.2">
      <c r="A41" s="18" t="s">
        <v>54</v>
      </c>
      <c r="B41" s="15">
        <v>42</v>
      </c>
      <c r="C41" s="16">
        <v>42</v>
      </c>
      <c r="D41" s="17">
        <v>84</v>
      </c>
    </row>
    <row r="42" spans="1:4" ht="18" customHeight="1" x14ac:dyDescent="0.2">
      <c r="A42" s="14">
        <v>30</v>
      </c>
      <c r="B42" s="15">
        <v>4</v>
      </c>
      <c r="C42" s="16">
        <v>8</v>
      </c>
      <c r="D42" s="17">
        <v>12</v>
      </c>
    </row>
    <row r="43" spans="1:4" ht="18" customHeight="1" x14ac:dyDescent="0.2">
      <c r="A43" s="14">
        <v>31</v>
      </c>
      <c r="B43" s="15">
        <v>8</v>
      </c>
      <c r="C43" s="16">
        <v>10</v>
      </c>
      <c r="D43" s="17">
        <v>18</v>
      </c>
    </row>
    <row r="44" spans="1:4" ht="18" customHeight="1" x14ac:dyDescent="0.2">
      <c r="A44" s="14">
        <v>32</v>
      </c>
      <c r="B44" s="15">
        <v>10</v>
      </c>
      <c r="C44" s="16">
        <v>4</v>
      </c>
      <c r="D44" s="17">
        <v>14</v>
      </c>
    </row>
    <row r="45" spans="1:4" ht="18" customHeight="1" x14ac:dyDescent="0.2">
      <c r="A45" s="14">
        <v>33</v>
      </c>
      <c r="B45" s="15">
        <v>9</v>
      </c>
      <c r="C45" s="16">
        <v>10</v>
      </c>
      <c r="D45" s="17">
        <v>19</v>
      </c>
    </row>
    <row r="46" spans="1:4" ht="18" customHeight="1" x14ac:dyDescent="0.2">
      <c r="A46" s="14">
        <v>34</v>
      </c>
      <c r="B46" s="15">
        <v>15</v>
      </c>
      <c r="C46" s="16">
        <v>10</v>
      </c>
      <c r="D46" s="17">
        <v>25</v>
      </c>
    </row>
    <row r="47" spans="1:4" ht="18" customHeight="1" x14ac:dyDescent="0.2">
      <c r="A47" s="18" t="s">
        <v>55</v>
      </c>
      <c r="B47" s="15">
        <v>46</v>
      </c>
      <c r="C47" s="16">
        <v>42</v>
      </c>
      <c r="D47" s="17">
        <v>88</v>
      </c>
    </row>
    <row r="48" spans="1:4" ht="18" customHeight="1" x14ac:dyDescent="0.2">
      <c r="A48" s="14">
        <v>35</v>
      </c>
      <c r="B48" s="15">
        <v>14</v>
      </c>
      <c r="C48" s="16">
        <v>13</v>
      </c>
      <c r="D48" s="17">
        <v>27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0</v>
      </c>
      <c r="C50" s="16">
        <v>15</v>
      </c>
      <c r="D50" s="17">
        <v>25</v>
      </c>
    </row>
    <row r="51" spans="1:4" ht="18" customHeight="1" x14ac:dyDescent="0.2">
      <c r="A51" s="14">
        <v>38</v>
      </c>
      <c r="B51" s="15">
        <v>14</v>
      </c>
      <c r="C51" s="16">
        <v>15</v>
      </c>
      <c r="D51" s="17">
        <v>29</v>
      </c>
    </row>
    <row r="52" spans="1:4" ht="18" customHeight="1" x14ac:dyDescent="0.2">
      <c r="A52" s="14">
        <v>39</v>
      </c>
      <c r="B52" s="15">
        <v>20</v>
      </c>
      <c r="C52" s="16">
        <v>13</v>
      </c>
      <c r="D52" s="17">
        <v>33</v>
      </c>
    </row>
    <row r="53" spans="1:4" ht="18" customHeight="1" x14ac:dyDescent="0.2">
      <c r="A53" s="18" t="s">
        <v>56</v>
      </c>
      <c r="B53" s="15">
        <v>71</v>
      </c>
      <c r="C53" s="16">
        <v>68</v>
      </c>
      <c r="D53" s="17">
        <v>139</v>
      </c>
    </row>
    <row r="54" spans="1:4" ht="18" customHeight="1" x14ac:dyDescent="0.2">
      <c r="A54" s="14">
        <v>40</v>
      </c>
      <c r="B54" s="15">
        <v>16</v>
      </c>
      <c r="C54" s="16">
        <v>14</v>
      </c>
      <c r="D54" s="17">
        <v>30</v>
      </c>
    </row>
    <row r="55" spans="1:4" ht="18" customHeight="1" x14ac:dyDescent="0.2">
      <c r="A55" s="14">
        <v>41</v>
      </c>
      <c r="B55" s="15">
        <v>16</v>
      </c>
      <c r="C55" s="16">
        <v>17</v>
      </c>
      <c r="D55" s="17">
        <v>33</v>
      </c>
    </row>
    <row r="56" spans="1:4" ht="18" customHeight="1" x14ac:dyDescent="0.2">
      <c r="A56" s="14">
        <v>42</v>
      </c>
      <c r="B56" s="15">
        <v>14</v>
      </c>
      <c r="C56" s="16">
        <v>14</v>
      </c>
      <c r="D56" s="17">
        <v>28</v>
      </c>
    </row>
    <row r="57" spans="1:4" ht="18" customHeight="1" x14ac:dyDescent="0.2">
      <c r="A57" s="14">
        <v>43</v>
      </c>
      <c r="B57" s="15">
        <v>19</v>
      </c>
      <c r="C57" s="16">
        <v>17</v>
      </c>
      <c r="D57" s="17">
        <v>36</v>
      </c>
    </row>
    <row r="58" spans="1:4" ht="18" customHeight="1" x14ac:dyDescent="0.2">
      <c r="A58" s="14">
        <v>44</v>
      </c>
      <c r="B58" s="15">
        <v>19</v>
      </c>
      <c r="C58" s="16">
        <v>19</v>
      </c>
      <c r="D58" s="17">
        <v>38</v>
      </c>
    </row>
    <row r="59" spans="1:4" ht="18" customHeight="1" x14ac:dyDescent="0.2">
      <c r="A59" s="18" t="s">
        <v>57</v>
      </c>
      <c r="B59" s="15">
        <v>84</v>
      </c>
      <c r="C59" s="16">
        <v>81</v>
      </c>
      <c r="D59" s="17">
        <v>165</v>
      </c>
    </row>
    <row r="60" spans="1:4" ht="18" customHeight="1" x14ac:dyDescent="0.2">
      <c r="A60" s="14">
        <v>45</v>
      </c>
      <c r="B60" s="15">
        <v>18</v>
      </c>
      <c r="C60" s="16">
        <v>18</v>
      </c>
      <c r="D60" s="17">
        <v>36</v>
      </c>
    </row>
    <row r="61" spans="1:4" ht="18" customHeight="1" x14ac:dyDescent="0.2">
      <c r="A61" s="14">
        <v>46</v>
      </c>
      <c r="B61" s="15">
        <v>17</v>
      </c>
      <c r="C61" s="16">
        <v>18</v>
      </c>
      <c r="D61" s="17">
        <v>35</v>
      </c>
    </row>
    <row r="62" spans="1:4" ht="18" customHeight="1" x14ac:dyDescent="0.2">
      <c r="A62" s="14">
        <v>47</v>
      </c>
      <c r="B62" s="15">
        <v>25</v>
      </c>
      <c r="C62" s="16">
        <v>23</v>
      </c>
      <c r="D62" s="17">
        <v>48</v>
      </c>
    </row>
    <row r="63" spans="1:4" ht="18" customHeight="1" x14ac:dyDescent="0.2">
      <c r="A63" s="14">
        <v>48</v>
      </c>
      <c r="B63" s="15">
        <v>17</v>
      </c>
      <c r="C63" s="16">
        <v>15</v>
      </c>
      <c r="D63" s="17">
        <v>32</v>
      </c>
    </row>
    <row r="64" spans="1:4" ht="18" customHeight="1" x14ac:dyDescent="0.2">
      <c r="A64" s="14">
        <v>49</v>
      </c>
      <c r="B64" s="15">
        <v>10</v>
      </c>
      <c r="C64" s="16">
        <v>13</v>
      </c>
      <c r="D64" s="17">
        <v>23</v>
      </c>
    </row>
    <row r="65" spans="1:4" ht="18" customHeight="1" x14ac:dyDescent="0.2">
      <c r="A65" s="18" t="s">
        <v>58</v>
      </c>
      <c r="B65" s="15">
        <v>87</v>
      </c>
      <c r="C65" s="16">
        <v>87</v>
      </c>
      <c r="D65" s="17">
        <v>174</v>
      </c>
    </row>
    <row r="66" spans="1:4" ht="18" customHeight="1" x14ac:dyDescent="0.2">
      <c r="A66" s="14">
        <v>50</v>
      </c>
      <c r="B66" s="15">
        <v>23</v>
      </c>
      <c r="C66" s="16">
        <v>14</v>
      </c>
      <c r="D66" s="17">
        <v>37</v>
      </c>
    </row>
    <row r="67" spans="1:4" ht="18" customHeight="1" x14ac:dyDescent="0.2">
      <c r="A67" s="14">
        <v>51</v>
      </c>
      <c r="B67" s="15">
        <v>14</v>
      </c>
      <c r="C67" s="16">
        <v>14</v>
      </c>
      <c r="D67" s="17">
        <v>28</v>
      </c>
    </row>
    <row r="68" spans="1:4" ht="18" customHeight="1" x14ac:dyDescent="0.2">
      <c r="A68" s="14">
        <v>52</v>
      </c>
      <c r="B68" s="15">
        <v>7</v>
      </c>
      <c r="C68" s="16">
        <v>14</v>
      </c>
      <c r="D68" s="17">
        <v>21</v>
      </c>
    </row>
    <row r="69" spans="1:4" ht="18" customHeight="1" x14ac:dyDescent="0.2">
      <c r="A69" s="14">
        <v>53</v>
      </c>
      <c r="B69" s="15">
        <v>21</v>
      </c>
      <c r="C69" s="16">
        <v>18</v>
      </c>
      <c r="D69" s="17">
        <v>39</v>
      </c>
    </row>
    <row r="70" spans="1:4" ht="18" customHeight="1" x14ac:dyDescent="0.2">
      <c r="A70" s="14">
        <v>54</v>
      </c>
      <c r="B70" s="15">
        <v>17</v>
      </c>
      <c r="C70" s="16">
        <v>6</v>
      </c>
      <c r="D70" s="17">
        <v>23</v>
      </c>
    </row>
    <row r="71" spans="1:4" ht="18" customHeight="1" x14ac:dyDescent="0.2">
      <c r="A71" s="18" t="s">
        <v>59</v>
      </c>
      <c r="B71" s="15">
        <v>82</v>
      </c>
      <c r="C71" s="16">
        <v>66</v>
      </c>
      <c r="D71" s="17">
        <v>148</v>
      </c>
    </row>
    <row r="72" spans="1:4" ht="18" customHeight="1" x14ac:dyDescent="0.2">
      <c r="A72" s="14">
        <v>55</v>
      </c>
      <c r="B72" s="15">
        <v>16</v>
      </c>
      <c r="C72" s="16">
        <v>8</v>
      </c>
      <c r="D72" s="17">
        <v>24</v>
      </c>
    </row>
    <row r="73" spans="1:4" ht="18" customHeight="1" x14ac:dyDescent="0.2">
      <c r="A73" s="14">
        <v>56</v>
      </c>
      <c r="B73" s="15">
        <v>13</v>
      </c>
      <c r="C73" s="16">
        <v>10</v>
      </c>
      <c r="D73" s="17">
        <v>23</v>
      </c>
    </row>
    <row r="74" spans="1:4" ht="18" customHeight="1" x14ac:dyDescent="0.2">
      <c r="A74" s="14">
        <v>57</v>
      </c>
      <c r="B74" s="15">
        <v>13</v>
      </c>
      <c r="C74" s="16">
        <v>12</v>
      </c>
      <c r="D74" s="17">
        <v>25</v>
      </c>
    </row>
    <row r="75" spans="1:4" ht="18" customHeight="1" x14ac:dyDescent="0.2">
      <c r="A75" s="14">
        <v>58</v>
      </c>
      <c r="B75" s="15">
        <v>15</v>
      </c>
      <c r="C75" s="16">
        <v>11</v>
      </c>
      <c r="D75" s="17">
        <v>26</v>
      </c>
    </row>
    <row r="76" spans="1:4" ht="18" customHeight="1" x14ac:dyDescent="0.2">
      <c r="A76" s="14">
        <v>59</v>
      </c>
      <c r="B76" s="15">
        <v>11</v>
      </c>
      <c r="C76" s="16">
        <v>14</v>
      </c>
      <c r="D76" s="17">
        <v>25</v>
      </c>
    </row>
    <row r="77" spans="1:4" ht="18" customHeight="1" x14ac:dyDescent="0.2">
      <c r="A77" s="18" t="s">
        <v>60</v>
      </c>
      <c r="B77" s="15">
        <v>68</v>
      </c>
      <c r="C77" s="16">
        <v>55</v>
      </c>
      <c r="D77" s="17">
        <v>123</v>
      </c>
    </row>
    <row r="78" spans="1:4" ht="18" customHeight="1" x14ac:dyDescent="0.2">
      <c r="A78" s="14">
        <v>60</v>
      </c>
      <c r="B78" s="15">
        <v>15</v>
      </c>
      <c r="C78" s="16">
        <v>20</v>
      </c>
      <c r="D78" s="17">
        <v>35</v>
      </c>
    </row>
    <row r="79" spans="1:4" ht="18" customHeight="1" x14ac:dyDescent="0.2">
      <c r="A79" s="14">
        <v>61</v>
      </c>
      <c r="B79" s="15">
        <v>10</v>
      </c>
      <c r="C79" s="16">
        <v>16</v>
      </c>
      <c r="D79" s="17">
        <v>26</v>
      </c>
    </row>
    <row r="80" spans="1:4" ht="18" customHeight="1" x14ac:dyDescent="0.2">
      <c r="A80" s="14">
        <v>62</v>
      </c>
      <c r="B80" s="15">
        <v>6</v>
      </c>
      <c r="C80" s="16">
        <v>19</v>
      </c>
      <c r="D80" s="17">
        <v>25</v>
      </c>
    </row>
    <row r="81" spans="1:4" ht="18" customHeight="1" x14ac:dyDescent="0.2">
      <c r="A81" s="14">
        <v>63</v>
      </c>
      <c r="B81" s="15">
        <v>15</v>
      </c>
      <c r="C81" s="16">
        <v>18</v>
      </c>
      <c r="D81" s="17">
        <v>33</v>
      </c>
    </row>
    <row r="82" spans="1:4" ht="18" customHeight="1" x14ac:dyDescent="0.2">
      <c r="A82" s="14">
        <v>64</v>
      </c>
      <c r="B82" s="15">
        <v>15</v>
      </c>
      <c r="C82" s="16">
        <v>26</v>
      </c>
      <c r="D82" s="17">
        <v>41</v>
      </c>
    </row>
    <row r="83" spans="1:4" ht="18" customHeight="1" x14ac:dyDescent="0.2">
      <c r="A83" s="18" t="s">
        <v>61</v>
      </c>
      <c r="B83" s="15">
        <v>61</v>
      </c>
      <c r="C83" s="16">
        <v>99</v>
      </c>
      <c r="D83" s="17">
        <v>160</v>
      </c>
    </row>
    <row r="84" spans="1:4" ht="18" customHeight="1" x14ac:dyDescent="0.2">
      <c r="A84" s="18" t="s">
        <v>62</v>
      </c>
      <c r="B84" s="15">
        <v>642</v>
      </c>
      <c r="C84" s="16">
        <v>642</v>
      </c>
      <c r="D84" s="17">
        <v>1284</v>
      </c>
    </row>
    <row r="85" spans="1:4" ht="18" customHeight="1" x14ac:dyDescent="0.2">
      <c r="A85" s="14">
        <v>65</v>
      </c>
      <c r="B85" s="15">
        <v>17</v>
      </c>
      <c r="C85" s="16">
        <v>32</v>
      </c>
      <c r="D85" s="17">
        <v>49</v>
      </c>
    </row>
    <row r="86" spans="1:4" ht="18" customHeight="1" x14ac:dyDescent="0.2">
      <c r="A86" s="14">
        <v>66</v>
      </c>
      <c r="B86" s="15">
        <v>30</v>
      </c>
      <c r="C86" s="16">
        <v>23</v>
      </c>
      <c r="D86" s="17">
        <v>53</v>
      </c>
    </row>
    <row r="87" spans="1:4" ht="18" customHeight="1" x14ac:dyDescent="0.2">
      <c r="A87" s="14">
        <v>67</v>
      </c>
      <c r="B87" s="15">
        <v>37</v>
      </c>
      <c r="C87" s="16">
        <v>24</v>
      </c>
      <c r="D87" s="17">
        <v>61</v>
      </c>
    </row>
    <row r="88" spans="1:4" ht="18" customHeight="1" x14ac:dyDescent="0.2">
      <c r="A88" s="14">
        <v>68</v>
      </c>
      <c r="B88" s="15">
        <v>23</v>
      </c>
      <c r="C88" s="16">
        <v>29</v>
      </c>
      <c r="D88" s="17">
        <v>52</v>
      </c>
    </row>
    <row r="89" spans="1:4" ht="18" customHeight="1" x14ac:dyDescent="0.2">
      <c r="A89" s="14">
        <v>69</v>
      </c>
      <c r="B89" s="15">
        <v>33</v>
      </c>
      <c r="C89" s="16">
        <v>37</v>
      </c>
      <c r="D89" s="17">
        <v>70</v>
      </c>
    </row>
    <row r="90" spans="1:4" ht="18" customHeight="1" x14ac:dyDescent="0.2">
      <c r="A90" s="18" t="s">
        <v>63</v>
      </c>
      <c r="B90" s="15">
        <v>140</v>
      </c>
      <c r="C90" s="16">
        <v>145</v>
      </c>
      <c r="D90" s="17">
        <v>285</v>
      </c>
    </row>
    <row r="91" spans="1:4" ht="18" customHeight="1" x14ac:dyDescent="0.2">
      <c r="A91" s="14">
        <v>70</v>
      </c>
      <c r="B91" s="15">
        <v>31</v>
      </c>
      <c r="C91" s="16">
        <v>30</v>
      </c>
      <c r="D91" s="17">
        <v>61</v>
      </c>
    </row>
    <row r="92" spans="1:4" ht="18" customHeight="1" x14ac:dyDescent="0.2">
      <c r="A92" s="14">
        <v>71</v>
      </c>
      <c r="B92" s="15">
        <v>23</v>
      </c>
      <c r="C92" s="16">
        <v>34</v>
      </c>
      <c r="D92" s="17">
        <v>57</v>
      </c>
    </row>
    <row r="93" spans="1:4" ht="18" customHeight="1" x14ac:dyDescent="0.2">
      <c r="A93" s="14">
        <v>72</v>
      </c>
      <c r="B93" s="15">
        <v>23</v>
      </c>
      <c r="C93" s="16">
        <v>30</v>
      </c>
      <c r="D93" s="17">
        <v>53</v>
      </c>
    </row>
    <row r="94" spans="1:4" ht="18" customHeight="1" x14ac:dyDescent="0.2">
      <c r="A94" s="14">
        <v>73</v>
      </c>
      <c r="B94" s="15">
        <v>15</v>
      </c>
      <c r="C94" s="16">
        <v>27</v>
      </c>
      <c r="D94" s="17">
        <v>42</v>
      </c>
    </row>
    <row r="95" spans="1:4" ht="18" customHeight="1" x14ac:dyDescent="0.2">
      <c r="A95" s="14">
        <v>74</v>
      </c>
      <c r="B95" s="15">
        <v>22</v>
      </c>
      <c r="C95" s="16">
        <v>28</v>
      </c>
      <c r="D95" s="17">
        <v>50</v>
      </c>
    </row>
    <row r="96" spans="1:4" ht="18" customHeight="1" x14ac:dyDescent="0.2">
      <c r="A96" s="18" t="s">
        <v>64</v>
      </c>
      <c r="B96" s="15">
        <v>114</v>
      </c>
      <c r="C96" s="16">
        <v>149</v>
      </c>
      <c r="D96" s="17">
        <v>263</v>
      </c>
    </row>
    <row r="97" spans="1:4" ht="18" customHeight="1" x14ac:dyDescent="0.2">
      <c r="A97" s="14">
        <v>75</v>
      </c>
      <c r="B97" s="15">
        <v>19</v>
      </c>
      <c r="C97" s="16">
        <v>21</v>
      </c>
      <c r="D97" s="17">
        <v>40</v>
      </c>
    </row>
    <row r="98" spans="1:4" ht="18" customHeight="1" x14ac:dyDescent="0.2">
      <c r="A98" s="14">
        <v>76</v>
      </c>
      <c r="B98" s="15">
        <v>18</v>
      </c>
      <c r="C98" s="16">
        <v>26</v>
      </c>
      <c r="D98" s="17">
        <v>44</v>
      </c>
    </row>
    <row r="99" spans="1:4" ht="18" customHeight="1" x14ac:dyDescent="0.2">
      <c r="A99" s="14">
        <v>77</v>
      </c>
      <c r="B99" s="15">
        <v>16</v>
      </c>
      <c r="C99" s="16">
        <v>24</v>
      </c>
      <c r="D99" s="17">
        <v>40</v>
      </c>
    </row>
    <row r="100" spans="1:4" ht="18" customHeight="1" x14ac:dyDescent="0.2">
      <c r="A100" s="14">
        <v>78</v>
      </c>
      <c r="B100" s="15">
        <v>20</v>
      </c>
      <c r="C100" s="16">
        <v>20</v>
      </c>
      <c r="D100" s="17">
        <v>40</v>
      </c>
    </row>
    <row r="101" spans="1:4" ht="18" customHeight="1" x14ac:dyDescent="0.2">
      <c r="A101" s="14">
        <v>79</v>
      </c>
      <c r="B101" s="15">
        <v>12</v>
      </c>
      <c r="C101" s="16">
        <v>14</v>
      </c>
      <c r="D101" s="17">
        <v>26</v>
      </c>
    </row>
    <row r="102" spans="1:4" ht="18" customHeight="1" x14ac:dyDescent="0.2">
      <c r="A102" s="18" t="s">
        <v>65</v>
      </c>
      <c r="B102" s="15">
        <v>85</v>
      </c>
      <c r="C102" s="16">
        <v>105</v>
      </c>
      <c r="D102" s="17">
        <v>190</v>
      </c>
    </row>
    <row r="103" spans="1:4" ht="18" customHeight="1" x14ac:dyDescent="0.2">
      <c r="A103" s="14">
        <v>80</v>
      </c>
      <c r="B103" s="15">
        <v>14</v>
      </c>
      <c r="C103" s="16">
        <v>21</v>
      </c>
      <c r="D103" s="17">
        <v>35</v>
      </c>
    </row>
    <row r="104" spans="1:4" ht="18" customHeight="1" x14ac:dyDescent="0.2">
      <c r="A104" s="14">
        <v>81</v>
      </c>
      <c r="B104" s="15">
        <v>13</v>
      </c>
      <c r="C104" s="16">
        <v>21</v>
      </c>
      <c r="D104" s="17">
        <v>34</v>
      </c>
    </row>
    <row r="105" spans="1:4" ht="18" customHeight="1" x14ac:dyDescent="0.2">
      <c r="A105" s="14">
        <v>82</v>
      </c>
      <c r="B105" s="15">
        <v>9</v>
      </c>
      <c r="C105" s="16">
        <v>22</v>
      </c>
      <c r="D105" s="17">
        <v>31</v>
      </c>
    </row>
    <row r="106" spans="1:4" ht="18" customHeight="1" x14ac:dyDescent="0.2">
      <c r="A106" s="14">
        <v>83</v>
      </c>
      <c r="B106" s="15">
        <v>7</v>
      </c>
      <c r="C106" s="16">
        <v>15</v>
      </c>
      <c r="D106" s="17">
        <v>22</v>
      </c>
    </row>
    <row r="107" spans="1:4" ht="18" customHeight="1" x14ac:dyDescent="0.2">
      <c r="A107" s="14">
        <v>84</v>
      </c>
      <c r="B107" s="15">
        <v>7</v>
      </c>
      <c r="C107" s="16">
        <v>19</v>
      </c>
      <c r="D107" s="17">
        <v>26</v>
      </c>
    </row>
    <row r="108" spans="1:4" ht="18" customHeight="1" x14ac:dyDescent="0.2">
      <c r="A108" s="18" t="s">
        <v>66</v>
      </c>
      <c r="B108" s="15">
        <v>50</v>
      </c>
      <c r="C108" s="16">
        <v>98</v>
      </c>
      <c r="D108" s="17">
        <v>148</v>
      </c>
    </row>
    <row r="109" spans="1:4" ht="18" customHeight="1" x14ac:dyDescent="0.2">
      <c r="A109" s="14">
        <v>85</v>
      </c>
      <c r="B109" s="15">
        <v>4</v>
      </c>
      <c r="C109" s="16">
        <v>16</v>
      </c>
      <c r="D109" s="17">
        <v>20</v>
      </c>
    </row>
    <row r="110" spans="1:4" ht="18" customHeight="1" x14ac:dyDescent="0.2">
      <c r="A110" s="14">
        <v>86</v>
      </c>
      <c r="B110" s="15">
        <v>5</v>
      </c>
      <c r="C110" s="16">
        <v>11</v>
      </c>
      <c r="D110" s="17">
        <v>16</v>
      </c>
    </row>
    <row r="111" spans="1:4" ht="18" customHeight="1" x14ac:dyDescent="0.2">
      <c r="A111" s="14">
        <v>87</v>
      </c>
      <c r="B111" s="15">
        <v>13</v>
      </c>
      <c r="C111" s="16">
        <v>15</v>
      </c>
      <c r="D111" s="17">
        <v>28</v>
      </c>
    </row>
    <row r="112" spans="1:4" ht="18" customHeight="1" x14ac:dyDescent="0.2">
      <c r="A112" s="14">
        <v>88</v>
      </c>
      <c r="B112" s="15">
        <v>6</v>
      </c>
      <c r="C112" s="16">
        <v>13</v>
      </c>
      <c r="D112" s="17">
        <v>19</v>
      </c>
    </row>
    <row r="113" spans="1:4" ht="18" customHeight="1" x14ac:dyDescent="0.2">
      <c r="A113" s="14">
        <v>89</v>
      </c>
      <c r="B113" s="15">
        <v>4</v>
      </c>
      <c r="C113" s="16">
        <v>10</v>
      </c>
      <c r="D113" s="17">
        <v>14</v>
      </c>
    </row>
    <row r="114" spans="1:4" ht="18" customHeight="1" x14ac:dyDescent="0.2">
      <c r="A114" s="18" t="s">
        <v>67</v>
      </c>
      <c r="B114" s="15">
        <v>32</v>
      </c>
      <c r="C114" s="16">
        <v>65</v>
      </c>
      <c r="D114" s="17">
        <v>97</v>
      </c>
    </row>
    <row r="115" spans="1:4" ht="18" customHeight="1" x14ac:dyDescent="0.2">
      <c r="A115" s="14">
        <v>90</v>
      </c>
      <c r="B115" s="15">
        <v>5</v>
      </c>
      <c r="C115" s="16">
        <v>6</v>
      </c>
      <c r="D115" s="17">
        <v>11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1</v>
      </c>
      <c r="C117" s="16">
        <v>12</v>
      </c>
      <c r="D117" s="17">
        <v>13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10</v>
      </c>
      <c r="C120" s="16">
        <v>40</v>
      </c>
      <c r="D120" s="17">
        <v>50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33</v>
      </c>
      <c r="C130" s="5">
        <v>612</v>
      </c>
      <c r="D130" s="6">
        <v>1045</v>
      </c>
    </row>
    <row r="131" spans="1:4" ht="18" customHeight="1" x14ac:dyDescent="0.2">
      <c r="A131" s="20" t="s">
        <v>47</v>
      </c>
      <c r="B131" s="7">
        <v>1193</v>
      </c>
      <c r="C131" s="8">
        <v>1381</v>
      </c>
      <c r="D131" s="9">
        <v>25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11</v>
      </c>
      <c r="D5" s="13">
        <v>20</v>
      </c>
    </row>
    <row r="6" spans="1:10" ht="18" customHeight="1" x14ac:dyDescent="0.2">
      <c r="A6" s="14">
        <v>1</v>
      </c>
      <c r="B6" s="15">
        <v>7</v>
      </c>
      <c r="C6" s="16">
        <v>11</v>
      </c>
      <c r="D6" s="17">
        <v>18</v>
      </c>
    </row>
    <row r="7" spans="1:10" ht="18" customHeight="1" x14ac:dyDescent="0.2">
      <c r="A7" s="14">
        <v>2</v>
      </c>
      <c r="B7" s="15">
        <v>10</v>
      </c>
      <c r="C7" s="16">
        <v>12</v>
      </c>
      <c r="D7" s="17">
        <v>22</v>
      </c>
    </row>
    <row r="8" spans="1:10" ht="18" customHeight="1" x14ac:dyDescent="0.2">
      <c r="A8" s="14">
        <v>3</v>
      </c>
      <c r="B8" s="15">
        <v>8</v>
      </c>
      <c r="C8" s="16">
        <v>8</v>
      </c>
      <c r="D8" s="17">
        <v>16</v>
      </c>
    </row>
    <row r="9" spans="1:10" ht="18" customHeight="1" x14ac:dyDescent="0.2">
      <c r="A9" s="14">
        <v>4</v>
      </c>
      <c r="B9" s="15">
        <v>11</v>
      </c>
      <c r="C9" s="16">
        <v>9</v>
      </c>
      <c r="D9" s="17">
        <v>20</v>
      </c>
    </row>
    <row r="10" spans="1:10" ht="18" customHeight="1" x14ac:dyDescent="0.2">
      <c r="A10" s="18" t="s">
        <v>48</v>
      </c>
      <c r="B10" s="15">
        <v>45</v>
      </c>
      <c r="C10" s="16">
        <v>51</v>
      </c>
      <c r="D10" s="17">
        <v>96</v>
      </c>
    </row>
    <row r="11" spans="1:10" ht="18" customHeight="1" x14ac:dyDescent="0.2">
      <c r="A11" s="14">
        <v>5</v>
      </c>
      <c r="B11" s="15">
        <v>9</v>
      </c>
      <c r="C11" s="16">
        <v>14</v>
      </c>
      <c r="D11" s="17">
        <v>23</v>
      </c>
    </row>
    <row r="12" spans="1:10" ht="18" customHeight="1" x14ac:dyDescent="0.2">
      <c r="A12" s="14">
        <v>6</v>
      </c>
      <c r="B12" s="15">
        <v>11</v>
      </c>
      <c r="C12" s="16">
        <v>9</v>
      </c>
      <c r="D12" s="17">
        <v>20</v>
      </c>
    </row>
    <row r="13" spans="1:10" ht="18" customHeight="1" x14ac:dyDescent="0.2">
      <c r="A13" s="14">
        <v>7</v>
      </c>
      <c r="B13" s="15">
        <v>8</v>
      </c>
      <c r="C13" s="16">
        <v>14</v>
      </c>
      <c r="D13" s="17">
        <v>22</v>
      </c>
    </row>
    <row r="14" spans="1:10" ht="18" customHeight="1" x14ac:dyDescent="0.2">
      <c r="A14" s="14">
        <v>8</v>
      </c>
      <c r="B14" s="15">
        <v>16</v>
      </c>
      <c r="C14" s="16">
        <v>13</v>
      </c>
      <c r="D14" s="17">
        <v>29</v>
      </c>
    </row>
    <row r="15" spans="1:10" ht="18" customHeight="1" x14ac:dyDescent="0.2">
      <c r="A15" s="14">
        <v>9</v>
      </c>
      <c r="B15" s="15">
        <v>10</v>
      </c>
      <c r="C15" s="16">
        <v>15</v>
      </c>
      <c r="D15" s="17">
        <v>25</v>
      </c>
    </row>
    <row r="16" spans="1:10" ht="18" customHeight="1" x14ac:dyDescent="0.2">
      <c r="A16" s="18" t="s">
        <v>49</v>
      </c>
      <c r="B16" s="15">
        <v>54</v>
      </c>
      <c r="C16" s="16">
        <v>65</v>
      </c>
      <c r="D16" s="17">
        <v>119</v>
      </c>
    </row>
    <row r="17" spans="1:4" ht="18" customHeight="1" x14ac:dyDescent="0.2">
      <c r="A17" s="14">
        <v>10</v>
      </c>
      <c r="B17" s="15">
        <v>20</v>
      </c>
      <c r="C17" s="16">
        <v>17</v>
      </c>
      <c r="D17" s="17">
        <v>37</v>
      </c>
    </row>
    <row r="18" spans="1:4" ht="18" customHeight="1" x14ac:dyDescent="0.2">
      <c r="A18" s="14">
        <v>11</v>
      </c>
      <c r="B18" s="15">
        <v>20</v>
      </c>
      <c r="C18" s="16">
        <v>19</v>
      </c>
      <c r="D18" s="17">
        <v>39</v>
      </c>
    </row>
    <row r="19" spans="1:4" ht="18" customHeight="1" x14ac:dyDescent="0.2">
      <c r="A19" s="14">
        <v>12</v>
      </c>
      <c r="B19" s="15">
        <v>24</v>
      </c>
      <c r="C19" s="16">
        <v>18</v>
      </c>
      <c r="D19" s="17">
        <v>42</v>
      </c>
    </row>
    <row r="20" spans="1:4" ht="18" customHeight="1" x14ac:dyDescent="0.2">
      <c r="A20" s="14">
        <v>13</v>
      </c>
      <c r="B20" s="15">
        <v>16</v>
      </c>
      <c r="C20" s="16">
        <v>25</v>
      </c>
      <c r="D20" s="17">
        <v>41</v>
      </c>
    </row>
    <row r="21" spans="1:4" ht="18" customHeight="1" x14ac:dyDescent="0.2">
      <c r="A21" s="14">
        <v>14</v>
      </c>
      <c r="B21" s="15">
        <v>30</v>
      </c>
      <c r="C21" s="16">
        <v>23</v>
      </c>
      <c r="D21" s="17">
        <v>53</v>
      </c>
    </row>
    <row r="22" spans="1:4" ht="18" customHeight="1" x14ac:dyDescent="0.2">
      <c r="A22" s="18" t="s">
        <v>50</v>
      </c>
      <c r="B22" s="15">
        <v>110</v>
      </c>
      <c r="C22" s="16">
        <v>102</v>
      </c>
      <c r="D22" s="17">
        <v>212</v>
      </c>
    </row>
    <row r="23" spans="1:4" ht="18" customHeight="1" x14ac:dyDescent="0.2">
      <c r="A23" s="18" t="s">
        <v>51</v>
      </c>
      <c r="B23" s="15">
        <v>209</v>
      </c>
      <c r="C23" s="16">
        <v>218</v>
      </c>
      <c r="D23" s="17">
        <v>427</v>
      </c>
    </row>
    <row r="24" spans="1:4" ht="18" customHeight="1" x14ac:dyDescent="0.2">
      <c r="A24" s="14">
        <v>15</v>
      </c>
      <c r="B24" s="15">
        <v>23</v>
      </c>
      <c r="C24" s="16">
        <v>19</v>
      </c>
      <c r="D24" s="17">
        <v>42</v>
      </c>
    </row>
    <row r="25" spans="1:4" ht="18" customHeight="1" x14ac:dyDescent="0.2">
      <c r="A25" s="14">
        <v>16</v>
      </c>
      <c r="B25" s="15">
        <v>35</v>
      </c>
      <c r="C25" s="16">
        <v>22</v>
      </c>
      <c r="D25" s="17">
        <v>57</v>
      </c>
    </row>
    <row r="26" spans="1:4" ht="18" customHeight="1" x14ac:dyDescent="0.2">
      <c r="A26" s="14">
        <v>17</v>
      </c>
      <c r="B26" s="15">
        <v>32</v>
      </c>
      <c r="C26" s="16">
        <v>29</v>
      </c>
      <c r="D26" s="17">
        <v>61</v>
      </c>
    </row>
    <row r="27" spans="1:4" ht="18" customHeight="1" x14ac:dyDescent="0.2">
      <c r="A27" s="14">
        <v>18</v>
      </c>
      <c r="B27" s="15">
        <v>42</v>
      </c>
      <c r="C27" s="16">
        <v>29</v>
      </c>
      <c r="D27" s="17">
        <v>71</v>
      </c>
    </row>
    <row r="28" spans="1:4" ht="18" customHeight="1" x14ac:dyDescent="0.2">
      <c r="A28" s="14">
        <v>19</v>
      </c>
      <c r="B28" s="15">
        <v>26</v>
      </c>
      <c r="C28" s="16">
        <v>27</v>
      </c>
      <c r="D28" s="17">
        <v>53</v>
      </c>
    </row>
    <row r="29" spans="1:4" ht="18" customHeight="1" x14ac:dyDescent="0.2">
      <c r="A29" s="18" t="s">
        <v>52</v>
      </c>
      <c r="B29" s="15">
        <v>158</v>
      </c>
      <c r="C29" s="16">
        <v>126</v>
      </c>
      <c r="D29" s="17">
        <v>284</v>
      </c>
    </row>
    <row r="30" spans="1:4" ht="18" customHeight="1" x14ac:dyDescent="0.2">
      <c r="A30" s="14">
        <v>20</v>
      </c>
      <c r="B30" s="15">
        <v>26</v>
      </c>
      <c r="C30" s="16">
        <v>21</v>
      </c>
      <c r="D30" s="17">
        <v>47</v>
      </c>
    </row>
    <row r="31" spans="1:4" ht="18" customHeight="1" x14ac:dyDescent="0.2">
      <c r="A31" s="14">
        <v>21</v>
      </c>
      <c r="B31" s="15">
        <v>32</v>
      </c>
      <c r="C31" s="16">
        <v>20</v>
      </c>
      <c r="D31" s="17">
        <v>52</v>
      </c>
    </row>
    <row r="32" spans="1:4" ht="18" customHeight="1" x14ac:dyDescent="0.2">
      <c r="A32" s="14">
        <v>22</v>
      </c>
      <c r="B32" s="15">
        <v>34</v>
      </c>
      <c r="C32" s="16">
        <v>17</v>
      </c>
      <c r="D32" s="17">
        <v>51</v>
      </c>
    </row>
    <row r="33" spans="1:4" ht="18" customHeight="1" x14ac:dyDescent="0.2">
      <c r="A33" s="14">
        <v>23</v>
      </c>
      <c r="B33" s="15">
        <v>27</v>
      </c>
      <c r="C33" s="16">
        <v>22</v>
      </c>
      <c r="D33" s="17">
        <v>49</v>
      </c>
    </row>
    <row r="34" spans="1:4" ht="18" customHeight="1" x14ac:dyDescent="0.2">
      <c r="A34" s="14">
        <v>24</v>
      </c>
      <c r="B34" s="15">
        <v>16</v>
      </c>
      <c r="C34" s="16">
        <v>14</v>
      </c>
      <c r="D34" s="17">
        <v>30</v>
      </c>
    </row>
    <row r="35" spans="1:4" ht="18" customHeight="1" x14ac:dyDescent="0.2">
      <c r="A35" s="18" t="s">
        <v>53</v>
      </c>
      <c r="B35" s="15">
        <v>135</v>
      </c>
      <c r="C35" s="16">
        <v>94</v>
      </c>
      <c r="D35" s="17">
        <v>229</v>
      </c>
    </row>
    <row r="36" spans="1:4" ht="18" customHeight="1" x14ac:dyDescent="0.2">
      <c r="A36" s="14">
        <v>25</v>
      </c>
      <c r="B36" s="15">
        <v>21</v>
      </c>
      <c r="C36" s="16">
        <v>18</v>
      </c>
      <c r="D36" s="17">
        <v>39</v>
      </c>
    </row>
    <row r="37" spans="1:4" ht="18" customHeight="1" x14ac:dyDescent="0.2">
      <c r="A37" s="14">
        <v>26</v>
      </c>
      <c r="B37" s="15">
        <v>15</v>
      </c>
      <c r="C37" s="16">
        <v>14</v>
      </c>
      <c r="D37" s="17">
        <v>29</v>
      </c>
    </row>
    <row r="38" spans="1:4" ht="18" customHeight="1" x14ac:dyDescent="0.2">
      <c r="A38" s="14">
        <v>27</v>
      </c>
      <c r="B38" s="15">
        <v>18</v>
      </c>
      <c r="C38" s="16">
        <v>7</v>
      </c>
      <c r="D38" s="17">
        <v>25</v>
      </c>
    </row>
    <row r="39" spans="1:4" ht="18" customHeight="1" x14ac:dyDescent="0.2">
      <c r="A39" s="14">
        <v>28</v>
      </c>
      <c r="B39" s="15">
        <v>13</v>
      </c>
      <c r="C39" s="16">
        <v>15</v>
      </c>
      <c r="D39" s="17">
        <v>28</v>
      </c>
    </row>
    <row r="40" spans="1:4" ht="18" customHeight="1" x14ac:dyDescent="0.2">
      <c r="A40" s="14">
        <v>29</v>
      </c>
      <c r="B40" s="15">
        <v>16</v>
      </c>
      <c r="C40" s="16">
        <v>8</v>
      </c>
      <c r="D40" s="17">
        <v>24</v>
      </c>
    </row>
    <row r="41" spans="1:4" ht="18" customHeight="1" x14ac:dyDescent="0.2">
      <c r="A41" s="18" t="s">
        <v>54</v>
      </c>
      <c r="B41" s="15">
        <v>83</v>
      </c>
      <c r="C41" s="16">
        <v>62</v>
      </c>
      <c r="D41" s="17">
        <v>145</v>
      </c>
    </row>
    <row r="42" spans="1:4" ht="18" customHeight="1" x14ac:dyDescent="0.2">
      <c r="A42" s="14">
        <v>30</v>
      </c>
      <c r="B42" s="15">
        <v>15</v>
      </c>
      <c r="C42" s="16">
        <v>10</v>
      </c>
      <c r="D42" s="17">
        <v>25</v>
      </c>
    </row>
    <row r="43" spans="1:4" ht="18" customHeight="1" x14ac:dyDescent="0.2">
      <c r="A43" s="14">
        <v>31</v>
      </c>
      <c r="B43" s="15">
        <v>13</v>
      </c>
      <c r="C43" s="16">
        <v>17</v>
      </c>
      <c r="D43" s="17">
        <v>30</v>
      </c>
    </row>
    <row r="44" spans="1:4" ht="18" customHeight="1" x14ac:dyDescent="0.2">
      <c r="A44" s="14">
        <v>32</v>
      </c>
      <c r="B44" s="15">
        <v>14</v>
      </c>
      <c r="C44" s="16">
        <v>13</v>
      </c>
      <c r="D44" s="17">
        <v>27</v>
      </c>
    </row>
    <row r="45" spans="1:4" ht="18" customHeight="1" x14ac:dyDescent="0.2">
      <c r="A45" s="14">
        <v>33</v>
      </c>
      <c r="B45" s="15">
        <v>17</v>
      </c>
      <c r="C45" s="16">
        <v>17</v>
      </c>
      <c r="D45" s="17">
        <v>34</v>
      </c>
    </row>
    <row r="46" spans="1:4" ht="18" customHeight="1" x14ac:dyDescent="0.2">
      <c r="A46" s="14">
        <v>34</v>
      </c>
      <c r="B46" s="15">
        <v>18</v>
      </c>
      <c r="C46" s="16">
        <v>11</v>
      </c>
      <c r="D46" s="17">
        <v>29</v>
      </c>
    </row>
    <row r="47" spans="1:4" ht="18" customHeight="1" x14ac:dyDescent="0.2">
      <c r="A47" s="18" t="s">
        <v>55</v>
      </c>
      <c r="B47" s="15">
        <v>77</v>
      </c>
      <c r="C47" s="16">
        <v>68</v>
      </c>
      <c r="D47" s="17">
        <v>145</v>
      </c>
    </row>
    <row r="48" spans="1:4" ht="18" customHeight="1" x14ac:dyDescent="0.2">
      <c r="A48" s="14">
        <v>35</v>
      </c>
      <c r="B48" s="15">
        <v>10</v>
      </c>
      <c r="C48" s="16">
        <v>9</v>
      </c>
      <c r="D48" s="17">
        <v>19</v>
      </c>
    </row>
    <row r="49" spans="1:4" ht="18" customHeight="1" x14ac:dyDescent="0.2">
      <c r="A49" s="14">
        <v>36</v>
      </c>
      <c r="B49" s="15">
        <v>15</v>
      </c>
      <c r="C49" s="16">
        <v>19</v>
      </c>
      <c r="D49" s="17">
        <v>34</v>
      </c>
    </row>
    <row r="50" spans="1:4" ht="18" customHeight="1" x14ac:dyDescent="0.2">
      <c r="A50" s="14">
        <v>37</v>
      </c>
      <c r="B50" s="15">
        <v>11</v>
      </c>
      <c r="C50" s="16">
        <v>25</v>
      </c>
      <c r="D50" s="17">
        <v>36</v>
      </c>
    </row>
    <row r="51" spans="1:4" ht="18" customHeight="1" x14ac:dyDescent="0.2">
      <c r="A51" s="14">
        <v>38</v>
      </c>
      <c r="B51" s="15">
        <v>17</v>
      </c>
      <c r="C51" s="16">
        <v>17</v>
      </c>
      <c r="D51" s="17">
        <v>34</v>
      </c>
    </row>
    <row r="52" spans="1:4" ht="18" customHeight="1" x14ac:dyDescent="0.2">
      <c r="A52" s="14">
        <v>39</v>
      </c>
      <c r="B52" s="15">
        <v>22</v>
      </c>
      <c r="C52" s="16">
        <v>24</v>
      </c>
      <c r="D52" s="17">
        <v>46</v>
      </c>
    </row>
    <row r="53" spans="1:4" ht="18" customHeight="1" x14ac:dyDescent="0.2">
      <c r="A53" s="18" t="s">
        <v>56</v>
      </c>
      <c r="B53" s="15">
        <v>75</v>
      </c>
      <c r="C53" s="16">
        <v>94</v>
      </c>
      <c r="D53" s="17">
        <v>169</v>
      </c>
    </row>
    <row r="54" spans="1:4" ht="18" customHeight="1" x14ac:dyDescent="0.2">
      <c r="A54" s="14">
        <v>40</v>
      </c>
      <c r="B54" s="15">
        <v>32</v>
      </c>
      <c r="C54" s="16">
        <v>25</v>
      </c>
      <c r="D54" s="17">
        <v>57</v>
      </c>
    </row>
    <row r="55" spans="1:4" ht="18" customHeight="1" x14ac:dyDescent="0.2">
      <c r="A55" s="14">
        <v>41</v>
      </c>
      <c r="B55" s="15">
        <v>21</v>
      </c>
      <c r="C55" s="16">
        <v>22</v>
      </c>
      <c r="D55" s="17">
        <v>43</v>
      </c>
    </row>
    <row r="56" spans="1:4" ht="18" customHeight="1" x14ac:dyDescent="0.2">
      <c r="A56" s="14">
        <v>42</v>
      </c>
      <c r="B56" s="15">
        <v>36</v>
      </c>
      <c r="C56" s="16">
        <v>25</v>
      </c>
      <c r="D56" s="17">
        <v>61</v>
      </c>
    </row>
    <row r="57" spans="1:4" ht="18" customHeight="1" x14ac:dyDescent="0.2">
      <c r="A57" s="14">
        <v>43</v>
      </c>
      <c r="B57" s="15">
        <v>37</v>
      </c>
      <c r="C57" s="16">
        <v>38</v>
      </c>
      <c r="D57" s="17">
        <v>75</v>
      </c>
    </row>
    <row r="58" spans="1:4" ht="18" customHeight="1" x14ac:dyDescent="0.2">
      <c r="A58" s="14">
        <v>44</v>
      </c>
      <c r="B58" s="15">
        <v>45</v>
      </c>
      <c r="C58" s="16">
        <v>44</v>
      </c>
      <c r="D58" s="17">
        <v>89</v>
      </c>
    </row>
    <row r="59" spans="1:4" ht="18" customHeight="1" x14ac:dyDescent="0.2">
      <c r="A59" s="18" t="s">
        <v>57</v>
      </c>
      <c r="B59" s="15">
        <v>171</v>
      </c>
      <c r="C59" s="16">
        <v>154</v>
      </c>
      <c r="D59" s="17">
        <v>325</v>
      </c>
    </row>
    <row r="60" spans="1:4" ht="18" customHeight="1" x14ac:dyDescent="0.2">
      <c r="A60" s="14">
        <v>45</v>
      </c>
      <c r="B60" s="15">
        <v>35</v>
      </c>
      <c r="C60" s="16">
        <v>38</v>
      </c>
      <c r="D60" s="17">
        <v>73</v>
      </c>
    </row>
    <row r="61" spans="1:4" ht="18" customHeight="1" x14ac:dyDescent="0.2">
      <c r="A61" s="14">
        <v>46</v>
      </c>
      <c r="B61" s="15">
        <v>27</v>
      </c>
      <c r="C61" s="16">
        <v>41</v>
      </c>
      <c r="D61" s="17">
        <v>68</v>
      </c>
    </row>
    <row r="62" spans="1:4" ht="18" customHeight="1" x14ac:dyDescent="0.2">
      <c r="A62" s="14">
        <v>47</v>
      </c>
      <c r="B62" s="15">
        <v>45</v>
      </c>
      <c r="C62" s="16">
        <v>39</v>
      </c>
      <c r="D62" s="17">
        <v>84</v>
      </c>
    </row>
    <row r="63" spans="1:4" ht="18" customHeight="1" x14ac:dyDescent="0.2">
      <c r="A63" s="14">
        <v>48</v>
      </c>
      <c r="B63" s="15">
        <v>39</v>
      </c>
      <c r="C63" s="16">
        <v>30</v>
      </c>
      <c r="D63" s="17">
        <v>69</v>
      </c>
    </row>
    <row r="64" spans="1:4" ht="18" customHeight="1" x14ac:dyDescent="0.2">
      <c r="A64" s="14">
        <v>49</v>
      </c>
      <c r="B64" s="15">
        <v>33</v>
      </c>
      <c r="C64" s="16">
        <v>30</v>
      </c>
      <c r="D64" s="17">
        <v>63</v>
      </c>
    </row>
    <row r="65" spans="1:4" ht="18" customHeight="1" x14ac:dyDescent="0.2">
      <c r="A65" s="18" t="s">
        <v>58</v>
      </c>
      <c r="B65" s="15">
        <v>179</v>
      </c>
      <c r="C65" s="16">
        <v>178</v>
      </c>
      <c r="D65" s="17">
        <v>357</v>
      </c>
    </row>
    <row r="66" spans="1:4" ht="18" customHeight="1" x14ac:dyDescent="0.2">
      <c r="A66" s="14">
        <v>50</v>
      </c>
      <c r="B66" s="15">
        <v>35</v>
      </c>
      <c r="C66" s="16">
        <v>43</v>
      </c>
      <c r="D66" s="17">
        <v>78</v>
      </c>
    </row>
    <row r="67" spans="1:4" ht="18" customHeight="1" x14ac:dyDescent="0.2">
      <c r="A67" s="14">
        <v>51</v>
      </c>
      <c r="B67" s="15">
        <v>27</v>
      </c>
      <c r="C67" s="16">
        <v>36</v>
      </c>
      <c r="D67" s="17">
        <v>63</v>
      </c>
    </row>
    <row r="68" spans="1:4" ht="18" customHeight="1" x14ac:dyDescent="0.2">
      <c r="A68" s="14">
        <v>52</v>
      </c>
      <c r="B68" s="15">
        <v>28</v>
      </c>
      <c r="C68" s="16">
        <v>19</v>
      </c>
      <c r="D68" s="17">
        <v>47</v>
      </c>
    </row>
    <row r="69" spans="1:4" ht="18" customHeight="1" x14ac:dyDescent="0.2">
      <c r="A69" s="14">
        <v>53</v>
      </c>
      <c r="B69" s="15">
        <v>30</v>
      </c>
      <c r="C69" s="16">
        <v>41</v>
      </c>
      <c r="D69" s="17">
        <v>71</v>
      </c>
    </row>
    <row r="70" spans="1:4" ht="18" customHeight="1" x14ac:dyDescent="0.2">
      <c r="A70" s="14">
        <v>54</v>
      </c>
      <c r="B70" s="15">
        <v>20</v>
      </c>
      <c r="C70" s="16">
        <v>22</v>
      </c>
      <c r="D70" s="17">
        <v>42</v>
      </c>
    </row>
    <row r="71" spans="1:4" ht="18" customHeight="1" x14ac:dyDescent="0.2">
      <c r="A71" s="18" t="s">
        <v>59</v>
      </c>
      <c r="B71" s="15">
        <v>140</v>
      </c>
      <c r="C71" s="16">
        <v>161</v>
      </c>
      <c r="D71" s="17">
        <v>301</v>
      </c>
    </row>
    <row r="72" spans="1:4" ht="18" customHeight="1" x14ac:dyDescent="0.2">
      <c r="A72" s="14">
        <v>55</v>
      </c>
      <c r="B72" s="15">
        <v>24</v>
      </c>
      <c r="C72" s="16">
        <v>22</v>
      </c>
      <c r="D72" s="17">
        <v>46</v>
      </c>
    </row>
    <row r="73" spans="1:4" ht="18" customHeight="1" x14ac:dyDescent="0.2">
      <c r="A73" s="14">
        <v>56</v>
      </c>
      <c r="B73" s="15">
        <v>22</v>
      </c>
      <c r="C73" s="16">
        <v>22</v>
      </c>
      <c r="D73" s="17">
        <v>44</v>
      </c>
    </row>
    <row r="74" spans="1:4" ht="18" customHeight="1" x14ac:dyDescent="0.2">
      <c r="A74" s="14">
        <v>57</v>
      </c>
      <c r="B74" s="15">
        <v>28</v>
      </c>
      <c r="C74" s="16">
        <v>28</v>
      </c>
      <c r="D74" s="17">
        <v>56</v>
      </c>
    </row>
    <row r="75" spans="1:4" ht="18" customHeight="1" x14ac:dyDescent="0.2">
      <c r="A75" s="14">
        <v>58</v>
      </c>
      <c r="B75" s="15">
        <v>26</v>
      </c>
      <c r="C75" s="16">
        <v>19</v>
      </c>
      <c r="D75" s="17">
        <v>45</v>
      </c>
    </row>
    <row r="76" spans="1:4" ht="18" customHeight="1" x14ac:dyDescent="0.2">
      <c r="A76" s="14">
        <v>59</v>
      </c>
      <c r="B76" s="15">
        <v>28</v>
      </c>
      <c r="C76" s="16">
        <v>17</v>
      </c>
      <c r="D76" s="17">
        <v>45</v>
      </c>
    </row>
    <row r="77" spans="1:4" ht="18" customHeight="1" x14ac:dyDescent="0.2">
      <c r="A77" s="18" t="s">
        <v>60</v>
      </c>
      <c r="B77" s="15">
        <v>128</v>
      </c>
      <c r="C77" s="16">
        <v>108</v>
      </c>
      <c r="D77" s="17">
        <v>236</v>
      </c>
    </row>
    <row r="78" spans="1:4" ht="18" customHeight="1" x14ac:dyDescent="0.2">
      <c r="A78" s="14">
        <v>60</v>
      </c>
      <c r="B78" s="15">
        <v>16</v>
      </c>
      <c r="C78" s="16">
        <v>21</v>
      </c>
      <c r="D78" s="17">
        <v>37</v>
      </c>
    </row>
    <row r="79" spans="1:4" ht="18" customHeight="1" x14ac:dyDescent="0.2">
      <c r="A79" s="14">
        <v>61</v>
      </c>
      <c r="B79" s="15">
        <v>25</v>
      </c>
      <c r="C79" s="16">
        <v>19</v>
      </c>
      <c r="D79" s="17">
        <v>44</v>
      </c>
    </row>
    <row r="80" spans="1:4" ht="18" customHeight="1" x14ac:dyDescent="0.2">
      <c r="A80" s="14">
        <v>62</v>
      </c>
      <c r="B80" s="15">
        <v>16</v>
      </c>
      <c r="C80" s="16">
        <v>28</v>
      </c>
      <c r="D80" s="17">
        <v>44</v>
      </c>
    </row>
    <row r="81" spans="1:4" ht="18" customHeight="1" x14ac:dyDescent="0.2">
      <c r="A81" s="14">
        <v>63</v>
      </c>
      <c r="B81" s="15">
        <v>23</v>
      </c>
      <c r="C81" s="16">
        <v>22</v>
      </c>
      <c r="D81" s="17">
        <v>45</v>
      </c>
    </row>
    <row r="82" spans="1:4" ht="18" customHeight="1" x14ac:dyDescent="0.2">
      <c r="A82" s="14">
        <v>64</v>
      </c>
      <c r="B82" s="15">
        <v>23</v>
      </c>
      <c r="C82" s="16">
        <v>19</v>
      </c>
      <c r="D82" s="17">
        <v>42</v>
      </c>
    </row>
    <row r="83" spans="1:4" ht="18" customHeight="1" x14ac:dyDescent="0.2">
      <c r="A83" s="18" t="s">
        <v>61</v>
      </c>
      <c r="B83" s="15">
        <v>103</v>
      </c>
      <c r="C83" s="16">
        <v>109</v>
      </c>
      <c r="D83" s="17">
        <v>212</v>
      </c>
    </row>
    <row r="84" spans="1:4" ht="18" customHeight="1" x14ac:dyDescent="0.2">
      <c r="A84" s="18" t="s">
        <v>62</v>
      </c>
      <c r="B84" s="15">
        <v>1249</v>
      </c>
      <c r="C84" s="16">
        <v>1154</v>
      </c>
      <c r="D84" s="17">
        <v>2403</v>
      </c>
    </row>
    <row r="85" spans="1:4" ht="18" customHeight="1" x14ac:dyDescent="0.2">
      <c r="A85" s="14">
        <v>65</v>
      </c>
      <c r="B85" s="15">
        <v>35</v>
      </c>
      <c r="C85" s="16">
        <v>26</v>
      </c>
      <c r="D85" s="17">
        <v>61</v>
      </c>
    </row>
    <row r="86" spans="1:4" ht="18" customHeight="1" x14ac:dyDescent="0.2">
      <c r="A86" s="14">
        <v>66</v>
      </c>
      <c r="B86" s="15">
        <v>28</v>
      </c>
      <c r="C86" s="16">
        <v>30</v>
      </c>
      <c r="D86" s="17">
        <v>58</v>
      </c>
    </row>
    <row r="87" spans="1:4" ht="18" customHeight="1" x14ac:dyDescent="0.2">
      <c r="A87" s="14">
        <v>67</v>
      </c>
      <c r="B87" s="15">
        <v>18</v>
      </c>
      <c r="C87" s="16">
        <v>38</v>
      </c>
      <c r="D87" s="17">
        <v>56</v>
      </c>
    </row>
    <row r="88" spans="1:4" ht="18" customHeight="1" x14ac:dyDescent="0.2">
      <c r="A88" s="14">
        <v>68</v>
      </c>
      <c r="B88" s="15">
        <v>31</v>
      </c>
      <c r="C88" s="16">
        <v>41</v>
      </c>
      <c r="D88" s="17">
        <v>72</v>
      </c>
    </row>
    <row r="89" spans="1:4" ht="18" customHeight="1" x14ac:dyDescent="0.2">
      <c r="A89" s="14">
        <v>69</v>
      </c>
      <c r="B89" s="15">
        <v>39</v>
      </c>
      <c r="C89" s="16">
        <v>46</v>
      </c>
      <c r="D89" s="17">
        <v>85</v>
      </c>
    </row>
    <row r="90" spans="1:4" ht="18" customHeight="1" x14ac:dyDescent="0.2">
      <c r="A90" s="18" t="s">
        <v>63</v>
      </c>
      <c r="B90" s="15">
        <v>151</v>
      </c>
      <c r="C90" s="16">
        <v>181</v>
      </c>
      <c r="D90" s="17">
        <v>332</v>
      </c>
    </row>
    <row r="91" spans="1:4" ht="18" customHeight="1" x14ac:dyDescent="0.2">
      <c r="A91" s="14">
        <v>70</v>
      </c>
      <c r="B91" s="15">
        <v>37</v>
      </c>
      <c r="C91" s="16">
        <v>45</v>
      </c>
      <c r="D91" s="17">
        <v>82</v>
      </c>
    </row>
    <row r="92" spans="1:4" ht="18" customHeight="1" x14ac:dyDescent="0.2">
      <c r="A92" s="14">
        <v>71</v>
      </c>
      <c r="B92" s="15">
        <v>43</v>
      </c>
      <c r="C92" s="16">
        <v>46</v>
      </c>
      <c r="D92" s="17">
        <v>89</v>
      </c>
    </row>
    <row r="93" spans="1:4" ht="18" customHeight="1" x14ac:dyDescent="0.2">
      <c r="A93" s="14">
        <v>72</v>
      </c>
      <c r="B93" s="15">
        <v>24</v>
      </c>
      <c r="C93" s="16">
        <v>18</v>
      </c>
      <c r="D93" s="17">
        <v>42</v>
      </c>
    </row>
    <row r="94" spans="1:4" ht="18" customHeight="1" x14ac:dyDescent="0.2">
      <c r="A94" s="14">
        <v>73</v>
      </c>
      <c r="B94" s="15">
        <v>26</v>
      </c>
      <c r="C94" s="16">
        <v>25</v>
      </c>
      <c r="D94" s="17">
        <v>51</v>
      </c>
    </row>
    <row r="95" spans="1:4" ht="18" customHeight="1" x14ac:dyDescent="0.2">
      <c r="A95" s="14">
        <v>74</v>
      </c>
      <c r="B95" s="15">
        <v>27</v>
      </c>
      <c r="C95" s="16">
        <v>30</v>
      </c>
      <c r="D95" s="17">
        <v>57</v>
      </c>
    </row>
    <row r="96" spans="1:4" ht="18" customHeight="1" x14ac:dyDescent="0.2">
      <c r="A96" s="18" t="s">
        <v>64</v>
      </c>
      <c r="B96" s="15">
        <v>157</v>
      </c>
      <c r="C96" s="16">
        <v>164</v>
      </c>
      <c r="D96" s="17">
        <v>321</v>
      </c>
    </row>
    <row r="97" spans="1:4" ht="18" customHeight="1" x14ac:dyDescent="0.2">
      <c r="A97" s="14">
        <v>75</v>
      </c>
      <c r="B97" s="15">
        <v>14</v>
      </c>
      <c r="C97" s="16">
        <v>43</v>
      </c>
      <c r="D97" s="17">
        <v>57</v>
      </c>
    </row>
    <row r="98" spans="1:4" ht="18" customHeight="1" x14ac:dyDescent="0.2">
      <c r="A98" s="14">
        <v>76</v>
      </c>
      <c r="B98" s="15">
        <v>27</v>
      </c>
      <c r="C98" s="16">
        <v>32</v>
      </c>
      <c r="D98" s="17">
        <v>59</v>
      </c>
    </row>
    <row r="99" spans="1:4" ht="18" customHeight="1" x14ac:dyDescent="0.2">
      <c r="A99" s="14">
        <v>77</v>
      </c>
      <c r="B99" s="15">
        <v>28</v>
      </c>
      <c r="C99" s="16">
        <v>38</v>
      </c>
      <c r="D99" s="17">
        <v>66</v>
      </c>
    </row>
    <row r="100" spans="1:4" ht="18" customHeight="1" x14ac:dyDescent="0.2">
      <c r="A100" s="14">
        <v>78</v>
      </c>
      <c r="B100" s="15">
        <v>18</v>
      </c>
      <c r="C100" s="16">
        <v>25</v>
      </c>
      <c r="D100" s="17">
        <v>43</v>
      </c>
    </row>
    <row r="101" spans="1:4" ht="18" customHeight="1" x14ac:dyDescent="0.2">
      <c r="A101" s="14">
        <v>79</v>
      </c>
      <c r="B101" s="15">
        <v>14</v>
      </c>
      <c r="C101" s="16">
        <v>29</v>
      </c>
      <c r="D101" s="17">
        <v>43</v>
      </c>
    </row>
    <row r="102" spans="1:4" ht="18" customHeight="1" x14ac:dyDescent="0.2">
      <c r="A102" s="18" t="s">
        <v>65</v>
      </c>
      <c r="B102" s="15">
        <v>101</v>
      </c>
      <c r="C102" s="16">
        <v>167</v>
      </c>
      <c r="D102" s="17">
        <v>268</v>
      </c>
    </row>
    <row r="103" spans="1:4" ht="18" customHeight="1" x14ac:dyDescent="0.2">
      <c r="A103" s="14">
        <v>80</v>
      </c>
      <c r="B103" s="15">
        <v>22</v>
      </c>
      <c r="C103" s="16">
        <v>31</v>
      </c>
      <c r="D103" s="17">
        <v>53</v>
      </c>
    </row>
    <row r="104" spans="1:4" ht="18" customHeight="1" x14ac:dyDescent="0.2">
      <c r="A104" s="14">
        <v>81</v>
      </c>
      <c r="B104" s="15">
        <v>24</v>
      </c>
      <c r="C104" s="16">
        <v>28</v>
      </c>
      <c r="D104" s="17">
        <v>52</v>
      </c>
    </row>
    <row r="105" spans="1:4" ht="18" customHeight="1" x14ac:dyDescent="0.2">
      <c r="A105" s="14">
        <v>82</v>
      </c>
      <c r="B105" s="15">
        <v>6</v>
      </c>
      <c r="C105" s="16">
        <v>34</v>
      </c>
      <c r="D105" s="17">
        <v>40</v>
      </c>
    </row>
    <row r="106" spans="1:4" ht="18" customHeight="1" x14ac:dyDescent="0.2">
      <c r="A106" s="14">
        <v>83</v>
      </c>
      <c r="B106" s="15">
        <v>17</v>
      </c>
      <c r="C106" s="16">
        <v>24</v>
      </c>
      <c r="D106" s="17">
        <v>41</v>
      </c>
    </row>
    <row r="107" spans="1:4" ht="18" customHeight="1" x14ac:dyDescent="0.2">
      <c r="A107" s="14">
        <v>84</v>
      </c>
      <c r="B107" s="15">
        <v>15</v>
      </c>
      <c r="C107" s="16">
        <v>23</v>
      </c>
      <c r="D107" s="17">
        <v>38</v>
      </c>
    </row>
    <row r="108" spans="1:4" ht="18" customHeight="1" x14ac:dyDescent="0.2">
      <c r="A108" s="18" t="s">
        <v>66</v>
      </c>
      <c r="B108" s="15">
        <v>84</v>
      </c>
      <c r="C108" s="16">
        <v>140</v>
      </c>
      <c r="D108" s="17">
        <v>224</v>
      </c>
    </row>
    <row r="109" spans="1:4" ht="18" customHeight="1" x14ac:dyDescent="0.2">
      <c r="A109" s="14">
        <v>85</v>
      </c>
      <c r="B109" s="15">
        <v>7</v>
      </c>
      <c r="C109" s="16">
        <v>20</v>
      </c>
      <c r="D109" s="17">
        <v>27</v>
      </c>
    </row>
    <row r="110" spans="1:4" ht="18" customHeight="1" x14ac:dyDescent="0.2">
      <c r="A110" s="14">
        <v>86</v>
      </c>
      <c r="B110" s="15">
        <v>7</v>
      </c>
      <c r="C110" s="16">
        <v>17</v>
      </c>
      <c r="D110" s="17">
        <v>24</v>
      </c>
    </row>
    <row r="111" spans="1:4" ht="18" customHeight="1" x14ac:dyDescent="0.2">
      <c r="A111" s="14">
        <v>87</v>
      </c>
      <c r="B111" s="15">
        <v>8</v>
      </c>
      <c r="C111" s="16">
        <v>24</v>
      </c>
      <c r="D111" s="17">
        <v>32</v>
      </c>
    </row>
    <row r="112" spans="1:4" ht="18" customHeight="1" x14ac:dyDescent="0.2">
      <c r="A112" s="14">
        <v>88</v>
      </c>
      <c r="B112" s="15">
        <v>10</v>
      </c>
      <c r="C112" s="16">
        <v>13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16</v>
      </c>
      <c r="D113" s="17">
        <v>21</v>
      </c>
    </row>
    <row r="114" spans="1:4" ht="18" customHeight="1" x14ac:dyDescent="0.2">
      <c r="A114" s="18" t="s">
        <v>67</v>
      </c>
      <c r="B114" s="15">
        <v>37</v>
      </c>
      <c r="C114" s="16">
        <v>90</v>
      </c>
      <c r="D114" s="17">
        <v>127</v>
      </c>
    </row>
    <row r="115" spans="1:4" ht="18" customHeight="1" x14ac:dyDescent="0.2">
      <c r="A115" s="14">
        <v>90</v>
      </c>
      <c r="B115" s="15">
        <v>5</v>
      </c>
      <c r="C115" s="16">
        <v>14</v>
      </c>
      <c r="D115" s="17">
        <v>19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9</v>
      </c>
      <c r="C117" s="16">
        <v>1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8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21</v>
      </c>
      <c r="C120" s="16">
        <v>41</v>
      </c>
      <c r="D120" s="17">
        <v>62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552</v>
      </c>
      <c r="C130" s="5">
        <v>810</v>
      </c>
      <c r="D130" s="6">
        <v>1362</v>
      </c>
    </row>
    <row r="131" spans="1:4" ht="18" customHeight="1" x14ac:dyDescent="0.2">
      <c r="A131" s="20" t="s">
        <v>47</v>
      </c>
      <c r="B131" s="7">
        <v>2010</v>
      </c>
      <c r="C131" s="8">
        <v>2182</v>
      </c>
      <c r="D131" s="9">
        <v>41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67</v>
      </c>
      <c r="C5" s="12">
        <v>59</v>
      </c>
      <c r="D5" s="13">
        <v>126</v>
      </c>
    </row>
    <row r="6" spans="1:10" ht="18" customHeight="1" x14ac:dyDescent="0.2">
      <c r="A6" s="14">
        <v>1</v>
      </c>
      <c r="B6" s="15">
        <v>55</v>
      </c>
      <c r="C6" s="16">
        <v>54</v>
      </c>
      <c r="D6" s="17">
        <v>109</v>
      </c>
    </row>
    <row r="7" spans="1:10" ht="18" customHeight="1" x14ac:dyDescent="0.2">
      <c r="A7" s="14">
        <v>2</v>
      </c>
      <c r="B7" s="15">
        <v>46</v>
      </c>
      <c r="C7" s="16">
        <v>68</v>
      </c>
      <c r="D7" s="17">
        <v>114</v>
      </c>
    </row>
    <row r="8" spans="1:10" ht="18" customHeight="1" x14ac:dyDescent="0.2">
      <c r="A8" s="14">
        <v>3</v>
      </c>
      <c r="B8" s="15">
        <v>54</v>
      </c>
      <c r="C8" s="16">
        <v>61</v>
      </c>
      <c r="D8" s="17">
        <v>115</v>
      </c>
    </row>
    <row r="9" spans="1:10" ht="18" customHeight="1" x14ac:dyDescent="0.2">
      <c r="A9" s="14">
        <v>4</v>
      </c>
      <c r="B9" s="15">
        <v>65</v>
      </c>
      <c r="C9" s="16">
        <v>49</v>
      </c>
      <c r="D9" s="17">
        <v>114</v>
      </c>
    </row>
    <row r="10" spans="1:10" ht="18" customHeight="1" x14ac:dyDescent="0.2">
      <c r="A10" s="18" t="s">
        <v>48</v>
      </c>
      <c r="B10" s="15">
        <v>287</v>
      </c>
      <c r="C10" s="16">
        <v>291</v>
      </c>
      <c r="D10" s="17">
        <v>578</v>
      </c>
    </row>
    <row r="11" spans="1:10" ht="18" customHeight="1" x14ac:dyDescent="0.2">
      <c r="A11" s="14">
        <v>5</v>
      </c>
      <c r="B11" s="15">
        <v>66</v>
      </c>
      <c r="C11" s="16">
        <v>65</v>
      </c>
      <c r="D11" s="17">
        <v>131</v>
      </c>
    </row>
    <row r="12" spans="1:10" ht="18" customHeight="1" x14ac:dyDescent="0.2">
      <c r="A12" s="14">
        <v>6</v>
      </c>
      <c r="B12" s="15">
        <v>75</v>
      </c>
      <c r="C12" s="16">
        <v>62</v>
      </c>
      <c r="D12" s="17">
        <v>137</v>
      </c>
    </row>
    <row r="13" spans="1:10" ht="18" customHeight="1" x14ac:dyDescent="0.2">
      <c r="A13" s="14">
        <v>7</v>
      </c>
      <c r="B13" s="15">
        <v>71</v>
      </c>
      <c r="C13" s="16">
        <v>69</v>
      </c>
      <c r="D13" s="17">
        <v>140</v>
      </c>
    </row>
    <row r="14" spans="1:10" ht="18" customHeight="1" x14ac:dyDescent="0.2">
      <c r="A14" s="14">
        <v>8</v>
      </c>
      <c r="B14" s="15">
        <v>64</v>
      </c>
      <c r="C14" s="16">
        <v>52</v>
      </c>
      <c r="D14" s="17">
        <v>116</v>
      </c>
    </row>
    <row r="15" spans="1:10" ht="18" customHeight="1" x14ac:dyDescent="0.2">
      <c r="A15" s="14">
        <v>9</v>
      </c>
      <c r="B15" s="15">
        <v>78</v>
      </c>
      <c r="C15" s="16">
        <v>60</v>
      </c>
      <c r="D15" s="17">
        <v>138</v>
      </c>
    </row>
    <row r="16" spans="1:10" ht="18" customHeight="1" x14ac:dyDescent="0.2">
      <c r="A16" s="18" t="s">
        <v>49</v>
      </c>
      <c r="B16" s="15">
        <v>354</v>
      </c>
      <c r="C16" s="16">
        <v>308</v>
      </c>
      <c r="D16" s="17">
        <v>662</v>
      </c>
    </row>
    <row r="17" spans="1:4" ht="18" customHeight="1" x14ac:dyDescent="0.2">
      <c r="A17" s="14">
        <v>10</v>
      </c>
      <c r="B17" s="15">
        <v>61</v>
      </c>
      <c r="C17" s="16">
        <v>67</v>
      </c>
      <c r="D17" s="17">
        <v>128</v>
      </c>
    </row>
    <row r="18" spans="1:4" ht="18" customHeight="1" x14ac:dyDescent="0.2">
      <c r="A18" s="14">
        <v>11</v>
      </c>
      <c r="B18" s="15">
        <v>68</v>
      </c>
      <c r="C18" s="16">
        <v>46</v>
      </c>
      <c r="D18" s="17">
        <v>114</v>
      </c>
    </row>
    <row r="19" spans="1:4" ht="18" customHeight="1" x14ac:dyDescent="0.2">
      <c r="A19" s="14">
        <v>12</v>
      </c>
      <c r="B19" s="15">
        <v>69</v>
      </c>
      <c r="C19" s="16">
        <v>66</v>
      </c>
      <c r="D19" s="17">
        <v>135</v>
      </c>
    </row>
    <row r="20" spans="1:4" ht="18" customHeight="1" x14ac:dyDescent="0.2">
      <c r="A20" s="14">
        <v>13</v>
      </c>
      <c r="B20" s="15">
        <v>63</v>
      </c>
      <c r="C20" s="16">
        <v>67</v>
      </c>
      <c r="D20" s="17">
        <v>130</v>
      </c>
    </row>
    <row r="21" spans="1:4" ht="18" customHeight="1" x14ac:dyDescent="0.2">
      <c r="A21" s="14">
        <v>14</v>
      </c>
      <c r="B21" s="15">
        <v>71</v>
      </c>
      <c r="C21" s="16">
        <v>72</v>
      </c>
      <c r="D21" s="17">
        <v>143</v>
      </c>
    </row>
    <row r="22" spans="1:4" ht="18" customHeight="1" x14ac:dyDescent="0.2">
      <c r="A22" s="18" t="s">
        <v>50</v>
      </c>
      <c r="B22" s="15">
        <v>332</v>
      </c>
      <c r="C22" s="16">
        <v>318</v>
      </c>
      <c r="D22" s="17">
        <v>650</v>
      </c>
    </row>
    <row r="23" spans="1:4" ht="18" customHeight="1" x14ac:dyDescent="0.2">
      <c r="A23" s="18" t="s">
        <v>51</v>
      </c>
      <c r="B23" s="15">
        <v>973</v>
      </c>
      <c r="C23" s="16">
        <v>917</v>
      </c>
      <c r="D23" s="17">
        <v>1890</v>
      </c>
    </row>
    <row r="24" spans="1:4" ht="18" customHeight="1" x14ac:dyDescent="0.2">
      <c r="A24" s="14">
        <v>15</v>
      </c>
      <c r="B24" s="15">
        <v>69</v>
      </c>
      <c r="C24" s="16">
        <v>71</v>
      </c>
      <c r="D24" s="17">
        <v>140</v>
      </c>
    </row>
    <row r="25" spans="1:4" ht="18" customHeight="1" x14ac:dyDescent="0.2">
      <c r="A25" s="14">
        <v>16</v>
      </c>
      <c r="B25" s="15">
        <v>73</v>
      </c>
      <c r="C25" s="16">
        <v>77</v>
      </c>
      <c r="D25" s="17">
        <v>150</v>
      </c>
    </row>
    <row r="26" spans="1:4" ht="18" customHeight="1" x14ac:dyDescent="0.2">
      <c r="A26" s="14">
        <v>17</v>
      </c>
      <c r="B26" s="15">
        <v>85</v>
      </c>
      <c r="C26" s="16">
        <v>70</v>
      </c>
      <c r="D26" s="17">
        <v>155</v>
      </c>
    </row>
    <row r="27" spans="1:4" ht="18" customHeight="1" x14ac:dyDescent="0.2">
      <c r="A27" s="14">
        <v>18</v>
      </c>
      <c r="B27" s="15">
        <v>91</v>
      </c>
      <c r="C27" s="16">
        <v>70</v>
      </c>
      <c r="D27" s="17">
        <v>161</v>
      </c>
    </row>
    <row r="28" spans="1:4" ht="18" customHeight="1" x14ac:dyDescent="0.2">
      <c r="A28" s="14">
        <v>19</v>
      </c>
      <c r="B28" s="15">
        <v>75</v>
      </c>
      <c r="C28" s="16">
        <v>71</v>
      </c>
      <c r="D28" s="17">
        <v>146</v>
      </c>
    </row>
    <row r="29" spans="1:4" ht="18" customHeight="1" x14ac:dyDescent="0.2">
      <c r="A29" s="18" t="s">
        <v>52</v>
      </c>
      <c r="B29" s="15">
        <v>393</v>
      </c>
      <c r="C29" s="16">
        <v>359</v>
      </c>
      <c r="D29" s="17">
        <v>752</v>
      </c>
    </row>
    <row r="30" spans="1:4" ht="18" customHeight="1" x14ac:dyDescent="0.2">
      <c r="A30" s="14">
        <v>20</v>
      </c>
      <c r="B30" s="15">
        <v>80</v>
      </c>
      <c r="C30" s="16">
        <v>80</v>
      </c>
      <c r="D30" s="17">
        <v>160</v>
      </c>
    </row>
    <row r="31" spans="1:4" ht="18" customHeight="1" x14ac:dyDescent="0.2">
      <c r="A31" s="14">
        <v>21</v>
      </c>
      <c r="B31" s="15">
        <v>82</v>
      </c>
      <c r="C31" s="16">
        <v>66</v>
      </c>
      <c r="D31" s="17">
        <v>148</v>
      </c>
    </row>
    <row r="32" spans="1:4" ht="18" customHeight="1" x14ac:dyDescent="0.2">
      <c r="A32" s="14">
        <v>22</v>
      </c>
      <c r="B32" s="15">
        <v>73</v>
      </c>
      <c r="C32" s="16">
        <v>75</v>
      </c>
      <c r="D32" s="17">
        <v>148</v>
      </c>
    </row>
    <row r="33" spans="1:4" ht="18" customHeight="1" x14ac:dyDescent="0.2">
      <c r="A33" s="14">
        <v>23</v>
      </c>
      <c r="B33" s="15">
        <v>77</v>
      </c>
      <c r="C33" s="16">
        <v>60</v>
      </c>
      <c r="D33" s="17">
        <v>137</v>
      </c>
    </row>
    <row r="34" spans="1:4" ht="18" customHeight="1" x14ac:dyDescent="0.2">
      <c r="A34" s="14">
        <v>24</v>
      </c>
      <c r="B34" s="15">
        <v>72</v>
      </c>
      <c r="C34" s="16">
        <v>80</v>
      </c>
      <c r="D34" s="17">
        <v>152</v>
      </c>
    </row>
    <row r="35" spans="1:4" ht="18" customHeight="1" x14ac:dyDescent="0.2">
      <c r="A35" s="18" t="s">
        <v>53</v>
      </c>
      <c r="B35" s="15">
        <v>384</v>
      </c>
      <c r="C35" s="16">
        <v>361</v>
      </c>
      <c r="D35" s="17">
        <v>745</v>
      </c>
    </row>
    <row r="36" spans="1:4" ht="18" customHeight="1" x14ac:dyDescent="0.2">
      <c r="A36" s="14">
        <v>25</v>
      </c>
      <c r="B36" s="15">
        <v>83</v>
      </c>
      <c r="C36" s="16">
        <v>74</v>
      </c>
      <c r="D36" s="17">
        <v>157</v>
      </c>
    </row>
    <row r="37" spans="1:4" ht="18" customHeight="1" x14ac:dyDescent="0.2">
      <c r="A37" s="14">
        <v>26</v>
      </c>
      <c r="B37" s="15">
        <v>75</v>
      </c>
      <c r="C37" s="16">
        <v>47</v>
      </c>
      <c r="D37" s="17">
        <v>122</v>
      </c>
    </row>
    <row r="38" spans="1:4" ht="18" customHeight="1" x14ac:dyDescent="0.2">
      <c r="A38" s="14">
        <v>27</v>
      </c>
      <c r="B38" s="15">
        <v>73</v>
      </c>
      <c r="C38" s="16">
        <v>70</v>
      </c>
      <c r="D38" s="17">
        <v>143</v>
      </c>
    </row>
    <row r="39" spans="1:4" ht="18" customHeight="1" x14ac:dyDescent="0.2">
      <c r="A39" s="14">
        <v>28</v>
      </c>
      <c r="B39" s="15">
        <v>90</v>
      </c>
      <c r="C39" s="16">
        <v>61</v>
      </c>
      <c r="D39" s="17">
        <v>151</v>
      </c>
    </row>
    <row r="40" spans="1:4" ht="18" customHeight="1" x14ac:dyDescent="0.2">
      <c r="A40" s="14">
        <v>29</v>
      </c>
      <c r="B40" s="15">
        <v>62</v>
      </c>
      <c r="C40" s="16">
        <v>65</v>
      </c>
      <c r="D40" s="17">
        <v>127</v>
      </c>
    </row>
    <row r="41" spans="1:4" ht="18" customHeight="1" x14ac:dyDescent="0.2">
      <c r="A41" s="18" t="s">
        <v>54</v>
      </c>
      <c r="B41" s="15">
        <v>383</v>
      </c>
      <c r="C41" s="16">
        <v>317</v>
      </c>
      <c r="D41" s="17">
        <v>700</v>
      </c>
    </row>
    <row r="42" spans="1:4" ht="18" customHeight="1" x14ac:dyDescent="0.2">
      <c r="A42" s="14">
        <v>30</v>
      </c>
      <c r="B42" s="15">
        <v>87</v>
      </c>
      <c r="C42" s="16">
        <v>96</v>
      </c>
      <c r="D42" s="17">
        <v>183</v>
      </c>
    </row>
    <row r="43" spans="1:4" ht="18" customHeight="1" x14ac:dyDescent="0.2">
      <c r="A43" s="14">
        <v>31</v>
      </c>
      <c r="B43" s="15">
        <v>80</v>
      </c>
      <c r="C43" s="16">
        <v>76</v>
      </c>
      <c r="D43" s="17">
        <v>156</v>
      </c>
    </row>
    <row r="44" spans="1:4" ht="18" customHeight="1" x14ac:dyDescent="0.2">
      <c r="A44" s="14">
        <v>32</v>
      </c>
      <c r="B44" s="15">
        <v>74</v>
      </c>
      <c r="C44" s="16">
        <v>68</v>
      </c>
      <c r="D44" s="17">
        <v>142</v>
      </c>
    </row>
    <row r="45" spans="1:4" ht="18" customHeight="1" x14ac:dyDescent="0.2">
      <c r="A45" s="14">
        <v>33</v>
      </c>
      <c r="B45" s="15">
        <v>80</v>
      </c>
      <c r="C45" s="16">
        <v>96</v>
      </c>
      <c r="D45" s="17">
        <v>176</v>
      </c>
    </row>
    <row r="46" spans="1:4" ht="18" customHeight="1" x14ac:dyDescent="0.2">
      <c r="A46" s="14">
        <v>34</v>
      </c>
      <c r="B46" s="15">
        <v>95</v>
      </c>
      <c r="C46" s="16">
        <v>89</v>
      </c>
      <c r="D46" s="17">
        <v>184</v>
      </c>
    </row>
    <row r="47" spans="1:4" ht="18" customHeight="1" x14ac:dyDescent="0.2">
      <c r="A47" s="18" t="s">
        <v>55</v>
      </c>
      <c r="B47" s="15">
        <v>416</v>
      </c>
      <c r="C47" s="16">
        <v>425</v>
      </c>
      <c r="D47" s="17">
        <v>841</v>
      </c>
    </row>
    <row r="48" spans="1:4" ht="18" customHeight="1" x14ac:dyDescent="0.2">
      <c r="A48" s="14">
        <v>35</v>
      </c>
      <c r="B48" s="15">
        <v>97</v>
      </c>
      <c r="C48" s="16">
        <v>91</v>
      </c>
      <c r="D48" s="17">
        <v>188</v>
      </c>
    </row>
    <row r="49" spans="1:4" ht="18" customHeight="1" x14ac:dyDescent="0.2">
      <c r="A49" s="14">
        <v>36</v>
      </c>
      <c r="B49" s="15">
        <v>95</v>
      </c>
      <c r="C49" s="16">
        <v>76</v>
      </c>
      <c r="D49" s="17">
        <v>171</v>
      </c>
    </row>
    <row r="50" spans="1:4" ht="18" customHeight="1" x14ac:dyDescent="0.2">
      <c r="A50" s="14">
        <v>37</v>
      </c>
      <c r="B50" s="15">
        <v>75</v>
      </c>
      <c r="C50" s="16">
        <v>94</v>
      </c>
      <c r="D50" s="17">
        <v>169</v>
      </c>
    </row>
    <row r="51" spans="1:4" ht="18" customHeight="1" x14ac:dyDescent="0.2">
      <c r="A51" s="14">
        <v>38</v>
      </c>
      <c r="B51" s="15">
        <v>82</v>
      </c>
      <c r="C51" s="16">
        <v>87</v>
      </c>
      <c r="D51" s="17">
        <v>169</v>
      </c>
    </row>
    <row r="52" spans="1:4" ht="18" customHeight="1" x14ac:dyDescent="0.2">
      <c r="A52" s="14">
        <v>39</v>
      </c>
      <c r="B52" s="15">
        <v>104</v>
      </c>
      <c r="C52" s="16">
        <v>98</v>
      </c>
      <c r="D52" s="17">
        <v>202</v>
      </c>
    </row>
    <row r="53" spans="1:4" ht="18" customHeight="1" x14ac:dyDescent="0.2">
      <c r="A53" s="18" t="s">
        <v>56</v>
      </c>
      <c r="B53" s="15">
        <v>453</v>
      </c>
      <c r="C53" s="16">
        <v>446</v>
      </c>
      <c r="D53" s="17">
        <v>899</v>
      </c>
    </row>
    <row r="54" spans="1:4" ht="18" customHeight="1" x14ac:dyDescent="0.2">
      <c r="A54" s="14">
        <v>40</v>
      </c>
      <c r="B54" s="15">
        <v>110</v>
      </c>
      <c r="C54" s="16">
        <v>93</v>
      </c>
      <c r="D54" s="17">
        <v>203</v>
      </c>
    </row>
    <row r="55" spans="1:4" ht="18" customHeight="1" x14ac:dyDescent="0.2">
      <c r="A55" s="14">
        <v>41</v>
      </c>
      <c r="B55" s="15">
        <v>100</v>
      </c>
      <c r="C55" s="16">
        <v>85</v>
      </c>
      <c r="D55" s="17">
        <v>185</v>
      </c>
    </row>
    <row r="56" spans="1:4" ht="18" customHeight="1" x14ac:dyDescent="0.2">
      <c r="A56" s="14">
        <v>42</v>
      </c>
      <c r="B56" s="15">
        <v>118</v>
      </c>
      <c r="C56" s="16">
        <v>99</v>
      </c>
      <c r="D56" s="17">
        <v>217</v>
      </c>
    </row>
    <row r="57" spans="1:4" ht="18" customHeight="1" x14ac:dyDescent="0.2">
      <c r="A57" s="14">
        <v>43</v>
      </c>
      <c r="B57" s="15">
        <v>110</v>
      </c>
      <c r="C57" s="16">
        <v>133</v>
      </c>
      <c r="D57" s="17">
        <v>243</v>
      </c>
    </row>
    <row r="58" spans="1:4" ht="18" customHeight="1" x14ac:dyDescent="0.2">
      <c r="A58" s="14">
        <v>44</v>
      </c>
      <c r="B58" s="15">
        <v>122</v>
      </c>
      <c r="C58" s="16">
        <v>136</v>
      </c>
      <c r="D58" s="17">
        <v>258</v>
      </c>
    </row>
    <row r="59" spans="1:4" ht="18" customHeight="1" x14ac:dyDescent="0.2">
      <c r="A59" s="18" t="s">
        <v>57</v>
      </c>
      <c r="B59" s="15">
        <v>560</v>
      </c>
      <c r="C59" s="16">
        <v>546</v>
      </c>
      <c r="D59" s="17">
        <v>1106</v>
      </c>
    </row>
    <row r="60" spans="1:4" ht="18" customHeight="1" x14ac:dyDescent="0.2">
      <c r="A60" s="14">
        <v>45</v>
      </c>
      <c r="B60" s="15">
        <v>123</v>
      </c>
      <c r="C60" s="16">
        <v>117</v>
      </c>
      <c r="D60" s="17">
        <v>240</v>
      </c>
    </row>
    <row r="61" spans="1:4" ht="18" customHeight="1" x14ac:dyDescent="0.2">
      <c r="A61" s="14">
        <v>46</v>
      </c>
      <c r="B61" s="15">
        <v>122</v>
      </c>
      <c r="C61" s="16">
        <v>123</v>
      </c>
      <c r="D61" s="17">
        <v>245</v>
      </c>
    </row>
    <row r="62" spans="1:4" ht="18" customHeight="1" x14ac:dyDescent="0.2">
      <c r="A62" s="14">
        <v>47</v>
      </c>
      <c r="B62" s="15">
        <v>118</v>
      </c>
      <c r="C62" s="16">
        <v>103</v>
      </c>
      <c r="D62" s="17">
        <v>221</v>
      </c>
    </row>
    <row r="63" spans="1:4" ht="18" customHeight="1" x14ac:dyDescent="0.2">
      <c r="A63" s="14">
        <v>48</v>
      </c>
      <c r="B63" s="15">
        <v>114</v>
      </c>
      <c r="C63" s="16">
        <v>96</v>
      </c>
      <c r="D63" s="17">
        <v>210</v>
      </c>
    </row>
    <row r="64" spans="1:4" ht="18" customHeight="1" x14ac:dyDescent="0.2">
      <c r="A64" s="14">
        <v>49</v>
      </c>
      <c r="B64" s="15">
        <v>114</v>
      </c>
      <c r="C64" s="16">
        <v>102</v>
      </c>
      <c r="D64" s="17">
        <v>216</v>
      </c>
    </row>
    <row r="65" spans="1:4" ht="18" customHeight="1" x14ac:dyDescent="0.2">
      <c r="A65" s="18" t="s">
        <v>58</v>
      </c>
      <c r="B65" s="15">
        <v>591</v>
      </c>
      <c r="C65" s="16">
        <v>541</v>
      </c>
      <c r="D65" s="17">
        <v>1132</v>
      </c>
    </row>
    <row r="66" spans="1:4" ht="18" customHeight="1" x14ac:dyDescent="0.2">
      <c r="A66" s="14">
        <v>50</v>
      </c>
      <c r="B66" s="15">
        <v>105</v>
      </c>
      <c r="C66" s="16">
        <v>114</v>
      </c>
      <c r="D66" s="17">
        <v>219</v>
      </c>
    </row>
    <row r="67" spans="1:4" ht="18" customHeight="1" x14ac:dyDescent="0.2">
      <c r="A67" s="14">
        <v>51</v>
      </c>
      <c r="B67" s="15">
        <v>119</v>
      </c>
      <c r="C67" s="16">
        <v>113</v>
      </c>
      <c r="D67" s="17">
        <v>232</v>
      </c>
    </row>
    <row r="68" spans="1:4" ht="18" customHeight="1" x14ac:dyDescent="0.2">
      <c r="A68" s="14">
        <v>52</v>
      </c>
      <c r="B68" s="15">
        <v>84</v>
      </c>
      <c r="C68" s="16">
        <v>78</v>
      </c>
      <c r="D68" s="17">
        <v>162</v>
      </c>
    </row>
    <row r="69" spans="1:4" ht="18" customHeight="1" x14ac:dyDescent="0.2">
      <c r="A69" s="14">
        <v>53</v>
      </c>
      <c r="B69" s="15">
        <v>100</v>
      </c>
      <c r="C69" s="16">
        <v>111</v>
      </c>
      <c r="D69" s="17">
        <v>211</v>
      </c>
    </row>
    <row r="70" spans="1:4" ht="18" customHeight="1" x14ac:dyDescent="0.2">
      <c r="A70" s="14">
        <v>54</v>
      </c>
      <c r="B70" s="15">
        <v>106</v>
      </c>
      <c r="C70" s="16">
        <v>98</v>
      </c>
      <c r="D70" s="17">
        <v>204</v>
      </c>
    </row>
    <row r="71" spans="1:4" ht="18" customHeight="1" x14ac:dyDescent="0.2">
      <c r="A71" s="18" t="s">
        <v>59</v>
      </c>
      <c r="B71" s="15">
        <v>514</v>
      </c>
      <c r="C71" s="16">
        <v>514</v>
      </c>
      <c r="D71" s="17">
        <v>1028</v>
      </c>
    </row>
    <row r="72" spans="1:4" ht="18" customHeight="1" x14ac:dyDescent="0.2">
      <c r="A72" s="14">
        <v>55</v>
      </c>
      <c r="B72" s="15">
        <v>94</v>
      </c>
      <c r="C72" s="16">
        <v>116</v>
      </c>
      <c r="D72" s="17">
        <v>210</v>
      </c>
    </row>
    <row r="73" spans="1:4" ht="18" customHeight="1" x14ac:dyDescent="0.2">
      <c r="A73" s="14">
        <v>56</v>
      </c>
      <c r="B73" s="15">
        <v>105</v>
      </c>
      <c r="C73" s="16">
        <v>102</v>
      </c>
      <c r="D73" s="17">
        <v>207</v>
      </c>
    </row>
    <row r="74" spans="1:4" ht="18" customHeight="1" x14ac:dyDescent="0.2">
      <c r="A74" s="14">
        <v>57</v>
      </c>
      <c r="B74" s="15">
        <v>96</v>
      </c>
      <c r="C74" s="16">
        <v>96</v>
      </c>
      <c r="D74" s="17">
        <v>192</v>
      </c>
    </row>
    <row r="75" spans="1:4" ht="18" customHeight="1" x14ac:dyDescent="0.2">
      <c r="A75" s="14">
        <v>58</v>
      </c>
      <c r="B75" s="15">
        <v>94</v>
      </c>
      <c r="C75" s="16">
        <v>85</v>
      </c>
      <c r="D75" s="17">
        <v>179</v>
      </c>
    </row>
    <row r="76" spans="1:4" ht="18" customHeight="1" x14ac:dyDescent="0.2">
      <c r="A76" s="14">
        <v>59</v>
      </c>
      <c r="B76" s="15">
        <v>87</v>
      </c>
      <c r="C76" s="16">
        <v>89</v>
      </c>
      <c r="D76" s="17">
        <v>176</v>
      </c>
    </row>
    <row r="77" spans="1:4" ht="18" customHeight="1" x14ac:dyDescent="0.2">
      <c r="A77" s="18" t="s">
        <v>60</v>
      </c>
      <c r="B77" s="15">
        <v>476</v>
      </c>
      <c r="C77" s="16">
        <v>488</v>
      </c>
      <c r="D77" s="17">
        <v>964</v>
      </c>
    </row>
    <row r="78" spans="1:4" ht="18" customHeight="1" x14ac:dyDescent="0.2">
      <c r="A78" s="14">
        <v>60</v>
      </c>
      <c r="B78" s="15">
        <v>82</v>
      </c>
      <c r="C78" s="16">
        <v>84</v>
      </c>
      <c r="D78" s="17">
        <v>166</v>
      </c>
    </row>
    <row r="79" spans="1:4" ht="18" customHeight="1" x14ac:dyDescent="0.2">
      <c r="A79" s="14">
        <v>61</v>
      </c>
      <c r="B79" s="15">
        <v>95</v>
      </c>
      <c r="C79" s="16">
        <v>89</v>
      </c>
      <c r="D79" s="17">
        <v>184</v>
      </c>
    </row>
    <row r="80" spans="1:4" ht="18" customHeight="1" x14ac:dyDescent="0.2">
      <c r="A80" s="14">
        <v>62</v>
      </c>
      <c r="B80" s="15">
        <v>83</v>
      </c>
      <c r="C80" s="16">
        <v>96</v>
      </c>
      <c r="D80" s="17">
        <v>179</v>
      </c>
    </row>
    <row r="81" spans="1:4" ht="18" customHeight="1" x14ac:dyDescent="0.2">
      <c r="A81" s="14">
        <v>63</v>
      </c>
      <c r="B81" s="15">
        <v>105</v>
      </c>
      <c r="C81" s="16">
        <v>102</v>
      </c>
      <c r="D81" s="17">
        <v>207</v>
      </c>
    </row>
    <row r="82" spans="1:4" ht="18" customHeight="1" x14ac:dyDescent="0.2">
      <c r="A82" s="14">
        <v>64</v>
      </c>
      <c r="B82" s="15">
        <v>87</v>
      </c>
      <c r="C82" s="16">
        <v>92</v>
      </c>
      <c r="D82" s="17">
        <v>179</v>
      </c>
    </row>
    <row r="83" spans="1:4" ht="18" customHeight="1" x14ac:dyDescent="0.2">
      <c r="A83" s="18" t="s">
        <v>61</v>
      </c>
      <c r="B83" s="15">
        <v>452</v>
      </c>
      <c r="C83" s="16">
        <v>463</v>
      </c>
      <c r="D83" s="17">
        <v>915</v>
      </c>
    </row>
    <row r="84" spans="1:4" ht="18" customHeight="1" x14ac:dyDescent="0.2">
      <c r="A84" s="18" t="s">
        <v>62</v>
      </c>
      <c r="B84" s="15">
        <v>4622</v>
      </c>
      <c r="C84" s="16">
        <v>4460</v>
      </c>
      <c r="D84" s="17">
        <v>9082</v>
      </c>
    </row>
    <row r="85" spans="1:4" ht="18" customHeight="1" x14ac:dyDescent="0.2">
      <c r="A85" s="14">
        <v>65</v>
      </c>
      <c r="B85" s="15">
        <v>100</v>
      </c>
      <c r="C85" s="16">
        <v>119</v>
      </c>
      <c r="D85" s="17">
        <v>219</v>
      </c>
    </row>
    <row r="86" spans="1:4" ht="18" customHeight="1" x14ac:dyDescent="0.2">
      <c r="A86" s="14">
        <v>66</v>
      </c>
      <c r="B86" s="15">
        <v>107</v>
      </c>
      <c r="C86" s="16">
        <v>118</v>
      </c>
      <c r="D86" s="17">
        <v>225</v>
      </c>
    </row>
    <row r="87" spans="1:4" ht="18" customHeight="1" x14ac:dyDescent="0.2">
      <c r="A87" s="14">
        <v>67</v>
      </c>
      <c r="B87" s="15">
        <v>106</v>
      </c>
      <c r="C87" s="16">
        <v>119</v>
      </c>
      <c r="D87" s="17">
        <v>225</v>
      </c>
    </row>
    <row r="88" spans="1:4" ht="18" customHeight="1" x14ac:dyDescent="0.2">
      <c r="A88" s="14">
        <v>68</v>
      </c>
      <c r="B88" s="15">
        <v>109</v>
      </c>
      <c r="C88" s="16">
        <v>144</v>
      </c>
      <c r="D88" s="17">
        <v>253</v>
      </c>
    </row>
    <row r="89" spans="1:4" ht="18" customHeight="1" x14ac:dyDescent="0.2">
      <c r="A89" s="14">
        <v>69</v>
      </c>
      <c r="B89" s="15">
        <v>141</v>
      </c>
      <c r="C89" s="16">
        <v>133</v>
      </c>
      <c r="D89" s="17">
        <v>274</v>
      </c>
    </row>
    <row r="90" spans="1:4" ht="18" customHeight="1" x14ac:dyDescent="0.2">
      <c r="A90" s="18" t="s">
        <v>63</v>
      </c>
      <c r="B90" s="15">
        <v>563</v>
      </c>
      <c r="C90" s="16">
        <v>633</v>
      </c>
      <c r="D90" s="17">
        <v>1196</v>
      </c>
    </row>
    <row r="91" spans="1:4" ht="18" customHeight="1" x14ac:dyDescent="0.2">
      <c r="A91" s="14">
        <v>70</v>
      </c>
      <c r="B91" s="15">
        <v>139</v>
      </c>
      <c r="C91" s="16">
        <v>142</v>
      </c>
      <c r="D91" s="17">
        <v>281</v>
      </c>
    </row>
    <row r="92" spans="1:4" ht="18" customHeight="1" x14ac:dyDescent="0.2">
      <c r="A92" s="14">
        <v>71</v>
      </c>
      <c r="B92" s="15">
        <v>122</v>
      </c>
      <c r="C92" s="16">
        <v>139</v>
      </c>
      <c r="D92" s="17">
        <v>261</v>
      </c>
    </row>
    <row r="93" spans="1:4" ht="18" customHeight="1" x14ac:dyDescent="0.2">
      <c r="A93" s="14">
        <v>72</v>
      </c>
      <c r="B93" s="15">
        <v>83</v>
      </c>
      <c r="C93" s="16">
        <v>97</v>
      </c>
      <c r="D93" s="17">
        <v>180</v>
      </c>
    </row>
    <row r="94" spans="1:4" ht="18" customHeight="1" x14ac:dyDescent="0.2">
      <c r="A94" s="14">
        <v>73</v>
      </c>
      <c r="B94" s="15">
        <v>62</v>
      </c>
      <c r="C94" s="16">
        <v>86</v>
      </c>
      <c r="D94" s="17">
        <v>148</v>
      </c>
    </row>
    <row r="95" spans="1:4" ht="18" customHeight="1" x14ac:dyDescent="0.2">
      <c r="A95" s="14">
        <v>74</v>
      </c>
      <c r="B95" s="15">
        <v>97</v>
      </c>
      <c r="C95" s="16">
        <v>120</v>
      </c>
      <c r="D95" s="17">
        <v>217</v>
      </c>
    </row>
    <row r="96" spans="1:4" ht="18" customHeight="1" x14ac:dyDescent="0.2">
      <c r="A96" s="18" t="s">
        <v>64</v>
      </c>
      <c r="B96" s="15">
        <v>503</v>
      </c>
      <c r="C96" s="16">
        <v>584</v>
      </c>
      <c r="D96" s="17">
        <v>1087</v>
      </c>
    </row>
    <row r="97" spans="1:4" ht="18" customHeight="1" x14ac:dyDescent="0.2">
      <c r="A97" s="14">
        <v>75</v>
      </c>
      <c r="B97" s="15">
        <v>85</v>
      </c>
      <c r="C97" s="16">
        <v>111</v>
      </c>
      <c r="D97" s="17">
        <v>196</v>
      </c>
    </row>
    <row r="98" spans="1:4" ht="18" customHeight="1" x14ac:dyDescent="0.2">
      <c r="A98" s="14">
        <v>76</v>
      </c>
      <c r="B98" s="15">
        <v>89</v>
      </c>
      <c r="C98" s="16">
        <v>102</v>
      </c>
      <c r="D98" s="17">
        <v>191</v>
      </c>
    </row>
    <row r="99" spans="1:4" ht="18" customHeight="1" x14ac:dyDescent="0.2">
      <c r="A99" s="14">
        <v>77</v>
      </c>
      <c r="B99" s="15">
        <v>79</v>
      </c>
      <c r="C99" s="16">
        <v>82</v>
      </c>
      <c r="D99" s="17">
        <v>161</v>
      </c>
    </row>
    <row r="100" spans="1:4" ht="18" customHeight="1" x14ac:dyDescent="0.2">
      <c r="A100" s="14">
        <v>78</v>
      </c>
      <c r="B100" s="15">
        <v>76</v>
      </c>
      <c r="C100" s="16">
        <v>84</v>
      </c>
      <c r="D100" s="17">
        <v>160</v>
      </c>
    </row>
    <row r="101" spans="1:4" ht="18" customHeight="1" x14ac:dyDescent="0.2">
      <c r="A101" s="14">
        <v>79</v>
      </c>
      <c r="B101" s="15">
        <v>71</v>
      </c>
      <c r="C101" s="16">
        <v>69</v>
      </c>
      <c r="D101" s="17">
        <v>140</v>
      </c>
    </row>
    <row r="102" spans="1:4" ht="18" customHeight="1" x14ac:dyDescent="0.2">
      <c r="A102" s="18" t="s">
        <v>65</v>
      </c>
      <c r="B102" s="15">
        <v>400</v>
      </c>
      <c r="C102" s="16">
        <v>448</v>
      </c>
      <c r="D102" s="17">
        <v>848</v>
      </c>
    </row>
    <row r="103" spans="1:4" ht="18" customHeight="1" x14ac:dyDescent="0.2">
      <c r="A103" s="14">
        <v>80</v>
      </c>
      <c r="B103" s="15">
        <v>59</v>
      </c>
      <c r="C103" s="16">
        <v>89</v>
      </c>
      <c r="D103" s="17">
        <v>148</v>
      </c>
    </row>
    <row r="104" spans="1:4" ht="18" customHeight="1" x14ac:dyDescent="0.2">
      <c r="A104" s="14">
        <v>81</v>
      </c>
      <c r="B104" s="15">
        <v>45</v>
      </c>
      <c r="C104" s="16">
        <v>81</v>
      </c>
      <c r="D104" s="17">
        <v>126</v>
      </c>
    </row>
    <row r="105" spans="1:4" ht="18" customHeight="1" x14ac:dyDescent="0.2">
      <c r="A105" s="14">
        <v>82</v>
      </c>
      <c r="B105" s="15">
        <v>55</v>
      </c>
      <c r="C105" s="16">
        <v>76</v>
      </c>
      <c r="D105" s="17">
        <v>131</v>
      </c>
    </row>
    <row r="106" spans="1:4" ht="18" customHeight="1" x14ac:dyDescent="0.2">
      <c r="A106" s="14">
        <v>83</v>
      </c>
      <c r="B106" s="15">
        <v>49</v>
      </c>
      <c r="C106" s="16">
        <v>57</v>
      </c>
      <c r="D106" s="17">
        <v>106</v>
      </c>
    </row>
    <row r="107" spans="1:4" ht="18" customHeight="1" x14ac:dyDescent="0.2">
      <c r="A107" s="14">
        <v>84</v>
      </c>
      <c r="B107" s="15">
        <v>31</v>
      </c>
      <c r="C107" s="16">
        <v>60</v>
      </c>
      <c r="D107" s="17">
        <v>91</v>
      </c>
    </row>
    <row r="108" spans="1:4" ht="18" customHeight="1" x14ac:dyDescent="0.2">
      <c r="A108" s="18" t="s">
        <v>66</v>
      </c>
      <c r="B108" s="15">
        <v>239</v>
      </c>
      <c r="C108" s="16">
        <v>363</v>
      </c>
      <c r="D108" s="17">
        <v>602</v>
      </c>
    </row>
    <row r="109" spans="1:4" ht="18" customHeight="1" x14ac:dyDescent="0.2">
      <c r="A109" s="14">
        <v>85</v>
      </c>
      <c r="B109" s="15">
        <v>38</v>
      </c>
      <c r="C109" s="16">
        <v>52</v>
      </c>
      <c r="D109" s="17">
        <v>90</v>
      </c>
    </row>
    <row r="110" spans="1:4" ht="18" customHeight="1" x14ac:dyDescent="0.2">
      <c r="A110" s="14">
        <v>86</v>
      </c>
      <c r="B110" s="15">
        <v>22</v>
      </c>
      <c r="C110" s="16">
        <v>54</v>
      </c>
      <c r="D110" s="17">
        <v>76</v>
      </c>
    </row>
    <row r="111" spans="1:4" ht="18" customHeight="1" x14ac:dyDescent="0.2">
      <c r="A111" s="14">
        <v>87</v>
      </c>
      <c r="B111" s="15">
        <v>28</v>
      </c>
      <c r="C111" s="16">
        <v>47</v>
      </c>
      <c r="D111" s="17">
        <v>75</v>
      </c>
    </row>
    <row r="112" spans="1:4" ht="18" customHeight="1" x14ac:dyDescent="0.2">
      <c r="A112" s="14">
        <v>88</v>
      </c>
      <c r="B112" s="15">
        <v>22</v>
      </c>
      <c r="C112" s="16">
        <v>37</v>
      </c>
      <c r="D112" s="17">
        <v>59</v>
      </c>
    </row>
    <row r="113" spans="1:4" ht="18" customHeight="1" x14ac:dyDescent="0.2">
      <c r="A113" s="14">
        <v>89</v>
      </c>
      <c r="B113" s="15">
        <v>17</v>
      </c>
      <c r="C113" s="16">
        <v>51</v>
      </c>
      <c r="D113" s="17">
        <v>68</v>
      </c>
    </row>
    <row r="114" spans="1:4" ht="18" customHeight="1" x14ac:dyDescent="0.2">
      <c r="A114" s="18" t="s">
        <v>67</v>
      </c>
      <c r="B114" s="15">
        <v>127</v>
      </c>
      <c r="C114" s="16">
        <v>241</v>
      </c>
      <c r="D114" s="17">
        <v>368</v>
      </c>
    </row>
    <row r="115" spans="1:4" ht="18" customHeight="1" x14ac:dyDescent="0.2">
      <c r="A115" s="14">
        <v>90</v>
      </c>
      <c r="B115" s="15">
        <v>19</v>
      </c>
      <c r="C115" s="16">
        <v>46</v>
      </c>
      <c r="D115" s="17">
        <v>65</v>
      </c>
    </row>
    <row r="116" spans="1:4" ht="18" customHeight="1" x14ac:dyDescent="0.2">
      <c r="A116" s="14">
        <v>91</v>
      </c>
      <c r="B116" s="15">
        <v>12</v>
      </c>
      <c r="C116" s="16">
        <v>35</v>
      </c>
      <c r="D116" s="17">
        <v>47</v>
      </c>
    </row>
    <row r="117" spans="1:4" ht="18" customHeight="1" x14ac:dyDescent="0.2">
      <c r="A117" s="14">
        <v>92</v>
      </c>
      <c r="B117" s="15">
        <v>6</v>
      </c>
      <c r="C117" s="16">
        <v>18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27</v>
      </c>
      <c r="D118" s="17">
        <v>29</v>
      </c>
    </row>
    <row r="119" spans="1:4" ht="18" customHeight="1" x14ac:dyDescent="0.2">
      <c r="A119" s="14">
        <v>94</v>
      </c>
      <c r="B119" s="15">
        <v>7</v>
      </c>
      <c r="C119" s="16">
        <v>18</v>
      </c>
      <c r="D119" s="17">
        <v>25</v>
      </c>
    </row>
    <row r="120" spans="1:4" ht="18" customHeight="1" x14ac:dyDescent="0.2">
      <c r="A120" s="18" t="s">
        <v>68</v>
      </c>
      <c r="B120" s="15">
        <v>46</v>
      </c>
      <c r="C120" s="16">
        <v>144</v>
      </c>
      <c r="D120" s="17">
        <v>190</v>
      </c>
    </row>
    <row r="121" spans="1:4" ht="18" customHeight="1" x14ac:dyDescent="0.2">
      <c r="A121" s="14">
        <v>95</v>
      </c>
      <c r="B121" s="15">
        <v>2</v>
      </c>
      <c r="C121" s="16">
        <v>17</v>
      </c>
      <c r="D121" s="17">
        <v>19</v>
      </c>
    </row>
    <row r="122" spans="1:4" ht="18" customHeight="1" x14ac:dyDescent="0.2">
      <c r="A122" s="14">
        <v>96</v>
      </c>
      <c r="B122" s="15">
        <v>1</v>
      </c>
      <c r="C122" s="16">
        <v>12</v>
      </c>
      <c r="D122" s="17">
        <v>13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12</v>
      </c>
      <c r="D124" s="17">
        <v>1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5</v>
      </c>
      <c r="C126" s="16">
        <v>52</v>
      </c>
      <c r="D126" s="17">
        <v>5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2</v>
      </c>
      <c r="C128" s="16">
        <v>8</v>
      </c>
      <c r="D128" s="17">
        <v>10</v>
      </c>
    </row>
    <row r="129" spans="1:4" ht="18" customHeight="1" x14ac:dyDescent="0.2">
      <c r="A129" s="18" t="s">
        <v>71</v>
      </c>
      <c r="B129" s="15">
        <v>2</v>
      </c>
      <c r="C129" s="16">
        <v>9</v>
      </c>
      <c r="D129" s="17">
        <v>11</v>
      </c>
    </row>
    <row r="130" spans="1:4" ht="18" customHeight="1" x14ac:dyDescent="0.2">
      <c r="A130" s="18" t="s">
        <v>72</v>
      </c>
      <c r="B130" s="4">
        <v>1885</v>
      </c>
      <c r="C130" s="5">
        <v>2474</v>
      </c>
      <c r="D130" s="6">
        <v>4359</v>
      </c>
    </row>
    <row r="131" spans="1:4" ht="18" customHeight="1" x14ac:dyDescent="0.2">
      <c r="A131" s="20" t="s">
        <v>47</v>
      </c>
      <c r="B131" s="7">
        <v>7480</v>
      </c>
      <c r="C131" s="8">
        <v>7851</v>
      </c>
      <c r="D131" s="9">
        <v>153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7</v>
      </c>
      <c r="C5" s="12">
        <v>57</v>
      </c>
      <c r="D5" s="13">
        <v>94</v>
      </c>
    </row>
    <row r="6" spans="1:10" ht="18" customHeight="1" x14ac:dyDescent="0.2">
      <c r="A6" s="14">
        <v>1</v>
      </c>
      <c r="B6" s="15">
        <v>52</v>
      </c>
      <c r="C6" s="16">
        <v>48</v>
      </c>
      <c r="D6" s="17">
        <v>100</v>
      </c>
    </row>
    <row r="7" spans="1:10" ht="18" customHeight="1" x14ac:dyDescent="0.2">
      <c r="A7" s="14">
        <v>2</v>
      </c>
      <c r="B7" s="15">
        <v>42</v>
      </c>
      <c r="C7" s="16">
        <v>39</v>
      </c>
      <c r="D7" s="17">
        <v>81</v>
      </c>
    </row>
    <row r="8" spans="1:10" ht="18" customHeight="1" x14ac:dyDescent="0.2">
      <c r="A8" s="14">
        <v>3</v>
      </c>
      <c r="B8" s="15">
        <v>32</v>
      </c>
      <c r="C8" s="16">
        <v>34</v>
      </c>
      <c r="D8" s="17">
        <v>66</v>
      </c>
    </row>
    <row r="9" spans="1:10" ht="18" customHeight="1" x14ac:dyDescent="0.2">
      <c r="A9" s="14">
        <v>4</v>
      </c>
      <c r="B9" s="15">
        <v>38</v>
      </c>
      <c r="C9" s="16">
        <v>32</v>
      </c>
      <c r="D9" s="17">
        <v>70</v>
      </c>
    </row>
    <row r="10" spans="1:10" ht="18" customHeight="1" x14ac:dyDescent="0.2">
      <c r="A10" s="18" t="s">
        <v>48</v>
      </c>
      <c r="B10" s="15">
        <v>201</v>
      </c>
      <c r="C10" s="16">
        <v>210</v>
      </c>
      <c r="D10" s="17">
        <v>411</v>
      </c>
    </row>
    <row r="11" spans="1:10" ht="18" customHeight="1" x14ac:dyDescent="0.2">
      <c r="A11" s="14">
        <v>5</v>
      </c>
      <c r="B11" s="15">
        <v>33</v>
      </c>
      <c r="C11" s="16">
        <v>25</v>
      </c>
      <c r="D11" s="17">
        <v>58</v>
      </c>
    </row>
    <row r="12" spans="1:10" ht="18" customHeight="1" x14ac:dyDescent="0.2">
      <c r="A12" s="14">
        <v>6</v>
      </c>
      <c r="B12" s="15">
        <v>25</v>
      </c>
      <c r="C12" s="16">
        <v>42</v>
      </c>
      <c r="D12" s="17">
        <v>67</v>
      </c>
    </row>
    <row r="13" spans="1:10" ht="18" customHeight="1" x14ac:dyDescent="0.2">
      <c r="A13" s="14">
        <v>7</v>
      </c>
      <c r="B13" s="15">
        <v>25</v>
      </c>
      <c r="C13" s="16">
        <v>32</v>
      </c>
      <c r="D13" s="17">
        <v>57</v>
      </c>
    </row>
    <row r="14" spans="1:10" ht="18" customHeight="1" x14ac:dyDescent="0.2">
      <c r="A14" s="14">
        <v>8</v>
      </c>
      <c r="B14" s="15">
        <v>33</v>
      </c>
      <c r="C14" s="16">
        <v>27</v>
      </c>
      <c r="D14" s="17">
        <v>60</v>
      </c>
    </row>
    <row r="15" spans="1:10" ht="18" customHeight="1" x14ac:dyDescent="0.2">
      <c r="A15" s="14">
        <v>9</v>
      </c>
      <c r="B15" s="15">
        <v>35</v>
      </c>
      <c r="C15" s="16">
        <v>33</v>
      </c>
      <c r="D15" s="17">
        <v>68</v>
      </c>
    </row>
    <row r="16" spans="1:10" ht="18" customHeight="1" x14ac:dyDescent="0.2">
      <c r="A16" s="18" t="s">
        <v>49</v>
      </c>
      <c r="B16" s="15">
        <v>151</v>
      </c>
      <c r="C16" s="16">
        <v>159</v>
      </c>
      <c r="D16" s="17">
        <v>310</v>
      </c>
    </row>
    <row r="17" spans="1:4" ht="18" customHeight="1" x14ac:dyDescent="0.2">
      <c r="A17" s="14">
        <v>10</v>
      </c>
      <c r="B17" s="15">
        <v>43</v>
      </c>
      <c r="C17" s="16">
        <v>48</v>
      </c>
      <c r="D17" s="17">
        <v>91</v>
      </c>
    </row>
    <row r="18" spans="1:4" ht="18" customHeight="1" x14ac:dyDescent="0.2">
      <c r="A18" s="14">
        <v>11</v>
      </c>
      <c r="B18" s="15">
        <v>33</v>
      </c>
      <c r="C18" s="16">
        <v>41</v>
      </c>
      <c r="D18" s="17">
        <v>74</v>
      </c>
    </row>
    <row r="19" spans="1:4" ht="18" customHeight="1" x14ac:dyDescent="0.2">
      <c r="A19" s="14">
        <v>12</v>
      </c>
      <c r="B19" s="15">
        <v>30</v>
      </c>
      <c r="C19" s="16">
        <v>43</v>
      </c>
      <c r="D19" s="17">
        <v>73</v>
      </c>
    </row>
    <row r="20" spans="1:4" ht="18" customHeight="1" x14ac:dyDescent="0.2">
      <c r="A20" s="14">
        <v>13</v>
      </c>
      <c r="B20" s="15">
        <v>38</v>
      </c>
      <c r="C20" s="16">
        <v>43</v>
      </c>
      <c r="D20" s="17">
        <v>81</v>
      </c>
    </row>
    <row r="21" spans="1:4" ht="18" customHeight="1" x14ac:dyDescent="0.2">
      <c r="A21" s="14">
        <v>14</v>
      </c>
      <c r="B21" s="15">
        <v>39</v>
      </c>
      <c r="C21" s="16">
        <v>40</v>
      </c>
      <c r="D21" s="17">
        <v>79</v>
      </c>
    </row>
    <row r="22" spans="1:4" ht="18" customHeight="1" x14ac:dyDescent="0.2">
      <c r="A22" s="18" t="s">
        <v>50</v>
      </c>
      <c r="B22" s="15">
        <v>183</v>
      </c>
      <c r="C22" s="16">
        <v>215</v>
      </c>
      <c r="D22" s="17">
        <v>398</v>
      </c>
    </row>
    <row r="23" spans="1:4" ht="18" customHeight="1" x14ac:dyDescent="0.2">
      <c r="A23" s="18" t="s">
        <v>51</v>
      </c>
      <c r="B23" s="15">
        <v>535</v>
      </c>
      <c r="C23" s="16">
        <v>584</v>
      </c>
      <c r="D23" s="17">
        <v>1119</v>
      </c>
    </row>
    <row r="24" spans="1:4" ht="18" customHeight="1" x14ac:dyDescent="0.2">
      <c r="A24" s="14">
        <v>15</v>
      </c>
      <c r="B24" s="15">
        <v>36</v>
      </c>
      <c r="C24" s="16">
        <v>44</v>
      </c>
      <c r="D24" s="17">
        <v>80</v>
      </c>
    </row>
    <row r="25" spans="1:4" ht="18" customHeight="1" x14ac:dyDescent="0.2">
      <c r="A25" s="14">
        <v>16</v>
      </c>
      <c r="B25" s="15">
        <v>35</v>
      </c>
      <c r="C25" s="16">
        <v>39</v>
      </c>
      <c r="D25" s="17">
        <v>74</v>
      </c>
    </row>
    <row r="26" spans="1:4" ht="18" customHeight="1" x14ac:dyDescent="0.2">
      <c r="A26" s="14">
        <v>17</v>
      </c>
      <c r="B26" s="15">
        <v>43</v>
      </c>
      <c r="C26" s="16">
        <v>41</v>
      </c>
      <c r="D26" s="17">
        <v>84</v>
      </c>
    </row>
    <row r="27" spans="1:4" ht="18" customHeight="1" x14ac:dyDescent="0.2">
      <c r="A27" s="14">
        <v>18</v>
      </c>
      <c r="B27" s="15">
        <v>47</v>
      </c>
      <c r="C27" s="16">
        <v>37</v>
      </c>
      <c r="D27" s="17">
        <v>84</v>
      </c>
    </row>
    <row r="28" spans="1:4" ht="18" customHeight="1" x14ac:dyDescent="0.2">
      <c r="A28" s="14">
        <v>19</v>
      </c>
      <c r="B28" s="15">
        <v>41</v>
      </c>
      <c r="C28" s="16">
        <v>45</v>
      </c>
      <c r="D28" s="17">
        <v>86</v>
      </c>
    </row>
    <row r="29" spans="1:4" ht="18" customHeight="1" x14ac:dyDescent="0.2">
      <c r="A29" s="18" t="s">
        <v>52</v>
      </c>
      <c r="B29" s="15">
        <v>202</v>
      </c>
      <c r="C29" s="16">
        <v>206</v>
      </c>
      <c r="D29" s="17">
        <v>408</v>
      </c>
    </row>
    <row r="30" spans="1:4" ht="18" customHeight="1" x14ac:dyDescent="0.2">
      <c r="A30" s="14">
        <v>20</v>
      </c>
      <c r="B30" s="15">
        <v>52</v>
      </c>
      <c r="C30" s="16">
        <v>41</v>
      </c>
      <c r="D30" s="17">
        <v>93</v>
      </c>
    </row>
    <row r="31" spans="1:4" ht="18" customHeight="1" x14ac:dyDescent="0.2">
      <c r="A31" s="14">
        <v>21</v>
      </c>
      <c r="B31" s="15">
        <v>41</v>
      </c>
      <c r="C31" s="16">
        <v>51</v>
      </c>
      <c r="D31" s="17">
        <v>92</v>
      </c>
    </row>
    <row r="32" spans="1:4" ht="18" customHeight="1" x14ac:dyDescent="0.2">
      <c r="A32" s="14">
        <v>22</v>
      </c>
      <c r="B32" s="15">
        <v>52</v>
      </c>
      <c r="C32" s="16">
        <v>49</v>
      </c>
      <c r="D32" s="17">
        <v>101</v>
      </c>
    </row>
    <row r="33" spans="1:4" ht="18" customHeight="1" x14ac:dyDescent="0.2">
      <c r="A33" s="14">
        <v>23</v>
      </c>
      <c r="B33" s="15">
        <v>48</v>
      </c>
      <c r="C33" s="16">
        <v>50</v>
      </c>
      <c r="D33" s="17">
        <v>98</v>
      </c>
    </row>
    <row r="34" spans="1:4" ht="18" customHeight="1" x14ac:dyDescent="0.2">
      <c r="A34" s="14">
        <v>24</v>
      </c>
      <c r="B34" s="15">
        <v>61</v>
      </c>
      <c r="C34" s="16">
        <v>51</v>
      </c>
      <c r="D34" s="17">
        <v>112</v>
      </c>
    </row>
    <row r="35" spans="1:4" ht="18" customHeight="1" x14ac:dyDescent="0.2">
      <c r="A35" s="18" t="s">
        <v>53</v>
      </c>
      <c r="B35" s="15">
        <v>254</v>
      </c>
      <c r="C35" s="16">
        <v>242</v>
      </c>
      <c r="D35" s="17">
        <v>496</v>
      </c>
    </row>
    <row r="36" spans="1:4" ht="18" customHeight="1" x14ac:dyDescent="0.2">
      <c r="A36" s="14">
        <v>25</v>
      </c>
      <c r="B36" s="15">
        <v>40</v>
      </c>
      <c r="C36" s="16">
        <v>51</v>
      </c>
      <c r="D36" s="17">
        <v>91</v>
      </c>
    </row>
    <row r="37" spans="1:4" ht="18" customHeight="1" x14ac:dyDescent="0.2">
      <c r="A37" s="14">
        <v>26</v>
      </c>
      <c r="B37" s="15">
        <v>53</v>
      </c>
      <c r="C37" s="16">
        <v>52</v>
      </c>
      <c r="D37" s="17">
        <v>105</v>
      </c>
    </row>
    <row r="38" spans="1:4" ht="18" customHeight="1" x14ac:dyDescent="0.2">
      <c r="A38" s="14">
        <v>27</v>
      </c>
      <c r="B38" s="15">
        <v>44</v>
      </c>
      <c r="C38" s="16">
        <v>55</v>
      </c>
      <c r="D38" s="17">
        <v>99</v>
      </c>
    </row>
    <row r="39" spans="1:4" ht="18" customHeight="1" x14ac:dyDescent="0.2">
      <c r="A39" s="14">
        <v>28</v>
      </c>
      <c r="B39" s="15">
        <v>61</v>
      </c>
      <c r="C39" s="16">
        <v>61</v>
      </c>
      <c r="D39" s="17">
        <v>122</v>
      </c>
    </row>
    <row r="40" spans="1:4" ht="18" customHeight="1" x14ac:dyDescent="0.2">
      <c r="A40" s="14">
        <v>29</v>
      </c>
      <c r="B40" s="15">
        <v>58</v>
      </c>
      <c r="C40" s="16">
        <v>59</v>
      </c>
      <c r="D40" s="17">
        <v>117</v>
      </c>
    </row>
    <row r="41" spans="1:4" ht="18" customHeight="1" x14ac:dyDescent="0.2">
      <c r="A41" s="18" t="s">
        <v>54</v>
      </c>
      <c r="B41" s="15">
        <v>256</v>
      </c>
      <c r="C41" s="16">
        <v>278</v>
      </c>
      <c r="D41" s="17">
        <v>534</v>
      </c>
    </row>
    <row r="42" spans="1:4" ht="18" customHeight="1" x14ac:dyDescent="0.2">
      <c r="A42" s="14">
        <v>30</v>
      </c>
      <c r="B42" s="15">
        <v>79</v>
      </c>
      <c r="C42" s="16">
        <v>66</v>
      </c>
      <c r="D42" s="17">
        <v>145</v>
      </c>
    </row>
    <row r="43" spans="1:4" ht="18" customHeight="1" x14ac:dyDescent="0.2">
      <c r="A43" s="14">
        <v>31</v>
      </c>
      <c r="B43" s="15">
        <v>54</v>
      </c>
      <c r="C43" s="16">
        <v>48</v>
      </c>
      <c r="D43" s="17">
        <v>102</v>
      </c>
    </row>
    <row r="44" spans="1:4" ht="18" customHeight="1" x14ac:dyDescent="0.2">
      <c r="A44" s="14">
        <v>32</v>
      </c>
      <c r="B44" s="15">
        <v>59</v>
      </c>
      <c r="C44" s="16">
        <v>65</v>
      </c>
      <c r="D44" s="17">
        <v>124</v>
      </c>
    </row>
    <row r="45" spans="1:4" ht="18" customHeight="1" x14ac:dyDescent="0.2">
      <c r="A45" s="14">
        <v>33</v>
      </c>
      <c r="B45" s="15">
        <v>72</v>
      </c>
      <c r="C45" s="16">
        <v>51</v>
      </c>
      <c r="D45" s="17">
        <v>123</v>
      </c>
    </row>
    <row r="46" spans="1:4" ht="18" customHeight="1" x14ac:dyDescent="0.2">
      <c r="A46" s="14">
        <v>34</v>
      </c>
      <c r="B46" s="15">
        <v>58</v>
      </c>
      <c r="C46" s="16">
        <v>57</v>
      </c>
      <c r="D46" s="17">
        <v>115</v>
      </c>
    </row>
    <row r="47" spans="1:4" ht="18" customHeight="1" x14ac:dyDescent="0.2">
      <c r="A47" s="18" t="s">
        <v>55</v>
      </c>
      <c r="B47" s="15">
        <v>322</v>
      </c>
      <c r="C47" s="16">
        <v>287</v>
      </c>
      <c r="D47" s="17">
        <v>609</v>
      </c>
    </row>
    <row r="48" spans="1:4" ht="18" customHeight="1" x14ac:dyDescent="0.2">
      <c r="A48" s="14">
        <v>35</v>
      </c>
      <c r="B48" s="15">
        <v>68</v>
      </c>
      <c r="C48" s="16">
        <v>58</v>
      </c>
      <c r="D48" s="17">
        <v>126</v>
      </c>
    </row>
    <row r="49" spans="1:4" ht="18" customHeight="1" x14ac:dyDescent="0.2">
      <c r="A49" s="14">
        <v>36</v>
      </c>
      <c r="B49" s="15">
        <v>56</v>
      </c>
      <c r="C49" s="16">
        <v>63</v>
      </c>
      <c r="D49" s="17">
        <v>119</v>
      </c>
    </row>
    <row r="50" spans="1:4" ht="18" customHeight="1" x14ac:dyDescent="0.2">
      <c r="A50" s="14">
        <v>37</v>
      </c>
      <c r="B50" s="15">
        <v>69</v>
      </c>
      <c r="C50" s="16">
        <v>53</v>
      </c>
      <c r="D50" s="17">
        <v>122</v>
      </c>
    </row>
    <row r="51" spans="1:4" ht="18" customHeight="1" x14ac:dyDescent="0.2">
      <c r="A51" s="14">
        <v>38</v>
      </c>
      <c r="B51" s="15">
        <v>53</v>
      </c>
      <c r="C51" s="16">
        <v>60</v>
      </c>
      <c r="D51" s="17">
        <v>113</v>
      </c>
    </row>
    <row r="52" spans="1:4" ht="18" customHeight="1" x14ac:dyDescent="0.2">
      <c r="A52" s="14">
        <v>39</v>
      </c>
      <c r="B52" s="15">
        <v>70</v>
      </c>
      <c r="C52" s="16">
        <v>57</v>
      </c>
      <c r="D52" s="17">
        <v>127</v>
      </c>
    </row>
    <row r="53" spans="1:4" ht="18" customHeight="1" x14ac:dyDescent="0.2">
      <c r="A53" s="18" t="s">
        <v>56</v>
      </c>
      <c r="B53" s="15">
        <v>316</v>
      </c>
      <c r="C53" s="16">
        <v>291</v>
      </c>
      <c r="D53" s="17">
        <v>607</v>
      </c>
    </row>
    <row r="54" spans="1:4" ht="18" customHeight="1" x14ac:dyDescent="0.2">
      <c r="A54" s="14">
        <v>40</v>
      </c>
      <c r="B54" s="15">
        <v>63</v>
      </c>
      <c r="C54" s="16">
        <v>59</v>
      </c>
      <c r="D54" s="17">
        <v>122</v>
      </c>
    </row>
    <row r="55" spans="1:4" ht="18" customHeight="1" x14ac:dyDescent="0.2">
      <c r="A55" s="14">
        <v>41</v>
      </c>
      <c r="B55" s="15">
        <v>75</v>
      </c>
      <c r="C55" s="16">
        <v>62</v>
      </c>
      <c r="D55" s="17">
        <v>137</v>
      </c>
    </row>
    <row r="56" spans="1:4" ht="18" customHeight="1" x14ac:dyDescent="0.2">
      <c r="A56" s="14">
        <v>42</v>
      </c>
      <c r="B56" s="15">
        <v>79</v>
      </c>
      <c r="C56" s="16">
        <v>63</v>
      </c>
      <c r="D56" s="17">
        <v>142</v>
      </c>
    </row>
    <row r="57" spans="1:4" ht="18" customHeight="1" x14ac:dyDescent="0.2">
      <c r="A57" s="14">
        <v>43</v>
      </c>
      <c r="B57" s="15">
        <v>70</v>
      </c>
      <c r="C57" s="16">
        <v>65</v>
      </c>
      <c r="D57" s="17">
        <v>135</v>
      </c>
    </row>
    <row r="58" spans="1:4" ht="18" customHeight="1" x14ac:dyDescent="0.2">
      <c r="A58" s="14">
        <v>44</v>
      </c>
      <c r="B58" s="15">
        <v>68</v>
      </c>
      <c r="C58" s="16">
        <v>82</v>
      </c>
      <c r="D58" s="17">
        <v>150</v>
      </c>
    </row>
    <row r="59" spans="1:4" ht="18" customHeight="1" x14ac:dyDescent="0.2">
      <c r="A59" s="18" t="s">
        <v>57</v>
      </c>
      <c r="B59" s="15">
        <v>355</v>
      </c>
      <c r="C59" s="16">
        <v>331</v>
      </c>
      <c r="D59" s="17">
        <v>686</v>
      </c>
    </row>
    <row r="60" spans="1:4" ht="18" customHeight="1" x14ac:dyDescent="0.2">
      <c r="A60" s="14">
        <v>45</v>
      </c>
      <c r="B60" s="15">
        <v>72</v>
      </c>
      <c r="C60" s="16">
        <v>76</v>
      </c>
      <c r="D60" s="17">
        <v>148</v>
      </c>
    </row>
    <row r="61" spans="1:4" ht="18" customHeight="1" x14ac:dyDescent="0.2">
      <c r="A61" s="14">
        <v>46</v>
      </c>
      <c r="B61" s="15">
        <v>86</v>
      </c>
      <c r="C61" s="16">
        <v>101</v>
      </c>
      <c r="D61" s="17">
        <v>187</v>
      </c>
    </row>
    <row r="62" spans="1:4" ht="18" customHeight="1" x14ac:dyDescent="0.2">
      <c r="A62" s="14">
        <v>47</v>
      </c>
      <c r="B62" s="15">
        <v>88</v>
      </c>
      <c r="C62" s="16">
        <v>84</v>
      </c>
      <c r="D62" s="17">
        <v>172</v>
      </c>
    </row>
    <row r="63" spans="1:4" ht="18" customHeight="1" x14ac:dyDescent="0.2">
      <c r="A63" s="14">
        <v>48</v>
      </c>
      <c r="B63" s="15">
        <v>88</v>
      </c>
      <c r="C63" s="16">
        <v>77</v>
      </c>
      <c r="D63" s="17">
        <v>165</v>
      </c>
    </row>
    <row r="64" spans="1:4" ht="18" customHeight="1" x14ac:dyDescent="0.2">
      <c r="A64" s="14">
        <v>49</v>
      </c>
      <c r="B64" s="15">
        <v>56</v>
      </c>
      <c r="C64" s="16">
        <v>64</v>
      </c>
      <c r="D64" s="17">
        <v>120</v>
      </c>
    </row>
    <row r="65" spans="1:4" ht="18" customHeight="1" x14ac:dyDescent="0.2">
      <c r="A65" s="18" t="s">
        <v>58</v>
      </c>
      <c r="B65" s="15">
        <v>390</v>
      </c>
      <c r="C65" s="16">
        <v>402</v>
      </c>
      <c r="D65" s="17">
        <v>792</v>
      </c>
    </row>
    <row r="66" spans="1:4" ht="18" customHeight="1" x14ac:dyDescent="0.2">
      <c r="A66" s="14">
        <v>50</v>
      </c>
      <c r="B66" s="15">
        <v>78</v>
      </c>
      <c r="C66" s="16">
        <v>70</v>
      </c>
      <c r="D66" s="17">
        <v>148</v>
      </c>
    </row>
    <row r="67" spans="1:4" ht="18" customHeight="1" x14ac:dyDescent="0.2">
      <c r="A67" s="14">
        <v>51</v>
      </c>
      <c r="B67" s="15">
        <v>68</v>
      </c>
      <c r="C67" s="16">
        <v>66</v>
      </c>
      <c r="D67" s="17">
        <v>134</v>
      </c>
    </row>
    <row r="68" spans="1:4" ht="18" customHeight="1" x14ac:dyDescent="0.2">
      <c r="A68" s="14">
        <v>52</v>
      </c>
      <c r="B68" s="15">
        <v>39</v>
      </c>
      <c r="C68" s="16">
        <v>38</v>
      </c>
      <c r="D68" s="17">
        <v>77</v>
      </c>
    </row>
    <row r="69" spans="1:4" ht="18" customHeight="1" x14ac:dyDescent="0.2">
      <c r="A69" s="14">
        <v>53</v>
      </c>
      <c r="B69" s="15">
        <v>57</v>
      </c>
      <c r="C69" s="16">
        <v>55</v>
      </c>
      <c r="D69" s="17">
        <v>112</v>
      </c>
    </row>
    <row r="70" spans="1:4" ht="18" customHeight="1" x14ac:dyDescent="0.2">
      <c r="A70" s="14">
        <v>54</v>
      </c>
      <c r="B70" s="15">
        <v>46</v>
      </c>
      <c r="C70" s="16">
        <v>47</v>
      </c>
      <c r="D70" s="17">
        <v>93</v>
      </c>
    </row>
    <row r="71" spans="1:4" ht="18" customHeight="1" x14ac:dyDescent="0.2">
      <c r="A71" s="18" t="s">
        <v>59</v>
      </c>
      <c r="B71" s="15">
        <v>288</v>
      </c>
      <c r="C71" s="16">
        <v>276</v>
      </c>
      <c r="D71" s="17">
        <v>564</v>
      </c>
    </row>
    <row r="72" spans="1:4" ht="18" customHeight="1" x14ac:dyDescent="0.2">
      <c r="A72" s="14">
        <v>55</v>
      </c>
      <c r="B72" s="15">
        <v>53</v>
      </c>
      <c r="C72" s="16">
        <v>49</v>
      </c>
      <c r="D72" s="17">
        <v>102</v>
      </c>
    </row>
    <row r="73" spans="1:4" ht="18" customHeight="1" x14ac:dyDescent="0.2">
      <c r="A73" s="14">
        <v>56</v>
      </c>
      <c r="B73" s="15">
        <v>49</v>
      </c>
      <c r="C73" s="16">
        <v>64</v>
      </c>
      <c r="D73" s="17">
        <v>113</v>
      </c>
    </row>
    <row r="74" spans="1:4" ht="18" customHeight="1" x14ac:dyDescent="0.2">
      <c r="A74" s="14">
        <v>57</v>
      </c>
      <c r="B74" s="15">
        <v>54</v>
      </c>
      <c r="C74" s="16">
        <v>56</v>
      </c>
      <c r="D74" s="17">
        <v>110</v>
      </c>
    </row>
    <row r="75" spans="1:4" ht="18" customHeight="1" x14ac:dyDescent="0.2">
      <c r="A75" s="14">
        <v>58</v>
      </c>
      <c r="B75" s="15">
        <v>39</v>
      </c>
      <c r="C75" s="16">
        <v>60</v>
      </c>
      <c r="D75" s="17">
        <v>99</v>
      </c>
    </row>
    <row r="76" spans="1:4" ht="18" customHeight="1" x14ac:dyDescent="0.2">
      <c r="A76" s="14">
        <v>59</v>
      </c>
      <c r="B76" s="15">
        <v>53</v>
      </c>
      <c r="C76" s="16">
        <v>41</v>
      </c>
      <c r="D76" s="17">
        <v>94</v>
      </c>
    </row>
    <row r="77" spans="1:4" ht="18" customHeight="1" x14ac:dyDescent="0.2">
      <c r="A77" s="18" t="s">
        <v>60</v>
      </c>
      <c r="B77" s="15">
        <v>248</v>
      </c>
      <c r="C77" s="16">
        <v>270</v>
      </c>
      <c r="D77" s="17">
        <v>518</v>
      </c>
    </row>
    <row r="78" spans="1:4" ht="18" customHeight="1" x14ac:dyDescent="0.2">
      <c r="A78" s="14">
        <v>60</v>
      </c>
      <c r="B78" s="15">
        <v>44</v>
      </c>
      <c r="C78" s="16">
        <v>60</v>
      </c>
      <c r="D78" s="17">
        <v>104</v>
      </c>
    </row>
    <row r="79" spans="1:4" ht="18" customHeight="1" x14ac:dyDescent="0.2">
      <c r="A79" s="14">
        <v>61</v>
      </c>
      <c r="B79" s="15">
        <v>40</v>
      </c>
      <c r="C79" s="16">
        <v>39</v>
      </c>
      <c r="D79" s="17">
        <v>79</v>
      </c>
    </row>
    <row r="80" spans="1:4" ht="18" customHeight="1" x14ac:dyDescent="0.2">
      <c r="A80" s="14">
        <v>62</v>
      </c>
      <c r="B80" s="15">
        <v>41</v>
      </c>
      <c r="C80" s="16">
        <v>71</v>
      </c>
      <c r="D80" s="17">
        <v>112</v>
      </c>
    </row>
    <row r="81" spans="1:4" ht="18" customHeight="1" x14ac:dyDescent="0.2">
      <c r="A81" s="14">
        <v>63</v>
      </c>
      <c r="B81" s="15">
        <v>54</v>
      </c>
      <c r="C81" s="16">
        <v>74</v>
      </c>
      <c r="D81" s="17">
        <v>128</v>
      </c>
    </row>
    <row r="82" spans="1:4" ht="18" customHeight="1" x14ac:dyDescent="0.2">
      <c r="A82" s="14">
        <v>64</v>
      </c>
      <c r="B82" s="15">
        <v>58</v>
      </c>
      <c r="C82" s="16">
        <v>64</v>
      </c>
      <c r="D82" s="17">
        <v>122</v>
      </c>
    </row>
    <row r="83" spans="1:4" ht="18" customHeight="1" x14ac:dyDescent="0.2">
      <c r="A83" s="18" t="s">
        <v>61</v>
      </c>
      <c r="B83" s="15">
        <v>237</v>
      </c>
      <c r="C83" s="16">
        <v>308</v>
      </c>
      <c r="D83" s="17">
        <v>545</v>
      </c>
    </row>
    <row r="84" spans="1:4" ht="18" customHeight="1" x14ac:dyDescent="0.2">
      <c r="A84" s="18" t="s">
        <v>62</v>
      </c>
      <c r="B84" s="15">
        <v>2868</v>
      </c>
      <c r="C84" s="16">
        <v>2891</v>
      </c>
      <c r="D84" s="17">
        <v>5759</v>
      </c>
    </row>
    <row r="85" spans="1:4" ht="18" customHeight="1" x14ac:dyDescent="0.2">
      <c r="A85" s="14">
        <v>65</v>
      </c>
      <c r="B85" s="15">
        <v>54</v>
      </c>
      <c r="C85" s="16">
        <v>64</v>
      </c>
      <c r="D85" s="17">
        <v>118</v>
      </c>
    </row>
    <row r="86" spans="1:4" ht="18" customHeight="1" x14ac:dyDescent="0.2">
      <c r="A86" s="14">
        <v>66</v>
      </c>
      <c r="B86" s="15">
        <v>68</v>
      </c>
      <c r="C86" s="16">
        <v>62</v>
      </c>
      <c r="D86" s="17">
        <v>130</v>
      </c>
    </row>
    <row r="87" spans="1:4" ht="18" customHeight="1" x14ac:dyDescent="0.2">
      <c r="A87" s="14">
        <v>67</v>
      </c>
      <c r="B87" s="15">
        <v>60</v>
      </c>
      <c r="C87" s="16">
        <v>78</v>
      </c>
      <c r="D87" s="17">
        <v>138</v>
      </c>
    </row>
    <row r="88" spans="1:4" ht="18" customHeight="1" x14ac:dyDescent="0.2">
      <c r="A88" s="14">
        <v>68</v>
      </c>
      <c r="B88" s="15">
        <v>67</v>
      </c>
      <c r="C88" s="16">
        <v>82</v>
      </c>
      <c r="D88" s="17">
        <v>149</v>
      </c>
    </row>
    <row r="89" spans="1:4" ht="18" customHeight="1" x14ac:dyDescent="0.2">
      <c r="A89" s="14">
        <v>69</v>
      </c>
      <c r="B89" s="15">
        <v>98</v>
      </c>
      <c r="C89" s="16">
        <v>91</v>
      </c>
      <c r="D89" s="17">
        <v>189</v>
      </c>
    </row>
    <row r="90" spans="1:4" ht="18" customHeight="1" x14ac:dyDescent="0.2">
      <c r="A90" s="18" t="s">
        <v>63</v>
      </c>
      <c r="B90" s="15">
        <v>347</v>
      </c>
      <c r="C90" s="16">
        <v>377</v>
      </c>
      <c r="D90" s="17">
        <v>724</v>
      </c>
    </row>
    <row r="91" spans="1:4" ht="18" customHeight="1" x14ac:dyDescent="0.2">
      <c r="A91" s="14">
        <v>70</v>
      </c>
      <c r="B91" s="15">
        <v>79</v>
      </c>
      <c r="C91" s="16">
        <v>86</v>
      </c>
      <c r="D91" s="17">
        <v>165</v>
      </c>
    </row>
    <row r="92" spans="1:4" ht="18" customHeight="1" x14ac:dyDescent="0.2">
      <c r="A92" s="14">
        <v>71</v>
      </c>
      <c r="B92" s="15">
        <v>80</v>
      </c>
      <c r="C92" s="16">
        <v>107</v>
      </c>
      <c r="D92" s="17">
        <v>187</v>
      </c>
    </row>
    <row r="93" spans="1:4" ht="18" customHeight="1" x14ac:dyDescent="0.2">
      <c r="A93" s="14">
        <v>72</v>
      </c>
      <c r="B93" s="15">
        <v>46</v>
      </c>
      <c r="C93" s="16">
        <v>63</v>
      </c>
      <c r="D93" s="17">
        <v>109</v>
      </c>
    </row>
    <row r="94" spans="1:4" ht="18" customHeight="1" x14ac:dyDescent="0.2">
      <c r="A94" s="14">
        <v>73</v>
      </c>
      <c r="B94" s="15">
        <v>45</v>
      </c>
      <c r="C94" s="16">
        <v>43</v>
      </c>
      <c r="D94" s="17">
        <v>88</v>
      </c>
    </row>
    <row r="95" spans="1:4" ht="18" customHeight="1" x14ac:dyDescent="0.2">
      <c r="A95" s="14">
        <v>74</v>
      </c>
      <c r="B95" s="15">
        <v>63</v>
      </c>
      <c r="C95" s="16">
        <v>81</v>
      </c>
      <c r="D95" s="17">
        <v>144</v>
      </c>
    </row>
    <row r="96" spans="1:4" ht="18" customHeight="1" x14ac:dyDescent="0.2">
      <c r="A96" s="18" t="s">
        <v>64</v>
      </c>
      <c r="B96" s="15">
        <v>313</v>
      </c>
      <c r="C96" s="16">
        <v>380</v>
      </c>
      <c r="D96" s="17">
        <v>693</v>
      </c>
    </row>
    <row r="97" spans="1:4" ht="18" customHeight="1" x14ac:dyDescent="0.2">
      <c r="A97" s="14">
        <v>75</v>
      </c>
      <c r="B97" s="15">
        <v>58</v>
      </c>
      <c r="C97" s="16">
        <v>50</v>
      </c>
      <c r="D97" s="17">
        <v>108</v>
      </c>
    </row>
    <row r="98" spans="1:4" ht="18" customHeight="1" x14ac:dyDescent="0.2">
      <c r="A98" s="14">
        <v>76</v>
      </c>
      <c r="B98" s="15">
        <v>48</v>
      </c>
      <c r="C98" s="16">
        <v>78</v>
      </c>
      <c r="D98" s="17">
        <v>126</v>
      </c>
    </row>
    <row r="99" spans="1:4" ht="18" customHeight="1" x14ac:dyDescent="0.2">
      <c r="A99" s="14">
        <v>77</v>
      </c>
      <c r="B99" s="15">
        <v>46</v>
      </c>
      <c r="C99" s="16">
        <v>71</v>
      </c>
      <c r="D99" s="17">
        <v>117</v>
      </c>
    </row>
    <row r="100" spans="1:4" ht="18" customHeight="1" x14ac:dyDescent="0.2">
      <c r="A100" s="14">
        <v>78</v>
      </c>
      <c r="B100" s="15">
        <v>50</v>
      </c>
      <c r="C100" s="16">
        <v>50</v>
      </c>
      <c r="D100" s="17">
        <v>100</v>
      </c>
    </row>
    <row r="101" spans="1:4" ht="18" customHeight="1" x14ac:dyDescent="0.2">
      <c r="A101" s="14">
        <v>79</v>
      </c>
      <c r="B101" s="15">
        <v>31</v>
      </c>
      <c r="C101" s="16">
        <v>54</v>
      </c>
      <c r="D101" s="17">
        <v>85</v>
      </c>
    </row>
    <row r="102" spans="1:4" ht="18" customHeight="1" x14ac:dyDescent="0.2">
      <c r="A102" s="18" t="s">
        <v>65</v>
      </c>
      <c r="B102" s="15">
        <v>233</v>
      </c>
      <c r="C102" s="16">
        <v>303</v>
      </c>
      <c r="D102" s="17">
        <v>536</v>
      </c>
    </row>
    <row r="103" spans="1:4" ht="18" customHeight="1" x14ac:dyDescent="0.2">
      <c r="A103" s="14">
        <v>80</v>
      </c>
      <c r="B103" s="15">
        <v>28</v>
      </c>
      <c r="C103" s="16">
        <v>36</v>
      </c>
      <c r="D103" s="17">
        <v>64</v>
      </c>
    </row>
    <row r="104" spans="1:4" ht="18" customHeight="1" x14ac:dyDescent="0.2">
      <c r="A104" s="14">
        <v>81</v>
      </c>
      <c r="B104" s="15">
        <v>31</v>
      </c>
      <c r="C104" s="16">
        <v>49</v>
      </c>
      <c r="D104" s="17">
        <v>80</v>
      </c>
    </row>
    <row r="105" spans="1:4" ht="18" customHeight="1" x14ac:dyDescent="0.2">
      <c r="A105" s="14">
        <v>82</v>
      </c>
      <c r="B105" s="15">
        <v>27</v>
      </c>
      <c r="C105" s="16">
        <v>53</v>
      </c>
      <c r="D105" s="17">
        <v>80</v>
      </c>
    </row>
    <row r="106" spans="1:4" ht="18" customHeight="1" x14ac:dyDescent="0.2">
      <c r="A106" s="14">
        <v>83</v>
      </c>
      <c r="B106" s="15">
        <v>27</v>
      </c>
      <c r="C106" s="16">
        <v>36</v>
      </c>
      <c r="D106" s="17">
        <v>63</v>
      </c>
    </row>
    <row r="107" spans="1:4" ht="18" customHeight="1" x14ac:dyDescent="0.2">
      <c r="A107" s="14">
        <v>84</v>
      </c>
      <c r="B107" s="15">
        <v>23</v>
      </c>
      <c r="C107" s="16">
        <v>33</v>
      </c>
      <c r="D107" s="17">
        <v>56</v>
      </c>
    </row>
    <row r="108" spans="1:4" ht="18" customHeight="1" x14ac:dyDescent="0.2">
      <c r="A108" s="18" t="s">
        <v>66</v>
      </c>
      <c r="B108" s="15">
        <v>136</v>
      </c>
      <c r="C108" s="16">
        <v>207</v>
      </c>
      <c r="D108" s="17">
        <v>343</v>
      </c>
    </row>
    <row r="109" spans="1:4" ht="18" customHeight="1" x14ac:dyDescent="0.2">
      <c r="A109" s="14">
        <v>85</v>
      </c>
      <c r="B109" s="15">
        <v>29</v>
      </c>
      <c r="C109" s="16">
        <v>27</v>
      </c>
      <c r="D109" s="17">
        <v>56</v>
      </c>
    </row>
    <row r="110" spans="1:4" ht="18" customHeight="1" x14ac:dyDescent="0.2">
      <c r="A110" s="14">
        <v>86</v>
      </c>
      <c r="B110" s="15">
        <v>24</v>
      </c>
      <c r="C110" s="16">
        <v>32</v>
      </c>
      <c r="D110" s="17">
        <v>56</v>
      </c>
    </row>
    <row r="111" spans="1:4" ht="18" customHeight="1" x14ac:dyDescent="0.2">
      <c r="A111" s="14">
        <v>87</v>
      </c>
      <c r="B111" s="15">
        <v>18</v>
      </c>
      <c r="C111" s="16">
        <v>31</v>
      </c>
      <c r="D111" s="17">
        <v>49</v>
      </c>
    </row>
    <row r="112" spans="1:4" ht="18" customHeight="1" x14ac:dyDescent="0.2">
      <c r="A112" s="14">
        <v>88</v>
      </c>
      <c r="B112" s="15">
        <v>14</v>
      </c>
      <c r="C112" s="16">
        <v>27</v>
      </c>
      <c r="D112" s="17">
        <v>41</v>
      </c>
    </row>
    <row r="113" spans="1:4" ht="18" customHeight="1" x14ac:dyDescent="0.2">
      <c r="A113" s="14">
        <v>89</v>
      </c>
      <c r="B113" s="15">
        <v>9</v>
      </c>
      <c r="C113" s="16">
        <v>23</v>
      </c>
      <c r="D113" s="17">
        <v>32</v>
      </c>
    </row>
    <row r="114" spans="1:4" ht="18" customHeight="1" x14ac:dyDescent="0.2">
      <c r="A114" s="18" t="s">
        <v>67</v>
      </c>
      <c r="B114" s="15">
        <v>94</v>
      </c>
      <c r="C114" s="16">
        <v>140</v>
      </c>
      <c r="D114" s="17">
        <v>234</v>
      </c>
    </row>
    <row r="115" spans="1:4" ht="18" customHeight="1" x14ac:dyDescent="0.2">
      <c r="A115" s="14">
        <v>90</v>
      </c>
      <c r="B115" s="15">
        <v>9</v>
      </c>
      <c r="C115" s="16">
        <v>23</v>
      </c>
      <c r="D115" s="17">
        <v>32</v>
      </c>
    </row>
    <row r="116" spans="1:4" ht="18" customHeight="1" x14ac:dyDescent="0.2">
      <c r="A116" s="14">
        <v>91</v>
      </c>
      <c r="B116" s="15">
        <v>6</v>
      </c>
      <c r="C116" s="16">
        <v>27</v>
      </c>
      <c r="D116" s="17">
        <v>33</v>
      </c>
    </row>
    <row r="117" spans="1:4" ht="18" customHeight="1" x14ac:dyDescent="0.2">
      <c r="A117" s="14">
        <v>92</v>
      </c>
      <c r="B117" s="15">
        <v>7</v>
      </c>
      <c r="C117" s="16">
        <v>15</v>
      </c>
      <c r="D117" s="17">
        <v>22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27</v>
      </c>
      <c r="C120" s="16">
        <v>85</v>
      </c>
      <c r="D120" s="17">
        <v>112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21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1153</v>
      </c>
      <c r="C130" s="5">
        <v>1520</v>
      </c>
      <c r="D130" s="6">
        <v>2673</v>
      </c>
    </row>
    <row r="131" spans="1:4" ht="18" customHeight="1" x14ac:dyDescent="0.2">
      <c r="A131" s="20" t="s">
        <v>47</v>
      </c>
      <c r="B131" s="7">
        <v>4556</v>
      </c>
      <c r="C131" s="8">
        <v>4995</v>
      </c>
      <c r="D131" s="9">
        <v>95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8</v>
      </c>
      <c r="C5" s="12">
        <v>65</v>
      </c>
      <c r="D5" s="13">
        <v>143</v>
      </c>
    </row>
    <row r="6" spans="1:10" ht="18" customHeight="1" x14ac:dyDescent="0.2">
      <c r="A6" s="14">
        <v>1</v>
      </c>
      <c r="B6" s="15">
        <v>71</v>
      </c>
      <c r="C6" s="16">
        <v>57</v>
      </c>
      <c r="D6" s="17">
        <v>128</v>
      </c>
    </row>
    <row r="7" spans="1:10" ht="18" customHeight="1" x14ac:dyDescent="0.2">
      <c r="A7" s="14">
        <v>2</v>
      </c>
      <c r="B7" s="15">
        <v>61</v>
      </c>
      <c r="C7" s="16">
        <v>54</v>
      </c>
      <c r="D7" s="17">
        <v>115</v>
      </c>
    </row>
    <row r="8" spans="1:10" ht="18" customHeight="1" x14ac:dyDescent="0.2">
      <c r="A8" s="14">
        <v>3</v>
      </c>
      <c r="B8" s="15">
        <v>67</v>
      </c>
      <c r="C8" s="16">
        <v>67</v>
      </c>
      <c r="D8" s="17">
        <v>134</v>
      </c>
    </row>
    <row r="9" spans="1:10" ht="18" customHeight="1" x14ac:dyDescent="0.2">
      <c r="A9" s="14">
        <v>4</v>
      </c>
      <c r="B9" s="15">
        <v>56</v>
      </c>
      <c r="C9" s="16">
        <v>63</v>
      </c>
      <c r="D9" s="17">
        <v>119</v>
      </c>
    </row>
    <row r="10" spans="1:10" ht="18" customHeight="1" x14ac:dyDescent="0.2">
      <c r="A10" s="18" t="s">
        <v>48</v>
      </c>
      <c r="B10" s="15">
        <v>333</v>
      </c>
      <c r="C10" s="16">
        <v>306</v>
      </c>
      <c r="D10" s="17">
        <v>639</v>
      </c>
    </row>
    <row r="11" spans="1:10" ht="18" customHeight="1" x14ac:dyDescent="0.2">
      <c r="A11" s="14">
        <v>5</v>
      </c>
      <c r="B11" s="15">
        <v>56</v>
      </c>
      <c r="C11" s="16">
        <v>57</v>
      </c>
      <c r="D11" s="17">
        <v>113</v>
      </c>
    </row>
    <row r="12" spans="1:10" ht="18" customHeight="1" x14ac:dyDescent="0.2">
      <c r="A12" s="14">
        <v>6</v>
      </c>
      <c r="B12" s="15">
        <v>52</v>
      </c>
      <c r="C12" s="16">
        <v>65</v>
      </c>
      <c r="D12" s="17">
        <v>117</v>
      </c>
    </row>
    <row r="13" spans="1:10" ht="18" customHeight="1" x14ac:dyDescent="0.2">
      <c r="A13" s="14">
        <v>7</v>
      </c>
      <c r="B13" s="15">
        <v>43</v>
      </c>
      <c r="C13" s="16">
        <v>47</v>
      </c>
      <c r="D13" s="17">
        <v>90</v>
      </c>
    </row>
    <row r="14" spans="1:10" ht="18" customHeight="1" x14ac:dyDescent="0.2">
      <c r="A14" s="14">
        <v>8</v>
      </c>
      <c r="B14" s="15">
        <v>54</v>
      </c>
      <c r="C14" s="16">
        <v>51</v>
      </c>
      <c r="D14" s="17">
        <v>105</v>
      </c>
    </row>
    <row r="15" spans="1:10" ht="18" customHeight="1" x14ac:dyDescent="0.2">
      <c r="A15" s="14">
        <v>9</v>
      </c>
      <c r="B15" s="15">
        <v>48</v>
      </c>
      <c r="C15" s="16">
        <v>61</v>
      </c>
      <c r="D15" s="17">
        <v>109</v>
      </c>
    </row>
    <row r="16" spans="1:10" ht="18" customHeight="1" x14ac:dyDescent="0.2">
      <c r="A16" s="18" t="s">
        <v>49</v>
      </c>
      <c r="B16" s="15">
        <v>253</v>
      </c>
      <c r="C16" s="16">
        <v>281</v>
      </c>
      <c r="D16" s="17">
        <v>534</v>
      </c>
    </row>
    <row r="17" spans="1:4" ht="18" customHeight="1" x14ac:dyDescent="0.2">
      <c r="A17" s="14">
        <v>10</v>
      </c>
      <c r="B17" s="15">
        <v>46</v>
      </c>
      <c r="C17" s="16">
        <v>47</v>
      </c>
      <c r="D17" s="17">
        <v>93</v>
      </c>
    </row>
    <row r="18" spans="1:4" ht="18" customHeight="1" x14ac:dyDescent="0.2">
      <c r="A18" s="14">
        <v>11</v>
      </c>
      <c r="B18" s="15">
        <v>44</v>
      </c>
      <c r="C18" s="16">
        <v>45</v>
      </c>
      <c r="D18" s="17">
        <v>89</v>
      </c>
    </row>
    <row r="19" spans="1:4" ht="18" customHeight="1" x14ac:dyDescent="0.2">
      <c r="A19" s="14">
        <v>12</v>
      </c>
      <c r="B19" s="15">
        <v>48</v>
      </c>
      <c r="C19" s="16">
        <v>49</v>
      </c>
      <c r="D19" s="17">
        <v>97</v>
      </c>
    </row>
    <row r="20" spans="1:4" ht="18" customHeight="1" x14ac:dyDescent="0.2">
      <c r="A20" s="14">
        <v>13</v>
      </c>
      <c r="B20" s="15">
        <v>54</v>
      </c>
      <c r="C20" s="16">
        <v>50</v>
      </c>
      <c r="D20" s="17">
        <v>104</v>
      </c>
    </row>
    <row r="21" spans="1:4" ht="18" customHeight="1" x14ac:dyDescent="0.2">
      <c r="A21" s="14">
        <v>14</v>
      </c>
      <c r="B21" s="15">
        <v>51</v>
      </c>
      <c r="C21" s="16">
        <v>40</v>
      </c>
      <c r="D21" s="17">
        <v>91</v>
      </c>
    </row>
    <row r="22" spans="1:4" ht="18" customHeight="1" x14ac:dyDescent="0.2">
      <c r="A22" s="18" t="s">
        <v>50</v>
      </c>
      <c r="B22" s="15">
        <v>243</v>
      </c>
      <c r="C22" s="16">
        <v>231</v>
      </c>
      <c r="D22" s="17">
        <v>474</v>
      </c>
    </row>
    <row r="23" spans="1:4" ht="18" customHeight="1" x14ac:dyDescent="0.2">
      <c r="A23" s="18" t="s">
        <v>51</v>
      </c>
      <c r="B23" s="15">
        <v>829</v>
      </c>
      <c r="C23" s="16">
        <v>818</v>
      </c>
      <c r="D23" s="17">
        <v>1647</v>
      </c>
    </row>
    <row r="24" spans="1:4" ht="18" customHeight="1" x14ac:dyDescent="0.2">
      <c r="A24" s="14">
        <v>15</v>
      </c>
      <c r="B24" s="15">
        <v>52</v>
      </c>
      <c r="C24" s="16">
        <v>41</v>
      </c>
      <c r="D24" s="17">
        <v>93</v>
      </c>
    </row>
    <row r="25" spans="1:4" ht="18" customHeight="1" x14ac:dyDescent="0.2">
      <c r="A25" s="14">
        <v>16</v>
      </c>
      <c r="B25" s="15">
        <v>46</v>
      </c>
      <c r="C25" s="16">
        <v>65</v>
      </c>
      <c r="D25" s="17">
        <v>111</v>
      </c>
    </row>
    <row r="26" spans="1:4" ht="18" customHeight="1" x14ac:dyDescent="0.2">
      <c r="A26" s="14">
        <v>17</v>
      </c>
      <c r="B26" s="15">
        <v>51</v>
      </c>
      <c r="C26" s="16">
        <v>52</v>
      </c>
      <c r="D26" s="17">
        <v>103</v>
      </c>
    </row>
    <row r="27" spans="1:4" ht="18" customHeight="1" x14ac:dyDescent="0.2">
      <c r="A27" s="14">
        <v>18</v>
      </c>
      <c r="B27" s="15">
        <v>56</v>
      </c>
      <c r="C27" s="16">
        <v>40</v>
      </c>
      <c r="D27" s="17">
        <v>96</v>
      </c>
    </row>
    <row r="28" spans="1:4" ht="18" customHeight="1" x14ac:dyDescent="0.2">
      <c r="A28" s="14">
        <v>19</v>
      </c>
      <c r="B28" s="15">
        <v>62</v>
      </c>
      <c r="C28" s="16">
        <v>54</v>
      </c>
      <c r="D28" s="17">
        <v>116</v>
      </c>
    </row>
    <row r="29" spans="1:4" ht="18" customHeight="1" x14ac:dyDescent="0.2">
      <c r="A29" s="18" t="s">
        <v>52</v>
      </c>
      <c r="B29" s="15">
        <v>267</v>
      </c>
      <c r="C29" s="16">
        <v>252</v>
      </c>
      <c r="D29" s="17">
        <v>519</v>
      </c>
    </row>
    <row r="30" spans="1:4" ht="18" customHeight="1" x14ac:dyDescent="0.2">
      <c r="A30" s="14">
        <v>20</v>
      </c>
      <c r="B30" s="15">
        <v>57</v>
      </c>
      <c r="C30" s="16">
        <v>38</v>
      </c>
      <c r="D30" s="17">
        <v>95</v>
      </c>
    </row>
    <row r="31" spans="1:4" ht="18" customHeight="1" x14ac:dyDescent="0.2">
      <c r="A31" s="14">
        <v>21</v>
      </c>
      <c r="B31" s="15">
        <v>48</v>
      </c>
      <c r="C31" s="16">
        <v>49</v>
      </c>
      <c r="D31" s="17">
        <v>97</v>
      </c>
    </row>
    <row r="32" spans="1:4" ht="18" customHeight="1" x14ac:dyDescent="0.2">
      <c r="A32" s="14">
        <v>22</v>
      </c>
      <c r="B32" s="15">
        <v>60</v>
      </c>
      <c r="C32" s="16">
        <v>46</v>
      </c>
      <c r="D32" s="17">
        <v>106</v>
      </c>
    </row>
    <row r="33" spans="1:4" ht="18" customHeight="1" x14ac:dyDescent="0.2">
      <c r="A33" s="14">
        <v>23</v>
      </c>
      <c r="B33" s="15">
        <v>68</v>
      </c>
      <c r="C33" s="16">
        <v>66</v>
      </c>
      <c r="D33" s="17">
        <v>134</v>
      </c>
    </row>
    <row r="34" spans="1:4" ht="18" customHeight="1" x14ac:dyDescent="0.2">
      <c r="A34" s="14">
        <v>24</v>
      </c>
      <c r="B34" s="15">
        <v>84</v>
      </c>
      <c r="C34" s="16">
        <v>60</v>
      </c>
      <c r="D34" s="17">
        <v>144</v>
      </c>
    </row>
    <row r="35" spans="1:4" ht="18" customHeight="1" x14ac:dyDescent="0.2">
      <c r="A35" s="18" t="s">
        <v>53</v>
      </c>
      <c r="B35" s="15">
        <v>317</v>
      </c>
      <c r="C35" s="16">
        <v>259</v>
      </c>
      <c r="D35" s="17">
        <v>576</v>
      </c>
    </row>
    <row r="36" spans="1:4" ht="18" customHeight="1" x14ac:dyDescent="0.2">
      <c r="A36" s="14">
        <v>25</v>
      </c>
      <c r="B36" s="15">
        <v>73</v>
      </c>
      <c r="C36" s="16">
        <v>60</v>
      </c>
      <c r="D36" s="17">
        <v>133</v>
      </c>
    </row>
    <row r="37" spans="1:4" ht="18" customHeight="1" x14ac:dyDescent="0.2">
      <c r="A37" s="14">
        <v>26</v>
      </c>
      <c r="B37" s="15">
        <v>81</v>
      </c>
      <c r="C37" s="16">
        <v>80</v>
      </c>
      <c r="D37" s="17">
        <v>161</v>
      </c>
    </row>
    <row r="38" spans="1:4" ht="18" customHeight="1" x14ac:dyDescent="0.2">
      <c r="A38" s="14">
        <v>27</v>
      </c>
      <c r="B38" s="15">
        <v>102</v>
      </c>
      <c r="C38" s="16">
        <v>65</v>
      </c>
      <c r="D38" s="17">
        <v>167</v>
      </c>
    </row>
    <row r="39" spans="1:4" ht="18" customHeight="1" x14ac:dyDescent="0.2">
      <c r="A39" s="14">
        <v>28</v>
      </c>
      <c r="B39" s="15">
        <v>87</v>
      </c>
      <c r="C39" s="16">
        <v>83</v>
      </c>
      <c r="D39" s="17">
        <v>170</v>
      </c>
    </row>
    <row r="40" spans="1:4" ht="18" customHeight="1" x14ac:dyDescent="0.2">
      <c r="A40" s="14">
        <v>29</v>
      </c>
      <c r="B40" s="15">
        <v>95</v>
      </c>
      <c r="C40" s="16">
        <v>82</v>
      </c>
      <c r="D40" s="17">
        <v>177</v>
      </c>
    </row>
    <row r="41" spans="1:4" ht="18" customHeight="1" x14ac:dyDescent="0.2">
      <c r="A41" s="18" t="s">
        <v>54</v>
      </c>
      <c r="B41" s="15">
        <v>438</v>
      </c>
      <c r="C41" s="16">
        <v>370</v>
      </c>
      <c r="D41" s="17">
        <v>808</v>
      </c>
    </row>
    <row r="42" spans="1:4" ht="18" customHeight="1" x14ac:dyDescent="0.2">
      <c r="A42" s="14">
        <v>30</v>
      </c>
      <c r="B42" s="15">
        <v>78</v>
      </c>
      <c r="C42" s="16">
        <v>71</v>
      </c>
      <c r="D42" s="17">
        <v>149</v>
      </c>
    </row>
    <row r="43" spans="1:4" ht="18" customHeight="1" x14ac:dyDescent="0.2">
      <c r="A43" s="14">
        <v>31</v>
      </c>
      <c r="B43" s="15">
        <v>77</v>
      </c>
      <c r="C43" s="16">
        <v>65</v>
      </c>
      <c r="D43" s="17">
        <v>142</v>
      </c>
    </row>
    <row r="44" spans="1:4" ht="18" customHeight="1" x14ac:dyDescent="0.2">
      <c r="A44" s="14">
        <v>32</v>
      </c>
      <c r="B44" s="15">
        <v>85</v>
      </c>
      <c r="C44" s="16">
        <v>80</v>
      </c>
      <c r="D44" s="17">
        <v>165</v>
      </c>
    </row>
    <row r="45" spans="1:4" ht="18" customHeight="1" x14ac:dyDescent="0.2">
      <c r="A45" s="14">
        <v>33</v>
      </c>
      <c r="B45" s="15">
        <v>98</v>
      </c>
      <c r="C45" s="16">
        <v>107</v>
      </c>
      <c r="D45" s="17">
        <v>205</v>
      </c>
    </row>
    <row r="46" spans="1:4" ht="18" customHeight="1" x14ac:dyDescent="0.2">
      <c r="A46" s="14">
        <v>34</v>
      </c>
      <c r="B46" s="15">
        <v>73</v>
      </c>
      <c r="C46" s="16">
        <v>81</v>
      </c>
      <c r="D46" s="17">
        <v>154</v>
      </c>
    </row>
    <row r="47" spans="1:4" ht="18" customHeight="1" x14ac:dyDescent="0.2">
      <c r="A47" s="18" t="s">
        <v>55</v>
      </c>
      <c r="B47" s="15">
        <v>411</v>
      </c>
      <c r="C47" s="16">
        <v>404</v>
      </c>
      <c r="D47" s="17">
        <v>815</v>
      </c>
    </row>
    <row r="48" spans="1:4" ht="18" customHeight="1" x14ac:dyDescent="0.2">
      <c r="A48" s="14">
        <v>35</v>
      </c>
      <c r="B48" s="15">
        <v>91</v>
      </c>
      <c r="C48" s="16">
        <v>84</v>
      </c>
      <c r="D48" s="17">
        <v>175</v>
      </c>
    </row>
    <row r="49" spans="1:4" ht="18" customHeight="1" x14ac:dyDescent="0.2">
      <c r="A49" s="14">
        <v>36</v>
      </c>
      <c r="B49" s="15">
        <v>94</v>
      </c>
      <c r="C49" s="16">
        <v>75</v>
      </c>
      <c r="D49" s="17">
        <v>169</v>
      </c>
    </row>
    <row r="50" spans="1:4" ht="18" customHeight="1" x14ac:dyDescent="0.2">
      <c r="A50" s="14">
        <v>37</v>
      </c>
      <c r="B50" s="15">
        <v>82</v>
      </c>
      <c r="C50" s="16">
        <v>87</v>
      </c>
      <c r="D50" s="17">
        <v>169</v>
      </c>
    </row>
    <row r="51" spans="1:4" ht="18" customHeight="1" x14ac:dyDescent="0.2">
      <c r="A51" s="14">
        <v>38</v>
      </c>
      <c r="B51" s="15">
        <v>91</v>
      </c>
      <c r="C51" s="16">
        <v>83</v>
      </c>
      <c r="D51" s="17">
        <v>174</v>
      </c>
    </row>
    <row r="52" spans="1:4" ht="18" customHeight="1" x14ac:dyDescent="0.2">
      <c r="A52" s="14">
        <v>39</v>
      </c>
      <c r="B52" s="15">
        <v>93</v>
      </c>
      <c r="C52" s="16">
        <v>90</v>
      </c>
      <c r="D52" s="17">
        <v>183</v>
      </c>
    </row>
    <row r="53" spans="1:4" ht="18" customHeight="1" x14ac:dyDescent="0.2">
      <c r="A53" s="18" t="s">
        <v>56</v>
      </c>
      <c r="B53" s="15">
        <v>451</v>
      </c>
      <c r="C53" s="16">
        <v>419</v>
      </c>
      <c r="D53" s="17">
        <v>870</v>
      </c>
    </row>
    <row r="54" spans="1:4" ht="18" customHeight="1" x14ac:dyDescent="0.2">
      <c r="A54" s="14">
        <v>40</v>
      </c>
      <c r="B54" s="15">
        <v>103</v>
      </c>
      <c r="C54" s="16">
        <v>67</v>
      </c>
      <c r="D54" s="17">
        <v>170</v>
      </c>
    </row>
    <row r="55" spans="1:4" ht="18" customHeight="1" x14ac:dyDescent="0.2">
      <c r="A55" s="14">
        <v>41</v>
      </c>
      <c r="B55" s="15">
        <v>85</v>
      </c>
      <c r="C55" s="16">
        <v>79</v>
      </c>
      <c r="D55" s="17">
        <v>164</v>
      </c>
    </row>
    <row r="56" spans="1:4" ht="18" customHeight="1" x14ac:dyDescent="0.2">
      <c r="A56" s="14">
        <v>42</v>
      </c>
      <c r="B56" s="15">
        <v>99</v>
      </c>
      <c r="C56" s="16">
        <v>85</v>
      </c>
      <c r="D56" s="17">
        <v>184</v>
      </c>
    </row>
    <row r="57" spans="1:4" ht="18" customHeight="1" x14ac:dyDescent="0.2">
      <c r="A57" s="14">
        <v>43</v>
      </c>
      <c r="B57" s="15">
        <v>95</v>
      </c>
      <c r="C57" s="16">
        <v>100</v>
      </c>
      <c r="D57" s="17">
        <v>195</v>
      </c>
    </row>
    <row r="58" spans="1:4" ht="18" customHeight="1" x14ac:dyDescent="0.2">
      <c r="A58" s="14">
        <v>44</v>
      </c>
      <c r="B58" s="15">
        <v>120</v>
      </c>
      <c r="C58" s="16">
        <v>100</v>
      </c>
      <c r="D58" s="17">
        <v>220</v>
      </c>
    </row>
    <row r="59" spans="1:4" ht="18" customHeight="1" x14ac:dyDescent="0.2">
      <c r="A59" s="18" t="s">
        <v>57</v>
      </c>
      <c r="B59" s="15">
        <v>502</v>
      </c>
      <c r="C59" s="16">
        <v>431</v>
      </c>
      <c r="D59" s="17">
        <v>933</v>
      </c>
    </row>
    <row r="60" spans="1:4" ht="18" customHeight="1" x14ac:dyDescent="0.2">
      <c r="A60" s="14">
        <v>45</v>
      </c>
      <c r="B60" s="15">
        <v>107</v>
      </c>
      <c r="C60" s="16">
        <v>98</v>
      </c>
      <c r="D60" s="17">
        <v>205</v>
      </c>
    </row>
    <row r="61" spans="1:4" ht="18" customHeight="1" x14ac:dyDescent="0.2">
      <c r="A61" s="14">
        <v>46</v>
      </c>
      <c r="B61" s="15">
        <v>100</v>
      </c>
      <c r="C61" s="16">
        <v>99</v>
      </c>
      <c r="D61" s="17">
        <v>199</v>
      </c>
    </row>
    <row r="62" spans="1:4" ht="18" customHeight="1" x14ac:dyDescent="0.2">
      <c r="A62" s="14">
        <v>47</v>
      </c>
      <c r="B62" s="15">
        <v>98</v>
      </c>
      <c r="C62" s="16">
        <v>102</v>
      </c>
      <c r="D62" s="17">
        <v>200</v>
      </c>
    </row>
    <row r="63" spans="1:4" ht="18" customHeight="1" x14ac:dyDescent="0.2">
      <c r="A63" s="14">
        <v>48</v>
      </c>
      <c r="B63" s="15">
        <v>102</v>
      </c>
      <c r="C63" s="16">
        <v>91</v>
      </c>
      <c r="D63" s="17">
        <v>193</v>
      </c>
    </row>
    <row r="64" spans="1:4" ht="18" customHeight="1" x14ac:dyDescent="0.2">
      <c r="A64" s="14">
        <v>49</v>
      </c>
      <c r="B64" s="15">
        <v>118</v>
      </c>
      <c r="C64" s="16">
        <v>84</v>
      </c>
      <c r="D64" s="17">
        <v>202</v>
      </c>
    </row>
    <row r="65" spans="1:4" ht="18" customHeight="1" x14ac:dyDescent="0.2">
      <c r="A65" s="18" t="s">
        <v>58</v>
      </c>
      <c r="B65" s="15">
        <v>525</v>
      </c>
      <c r="C65" s="16">
        <v>474</v>
      </c>
      <c r="D65" s="17">
        <v>999</v>
      </c>
    </row>
    <row r="66" spans="1:4" ht="18" customHeight="1" x14ac:dyDescent="0.2">
      <c r="A66" s="14">
        <v>50</v>
      </c>
      <c r="B66" s="15">
        <v>77</v>
      </c>
      <c r="C66" s="16">
        <v>88</v>
      </c>
      <c r="D66" s="17">
        <v>165</v>
      </c>
    </row>
    <row r="67" spans="1:4" ht="18" customHeight="1" x14ac:dyDescent="0.2">
      <c r="A67" s="14">
        <v>51</v>
      </c>
      <c r="B67" s="15">
        <v>74</v>
      </c>
      <c r="C67" s="16">
        <v>83</v>
      </c>
      <c r="D67" s="17">
        <v>157</v>
      </c>
    </row>
    <row r="68" spans="1:4" ht="18" customHeight="1" x14ac:dyDescent="0.2">
      <c r="A68" s="14">
        <v>52</v>
      </c>
      <c r="B68" s="15">
        <v>77</v>
      </c>
      <c r="C68" s="16">
        <v>53</v>
      </c>
      <c r="D68" s="17">
        <v>130</v>
      </c>
    </row>
    <row r="69" spans="1:4" ht="18" customHeight="1" x14ac:dyDescent="0.2">
      <c r="A69" s="14">
        <v>53</v>
      </c>
      <c r="B69" s="15">
        <v>62</v>
      </c>
      <c r="C69" s="16">
        <v>67</v>
      </c>
      <c r="D69" s="17">
        <v>129</v>
      </c>
    </row>
    <row r="70" spans="1:4" ht="18" customHeight="1" x14ac:dyDescent="0.2">
      <c r="A70" s="14">
        <v>54</v>
      </c>
      <c r="B70" s="15">
        <v>71</v>
      </c>
      <c r="C70" s="16">
        <v>62</v>
      </c>
      <c r="D70" s="17">
        <v>133</v>
      </c>
    </row>
    <row r="71" spans="1:4" ht="18" customHeight="1" x14ac:dyDescent="0.2">
      <c r="A71" s="18" t="s">
        <v>59</v>
      </c>
      <c r="B71" s="15">
        <v>361</v>
      </c>
      <c r="C71" s="16">
        <v>353</v>
      </c>
      <c r="D71" s="17">
        <v>714</v>
      </c>
    </row>
    <row r="72" spans="1:4" ht="18" customHeight="1" x14ac:dyDescent="0.2">
      <c r="A72" s="14">
        <v>55</v>
      </c>
      <c r="B72" s="15">
        <v>88</v>
      </c>
      <c r="C72" s="16">
        <v>70</v>
      </c>
      <c r="D72" s="17">
        <v>158</v>
      </c>
    </row>
    <row r="73" spans="1:4" ht="18" customHeight="1" x14ac:dyDescent="0.2">
      <c r="A73" s="14">
        <v>56</v>
      </c>
      <c r="B73" s="15">
        <v>65</v>
      </c>
      <c r="C73" s="16">
        <v>77</v>
      </c>
      <c r="D73" s="17">
        <v>142</v>
      </c>
    </row>
    <row r="74" spans="1:4" ht="18" customHeight="1" x14ac:dyDescent="0.2">
      <c r="A74" s="14">
        <v>57</v>
      </c>
      <c r="B74" s="15">
        <v>56</v>
      </c>
      <c r="C74" s="16">
        <v>58</v>
      </c>
      <c r="D74" s="17">
        <v>114</v>
      </c>
    </row>
    <row r="75" spans="1:4" ht="18" customHeight="1" x14ac:dyDescent="0.2">
      <c r="A75" s="14">
        <v>58</v>
      </c>
      <c r="B75" s="15">
        <v>55</v>
      </c>
      <c r="C75" s="16">
        <v>68</v>
      </c>
      <c r="D75" s="17">
        <v>123</v>
      </c>
    </row>
    <row r="76" spans="1:4" ht="18" customHeight="1" x14ac:dyDescent="0.2">
      <c r="A76" s="14">
        <v>59</v>
      </c>
      <c r="B76" s="15">
        <v>53</v>
      </c>
      <c r="C76" s="16">
        <v>65</v>
      </c>
      <c r="D76" s="17">
        <v>118</v>
      </c>
    </row>
    <row r="77" spans="1:4" ht="18" customHeight="1" x14ac:dyDescent="0.2">
      <c r="A77" s="18" t="s">
        <v>60</v>
      </c>
      <c r="B77" s="15">
        <v>317</v>
      </c>
      <c r="C77" s="16">
        <v>338</v>
      </c>
      <c r="D77" s="17">
        <v>655</v>
      </c>
    </row>
    <row r="78" spans="1:4" ht="18" customHeight="1" x14ac:dyDescent="0.2">
      <c r="A78" s="14">
        <v>60</v>
      </c>
      <c r="B78" s="15">
        <v>50</v>
      </c>
      <c r="C78" s="16">
        <v>67</v>
      </c>
      <c r="D78" s="17">
        <v>117</v>
      </c>
    </row>
    <row r="79" spans="1:4" ht="18" customHeight="1" x14ac:dyDescent="0.2">
      <c r="A79" s="14">
        <v>61</v>
      </c>
      <c r="B79" s="15">
        <v>64</v>
      </c>
      <c r="C79" s="16">
        <v>57</v>
      </c>
      <c r="D79" s="17">
        <v>121</v>
      </c>
    </row>
    <row r="80" spans="1:4" ht="18" customHeight="1" x14ac:dyDescent="0.2">
      <c r="A80" s="14">
        <v>62</v>
      </c>
      <c r="B80" s="15">
        <v>65</v>
      </c>
      <c r="C80" s="16">
        <v>53</v>
      </c>
      <c r="D80" s="17">
        <v>118</v>
      </c>
    </row>
    <row r="81" spans="1:4" ht="18" customHeight="1" x14ac:dyDescent="0.2">
      <c r="A81" s="14">
        <v>63</v>
      </c>
      <c r="B81" s="15">
        <v>60</v>
      </c>
      <c r="C81" s="16">
        <v>59</v>
      </c>
      <c r="D81" s="17">
        <v>119</v>
      </c>
    </row>
    <row r="82" spans="1:4" ht="18" customHeight="1" x14ac:dyDescent="0.2">
      <c r="A82" s="14">
        <v>64</v>
      </c>
      <c r="B82" s="15">
        <v>76</v>
      </c>
      <c r="C82" s="16">
        <v>63</v>
      </c>
      <c r="D82" s="17">
        <v>139</v>
      </c>
    </row>
    <row r="83" spans="1:4" ht="18" customHeight="1" x14ac:dyDescent="0.2">
      <c r="A83" s="18" t="s">
        <v>61</v>
      </c>
      <c r="B83" s="15">
        <v>315</v>
      </c>
      <c r="C83" s="16">
        <v>299</v>
      </c>
      <c r="D83" s="17">
        <v>614</v>
      </c>
    </row>
    <row r="84" spans="1:4" ht="18" customHeight="1" x14ac:dyDescent="0.2">
      <c r="A84" s="18" t="s">
        <v>62</v>
      </c>
      <c r="B84" s="15">
        <v>3904</v>
      </c>
      <c r="C84" s="16">
        <v>3599</v>
      </c>
      <c r="D84" s="17">
        <v>7503</v>
      </c>
    </row>
    <row r="85" spans="1:4" ht="18" customHeight="1" x14ac:dyDescent="0.2">
      <c r="A85" s="14">
        <v>65</v>
      </c>
      <c r="B85" s="15">
        <v>64</v>
      </c>
      <c r="C85" s="16">
        <v>65</v>
      </c>
      <c r="D85" s="17">
        <v>129</v>
      </c>
    </row>
    <row r="86" spans="1:4" ht="18" customHeight="1" x14ac:dyDescent="0.2">
      <c r="A86" s="14">
        <v>66</v>
      </c>
      <c r="B86" s="15">
        <v>51</v>
      </c>
      <c r="C86" s="16">
        <v>73</v>
      </c>
      <c r="D86" s="17">
        <v>124</v>
      </c>
    </row>
    <row r="87" spans="1:4" ht="18" customHeight="1" x14ac:dyDescent="0.2">
      <c r="A87" s="14">
        <v>67</v>
      </c>
      <c r="B87" s="15">
        <v>77</v>
      </c>
      <c r="C87" s="16">
        <v>81</v>
      </c>
      <c r="D87" s="17">
        <v>158</v>
      </c>
    </row>
    <row r="88" spans="1:4" ht="18" customHeight="1" x14ac:dyDescent="0.2">
      <c r="A88" s="14">
        <v>68</v>
      </c>
      <c r="B88" s="15">
        <v>85</v>
      </c>
      <c r="C88" s="16">
        <v>96</v>
      </c>
      <c r="D88" s="17">
        <v>181</v>
      </c>
    </row>
    <row r="89" spans="1:4" ht="18" customHeight="1" x14ac:dyDescent="0.2">
      <c r="A89" s="14">
        <v>69</v>
      </c>
      <c r="B89" s="15">
        <v>89</v>
      </c>
      <c r="C89" s="16">
        <v>99</v>
      </c>
      <c r="D89" s="17">
        <v>188</v>
      </c>
    </row>
    <row r="90" spans="1:4" ht="18" customHeight="1" x14ac:dyDescent="0.2">
      <c r="A90" s="18" t="s">
        <v>63</v>
      </c>
      <c r="B90" s="15">
        <v>366</v>
      </c>
      <c r="C90" s="16">
        <v>414</v>
      </c>
      <c r="D90" s="17">
        <v>780</v>
      </c>
    </row>
    <row r="91" spans="1:4" ht="18" customHeight="1" x14ac:dyDescent="0.2">
      <c r="A91" s="14">
        <v>70</v>
      </c>
      <c r="B91" s="15">
        <v>102</v>
      </c>
      <c r="C91" s="16">
        <v>97</v>
      </c>
      <c r="D91" s="17">
        <v>199</v>
      </c>
    </row>
    <row r="92" spans="1:4" ht="18" customHeight="1" x14ac:dyDescent="0.2">
      <c r="A92" s="14">
        <v>71</v>
      </c>
      <c r="B92" s="15">
        <v>83</v>
      </c>
      <c r="C92" s="16">
        <v>121</v>
      </c>
      <c r="D92" s="17">
        <v>204</v>
      </c>
    </row>
    <row r="93" spans="1:4" ht="18" customHeight="1" x14ac:dyDescent="0.2">
      <c r="A93" s="14">
        <v>72</v>
      </c>
      <c r="B93" s="15">
        <v>53</v>
      </c>
      <c r="C93" s="16">
        <v>63</v>
      </c>
      <c r="D93" s="17">
        <v>116</v>
      </c>
    </row>
    <row r="94" spans="1:4" ht="18" customHeight="1" x14ac:dyDescent="0.2">
      <c r="A94" s="14">
        <v>73</v>
      </c>
      <c r="B94" s="15">
        <v>43</v>
      </c>
      <c r="C94" s="16">
        <v>52</v>
      </c>
      <c r="D94" s="17">
        <v>95</v>
      </c>
    </row>
    <row r="95" spans="1:4" ht="18" customHeight="1" x14ac:dyDescent="0.2">
      <c r="A95" s="14">
        <v>74</v>
      </c>
      <c r="B95" s="15">
        <v>73</v>
      </c>
      <c r="C95" s="16">
        <v>86</v>
      </c>
      <c r="D95" s="17">
        <v>159</v>
      </c>
    </row>
    <row r="96" spans="1:4" ht="18" customHeight="1" x14ac:dyDescent="0.2">
      <c r="A96" s="18" t="s">
        <v>64</v>
      </c>
      <c r="B96" s="15">
        <v>354</v>
      </c>
      <c r="C96" s="16">
        <v>419</v>
      </c>
      <c r="D96" s="17">
        <v>773</v>
      </c>
    </row>
    <row r="97" spans="1:4" ht="18" customHeight="1" x14ac:dyDescent="0.2">
      <c r="A97" s="14">
        <v>75</v>
      </c>
      <c r="B97" s="15">
        <v>61</v>
      </c>
      <c r="C97" s="16">
        <v>82</v>
      </c>
      <c r="D97" s="17">
        <v>143</v>
      </c>
    </row>
    <row r="98" spans="1:4" ht="18" customHeight="1" x14ac:dyDescent="0.2">
      <c r="A98" s="14">
        <v>76</v>
      </c>
      <c r="B98" s="15">
        <v>65</v>
      </c>
      <c r="C98" s="16">
        <v>91</v>
      </c>
      <c r="D98" s="17">
        <v>156</v>
      </c>
    </row>
    <row r="99" spans="1:4" ht="18" customHeight="1" x14ac:dyDescent="0.2">
      <c r="A99" s="14">
        <v>77</v>
      </c>
      <c r="B99" s="15">
        <v>67</v>
      </c>
      <c r="C99" s="16">
        <v>80</v>
      </c>
      <c r="D99" s="17">
        <v>147</v>
      </c>
    </row>
    <row r="100" spans="1:4" ht="18" customHeight="1" x14ac:dyDescent="0.2">
      <c r="A100" s="14">
        <v>78</v>
      </c>
      <c r="B100" s="15">
        <v>54</v>
      </c>
      <c r="C100" s="16">
        <v>73</v>
      </c>
      <c r="D100" s="17">
        <v>127</v>
      </c>
    </row>
    <row r="101" spans="1:4" ht="18" customHeight="1" x14ac:dyDescent="0.2">
      <c r="A101" s="14">
        <v>79</v>
      </c>
      <c r="B101" s="15">
        <v>44</v>
      </c>
      <c r="C101" s="16">
        <v>70</v>
      </c>
      <c r="D101" s="17">
        <v>114</v>
      </c>
    </row>
    <row r="102" spans="1:4" ht="18" customHeight="1" x14ac:dyDescent="0.2">
      <c r="A102" s="18" t="s">
        <v>65</v>
      </c>
      <c r="B102" s="15">
        <v>291</v>
      </c>
      <c r="C102" s="16">
        <v>396</v>
      </c>
      <c r="D102" s="17">
        <v>687</v>
      </c>
    </row>
    <row r="103" spans="1:4" ht="18" customHeight="1" x14ac:dyDescent="0.2">
      <c r="A103" s="14">
        <v>80</v>
      </c>
      <c r="B103" s="15">
        <v>42</v>
      </c>
      <c r="C103" s="16">
        <v>54</v>
      </c>
      <c r="D103" s="17">
        <v>96</v>
      </c>
    </row>
    <row r="104" spans="1:4" ht="18" customHeight="1" x14ac:dyDescent="0.2">
      <c r="A104" s="14">
        <v>81</v>
      </c>
      <c r="B104" s="15">
        <v>44</v>
      </c>
      <c r="C104" s="16">
        <v>45</v>
      </c>
      <c r="D104" s="17">
        <v>89</v>
      </c>
    </row>
    <row r="105" spans="1:4" ht="18" customHeight="1" x14ac:dyDescent="0.2">
      <c r="A105" s="14">
        <v>82</v>
      </c>
      <c r="B105" s="15">
        <v>49</v>
      </c>
      <c r="C105" s="16">
        <v>62</v>
      </c>
      <c r="D105" s="17">
        <v>111</v>
      </c>
    </row>
    <row r="106" spans="1:4" ht="18" customHeight="1" x14ac:dyDescent="0.2">
      <c r="A106" s="14">
        <v>83</v>
      </c>
      <c r="B106" s="15">
        <v>40</v>
      </c>
      <c r="C106" s="16">
        <v>55</v>
      </c>
      <c r="D106" s="17">
        <v>95</v>
      </c>
    </row>
    <row r="107" spans="1:4" ht="18" customHeight="1" x14ac:dyDescent="0.2">
      <c r="A107" s="14">
        <v>84</v>
      </c>
      <c r="B107" s="15">
        <v>31</v>
      </c>
      <c r="C107" s="16">
        <v>53</v>
      </c>
      <c r="D107" s="17">
        <v>84</v>
      </c>
    </row>
    <row r="108" spans="1:4" ht="18" customHeight="1" x14ac:dyDescent="0.2">
      <c r="A108" s="18" t="s">
        <v>66</v>
      </c>
      <c r="B108" s="15">
        <v>206</v>
      </c>
      <c r="C108" s="16">
        <v>269</v>
      </c>
      <c r="D108" s="17">
        <v>475</v>
      </c>
    </row>
    <row r="109" spans="1:4" ht="18" customHeight="1" x14ac:dyDescent="0.2">
      <c r="A109" s="14">
        <v>85</v>
      </c>
      <c r="B109" s="15">
        <v>28</v>
      </c>
      <c r="C109" s="16">
        <v>60</v>
      </c>
      <c r="D109" s="17">
        <v>88</v>
      </c>
    </row>
    <row r="110" spans="1:4" ht="18" customHeight="1" x14ac:dyDescent="0.2">
      <c r="A110" s="14">
        <v>86</v>
      </c>
      <c r="B110" s="15">
        <v>28</v>
      </c>
      <c r="C110" s="16">
        <v>36</v>
      </c>
      <c r="D110" s="17">
        <v>64</v>
      </c>
    </row>
    <row r="111" spans="1:4" ht="18" customHeight="1" x14ac:dyDescent="0.2">
      <c r="A111" s="14">
        <v>87</v>
      </c>
      <c r="B111" s="15">
        <v>16</v>
      </c>
      <c r="C111" s="16">
        <v>38</v>
      </c>
      <c r="D111" s="17">
        <v>54</v>
      </c>
    </row>
    <row r="112" spans="1:4" ht="18" customHeight="1" x14ac:dyDescent="0.2">
      <c r="A112" s="14">
        <v>88</v>
      </c>
      <c r="B112" s="15">
        <v>13</v>
      </c>
      <c r="C112" s="16">
        <v>40</v>
      </c>
      <c r="D112" s="17">
        <v>53</v>
      </c>
    </row>
    <row r="113" spans="1:4" ht="18" customHeight="1" x14ac:dyDescent="0.2">
      <c r="A113" s="14">
        <v>89</v>
      </c>
      <c r="B113" s="15">
        <v>6</v>
      </c>
      <c r="C113" s="16">
        <v>39</v>
      </c>
      <c r="D113" s="17">
        <v>45</v>
      </c>
    </row>
    <row r="114" spans="1:4" ht="18" customHeight="1" x14ac:dyDescent="0.2">
      <c r="A114" s="18" t="s">
        <v>67</v>
      </c>
      <c r="B114" s="15">
        <v>91</v>
      </c>
      <c r="C114" s="16">
        <v>213</v>
      </c>
      <c r="D114" s="17">
        <v>304</v>
      </c>
    </row>
    <row r="115" spans="1:4" ht="18" customHeight="1" x14ac:dyDescent="0.2">
      <c r="A115" s="14">
        <v>90</v>
      </c>
      <c r="B115" s="15">
        <v>6</v>
      </c>
      <c r="C115" s="16">
        <v>31</v>
      </c>
      <c r="D115" s="17">
        <v>37</v>
      </c>
    </row>
    <row r="116" spans="1:4" ht="18" customHeight="1" x14ac:dyDescent="0.2">
      <c r="A116" s="14">
        <v>91</v>
      </c>
      <c r="B116" s="15">
        <v>7</v>
      </c>
      <c r="C116" s="16">
        <v>29</v>
      </c>
      <c r="D116" s="17">
        <v>36</v>
      </c>
    </row>
    <row r="117" spans="1:4" ht="18" customHeight="1" x14ac:dyDescent="0.2">
      <c r="A117" s="14">
        <v>92</v>
      </c>
      <c r="B117" s="15">
        <v>9</v>
      </c>
      <c r="C117" s="16">
        <v>16</v>
      </c>
      <c r="D117" s="17">
        <v>25</v>
      </c>
    </row>
    <row r="118" spans="1:4" ht="18" customHeight="1" x14ac:dyDescent="0.2">
      <c r="A118" s="14">
        <v>93</v>
      </c>
      <c r="B118" s="15">
        <v>5</v>
      </c>
      <c r="C118" s="16">
        <v>25</v>
      </c>
      <c r="D118" s="17">
        <v>30</v>
      </c>
    </row>
    <row r="119" spans="1:4" ht="18" customHeight="1" x14ac:dyDescent="0.2">
      <c r="A119" s="14">
        <v>94</v>
      </c>
      <c r="B119" s="15">
        <v>4</v>
      </c>
      <c r="C119" s="16">
        <v>13</v>
      </c>
      <c r="D119" s="17">
        <v>17</v>
      </c>
    </row>
    <row r="120" spans="1:4" ht="18" customHeight="1" x14ac:dyDescent="0.2">
      <c r="A120" s="18" t="s">
        <v>68</v>
      </c>
      <c r="B120" s="15">
        <v>31</v>
      </c>
      <c r="C120" s="16">
        <v>114</v>
      </c>
      <c r="D120" s="17">
        <v>145</v>
      </c>
    </row>
    <row r="121" spans="1:4" ht="18" customHeight="1" x14ac:dyDescent="0.2">
      <c r="A121" s="14">
        <v>95</v>
      </c>
      <c r="B121" s="15">
        <v>6</v>
      </c>
      <c r="C121" s="16">
        <v>15</v>
      </c>
      <c r="D121" s="17">
        <v>21</v>
      </c>
    </row>
    <row r="122" spans="1:4" ht="18" customHeight="1" x14ac:dyDescent="0.2">
      <c r="A122" s="14">
        <v>96</v>
      </c>
      <c r="B122" s="15">
        <v>2</v>
      </c>
      <c r="C122" s="16">
        <v>10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11</v>
      </c>
      <c r="C126" s="16">
        <v>37</v>
      </c>
      <c r="D126" s="17">
        <v>48</v>
      </c>
    </row>
    <row r="127" spans="1:4" ht="18" customHeight="1" x14ac:dyDescent="0.2">
      <c r="A127" s="14">
        <v>100</v>
      </c>
      <c r="B127" s="15">
        <v>2</v>
      </c>
      <c r="C127" s="16">
        <v>2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1352</v>
      </c>
      <c r="C130" s="5">
        <v>1866</v>
      </c>
      <c r="D130" s="6">
        <v>3218</v>
      </c>
    </row>
    <row r="131" spans="1:4" ht="18" customHeight="1" x14ac:dyDescent="0.2">
      <c r="A131" s="20" t="s">
        <v>47</v>
      </c>
      <c r="B131" s="7">
        <v>6085</v>
      </c>
      <c r="C131" s="8">
        <v>6283</v>
      </c>
      <c r="D131" s="9">
        <v>123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84</v>
      </c>
      <c r="C5" s="12">
        <v>74</v>
      </c>
      <c r="D5" s="13">
        <v>158</v>
      </c>
    </row>
    <row r="6" spans="1:10" ht="18" customHeight="1" x14ac:dyDescent="0.2">
      <c r="A6" s="14">
        <v>1</v>
      </c>
      <c r="B6" s="15">
        <v>102</v>
      </c>
      <c r="C6" s="16">
        <v>75</v>
      </c>
      <c r="D6" s="17">
        <v>177</v>
      </c>
    </row>
    <row r="7" spans="1:10" ht="18" customHeight="1" x14ac:dyDescent="0.2">
      <c r="A7" s="14">
        <v>2</v>
      </c>
      <c r="B7" s="15">
        <v>88</v>
      </c>
      <c r="C7" s="16">
        <v>83</v>
      </c>
      <c r="D7" s="17">
        <v>171</v>
      </c>
    </row>
    <row r="8" spans="1:10" ht="18" customHeight="1" x14ac:dyDescent="0.2">
      <c r="A8" s="14">
        <v>3</v>
      </c>
      <c r="B8" s="15">
        <v>103</v>
      </c>
      <c r="C8" s="16">
        <v>79</v>
      </c>
      <c r="D8" s="17">
        <v>182</v>
      </c>
    </row>
    <row r="9" spans="1:10" ht="18" customHeight="1" x14ac:dyDescent="0.2">
      <c r="A9" s="14">
        <v>4</v>
      </c>
      <c r="B9" s="15">
        <v>80</v>
      </c>
      <c r="C9" s="16">
        <v>88</v>
      </c>
      <c r="D9" s="17">
        <v>168</v>
      </c>
    </row>
    <row r="10" spans="1:10" ht="18" customHeight="1" x14ac:dyDescent="0.2">
      <c r="A10" s="18" t="s">
        <v>48</v>
      </c>
      <c r="B10" s="15">
        <v>457</v>
      </c>
      <c r="C10" s="16">
        <v>399</v>
      </c>
      <c r="D10" s="17">
        <v>856</v>
      </c>
    </row>
    <row r="11" spans="1:10" ht="18" customHeight="1" x14ac:dyDescent="0.2">
      <c r="A11" s="14">
        <v>5</v>
      </c>
      <c r="B11" s="15">
        <v>89</v>
      </c>
      <c r="C11" s="16">
        <v>86</v>
      </c>
      <c r="D11" s="17">
        <v>175</v>
      </c>
    </row>
    <row r="12" spans="1:10" ht="18" customHeight="1" x14ac:dyDescent="0.2">
      <c r="A12" s="14">
        <v>6</v>
      </c>
      <c r="B12" s="15">
        <v>98</v>
      </c>
      <c r="C12" s="16">
        <v>95</v>
      </c>
      <c r="D12" s="17">
        <v>193</v>
      </c>
    </row>
    <row r="13" spans="1:10" ht="18" customHeight="1" x14ac:dyDescent="0.2">
      <c r="A13" s="14">
        <v>7</v>
      </c>
      <c r="B13" s="15">
        <v>92</v>
      </c>
      <c r="C13" s="16">
        <v>84</v>
      </c>
      <c r="D13" s="17">
        <v>176</v>
      </c>
    </row>
    <row r="14" spans="1:10" ht="18" customHeight="1" x14ac:dyDescent="0.2">
      <c r="A14" s="14">
        <v>8</v>
      </c>
      <c r="B14" s="15">
        <v>85</v>
      </c>
      <c r="C14" s="16">
        <v>85</v>
      </c>
      <c r="D14" s="17">
        <v>170</v>
      </c>
    </row>
    <row r="15" spans="1:10" ht="18" customHeight="1" x14ac:dyDescent="0.2">
      <c r="A15" s="14">
        <v>9</v>
      </c>
      <c r="B15" s="15">
        <v>91</v>
      </c>
      <c r="C15" s="16">
        <v>93</v>
      </c>
      <c r="D15" s="17">
        <v>184</v>
      </c>
    </row>
    <row r="16" spans="1:10" ht="18" customHeight="1" x14ac:dyDescent="0.2">
      <c r="A16" s="18" t="s">
        <v>49</v>
      </c>
      <c r="B16" s="15">
        <v>455</v>
      </c>
      <c r="C16" s="16">
        <v>443</v>
      </c>
      <c r="D16" s="17">
        <v>898</v>
      </c>
    </row>
    <row r="17" spans="1:4" ht="18" customHeight="1" x14ac:dyDescent="0.2">
      <c r="A17" s="14">
        <v>10</v>
      </c>
      <c r="B17" s="15">
        <v>101</v>
      </c>
      <c r="C17" s="16">
        <v>84</v>
      </c>
      <c r="D17" s="17">
        <v>185</v>
      </c>
    </row>
    <row r="18" spans="1:4" ht="18" customHeight="1" x14ac:dyDescent="0.2">
      <c r="A18" s="14">
        <v>11</v>
      </c>
      <c r="B18" s="15">
        <v>73</v>
      </c>
      <c r="C18" s="16">
        <v>91</v>
      </c>
      <c r="D18" s="17">
        <v>164</v>
      </c>
    </row>
    <row r="19" spans="1:4" ht="18" customHeight="1" x14ac:dyDescent="0.2">
      <c r="A19" s="14">
        <v>12</v>
      </c>
      <c r="B19" s="15">
        <v>89</v>
      </c>
      <c r="C19" s="16">
        <v>92</v>
      </c>
      <c r="D19" s="17">
        <v>181</v>
      </c>
    </row>
    <row r="20" spans="1:4" ht="18" customHeight="1" x14ac:dyDescent="0.2">
      <c r="A20" s="14">
        <v>13</v>
      </c>
      <c r="B20" s="15">
        <v>84</v>
      </c>
      <c r="C20" s="16">
        <v>64</v>
      </c>
      <c r="D20" s="17">
        <v>148</v>
      </c>
    </row>
    <row r="21" spans="1:4" ht="18" customHeight="1" x14ac:dyDescent="0.2">
      <c r="A21" s="14">
        <v>14</v>
      </c>
      <c r="B21" s="15">
        <v>84</v>
      </c>
      <c r="C21" s="16">
        <v>70</v>
      </c>
      <c r="D21" s="17">
        <v>154</v>
      </c>
    </row>
    <row r="22" spans="1:4" ht="18" customHeight="1" x14ac:dyDescent="0.2">
      <c r="A22" s="18" t="s">
        <v>50</v>
      </c>
      <c r="B22" s="15">
        <v>431</v>
      </c>
      <c r="C22" s="16">
        <v>401</v>
      </c>
      <c r="D22" s="17">
        <v>832</v>
      </c>
    </row>
    <row r="23" spans="1:4" ht="18" customHeight="1" x14ac:dyDescent="0.2">
      <c r="A23" s="18" t="s">
        <v>51</v>
      </c>
      <c r="B23" s="15">
        <v>1343</v>
      </c>
      <c r="C23" s="16">
        <v>1243</v>
      </c>
      <c r="D23" s="17">
        <v>2586</v>
      </c>
    </row>
    <row r="24" spans="1:4" ht="18" customHeight="1" x14ac:dyDescent="0.2">
      <c r="A24" s="14">
        <v>15</v>
      </c>
      <c r="B24" s="15">
        <v>72</v>
      </c>
      <c r="C24" s="16">
        <v>76</v>
      </c>
      <c r="D24" s="17">
        <v>148</v>
      </c>
    </row>
    <row r="25" spans="1:4" ht="18" customHeight="1" x14ac:dyDescent="0.2">
      <c r="A25" s="14">
        <v>16</v>
      </c>
      <c r="B25" s="15">
        <v>79</v>
      </c>
      <c r="C25" s="16">
        <v>60</v>
      </c>
      <c r="D25" s="17">
        <v>139</v>
      </c>
    </row>
    <row r="26" spans="1:4" ht="18" customHeight="1" x14ac:dyDescent="0.2">
      <c r="A26" s="14">
        <v>17</v>
      </c>
      <c r="B26" s="15">
        <v>57</v>
      </c>
      <c r="C26" s="16">
        <v>78</v>
      </c>
      <c r="D26" s="17">
        <v>135</v>
      </c>
    </row>
    <row r="27" spans="1:4" ht="18" customHeight="1" x14ac:dyDescent="0.2">
      <c r="A27" s="14">
        <v>18</v>
      </c>
      <c r="B27" s="15">
        <v>63</v>
      </c>
      <c r="C27" s="16">
        <v>52</v>
      </c>
      <c r="D27" s="17">
        <v>115</v>
      </c>
    </row>
    <row r="28" spans="1:4" ht="18" customHeight="1" x14ac:dyDescent="0.2">
      <c r="A28" s="14">
        <v>19</v>
      </c>
      <c r="B28" s="15">
        <v>80</v>
      </c>
      <c r="C28" s="16">
        <v>62</v>
      </c>
      <c r="D28" s="17">
        <v>142</v>
      </c>
    </row>
    <row r="29" spans="1:4" ht="18" customHeight="1" x14ac:dyDescent="0.2">
      <c r="A29" s="18" t="s">
        <v>52</v>
      </c>
      <c r="B29" s="15">
        <v>351</v>
      </c>
      <c r="C29" s="16">
        <v>328</v>
      </c>
      <c r="D29" s="17">
        <v>679</v>
      </c>
    </row>
    <row r="30" spans="1:4" ht="18" customHeight="1" x14ac:dyDescent="0.2">
      <c r="A30" s="14">
        <v>20</v>
      </c>
      <c r="B30" s="15">
        <v>51</v>
      </c>
      <c r="C30" s="16">
        <v>72</v>
      </c>
      <c r="D30" s="17">
        <v>123</v>
      </c>
    </row>
    <row r="31" spans="1:4" ht="18" customHeight="1" x14ac:dyDescent="0.2">
      <c r="A31" s="14">
        <v>21</v>
      </c>
      <c r="B31" s="15">
        <v>45</v>
      </c>
      <c r="C31" s="16">
        <v>76</v>
      </c>
      <c r="D31" s="17">
        <v>121</v>
      </c>
    </row>
    <row r="32" spans="1:4" ht="18" customHeight="1" x14ac:dyDescent="0.2">
      <c r="A32" s="14">
        <v>22</v>
      </c>
      <c r="B32" s="15">
        <v>59</v>
      </c>
      <c r="C32" s="16">
        <v>62</v>
      </c>
      <c r="D32" s="17">
        <v>121</v>
      </c>
    </row>
    <row r="33" spans="1:4" ht="18" customHeight="1" x14ac:dyDescent="0.2">
      <c r="A33" s="14">
        <v>23</v>
      </c>
      <c r="B33" s="15">
        <v>65</v>
      </c>
      <c r="C33" s="16">
        <v>79</v>
      </c>
      <c r="D33" s="17">
        <v>144</v>
      </c>
    </row>
    <row r="34" spans="1:4" ht="18" customHeight="1" x14ac:dyDescent="0.2">
      <c r="A34" s="14">
        <v>24</v>
      </c>
      <c r="B34" s="15">
        <v>59</v>
      </c>
      <c r="C34" s="16">
        <v>73</v>
      </c>
      <c r="D34" s="17">
        <v>132</v>
      </c>
    </row>
    <row r="35" spans="1:4" ht="18" customHeight="1" x14ac:dyDescent="0.2">
      <c r="A35" s="18" t="s">
        <v>53</v>
      </c>
      <c r="B35" s="15">
        <v>279</v>
      </c>
      <c r="C35" s="16">
        <v>362</v>
      </c>
      <c r="D35" s="17">
        <v>641</v>
      </c>
    </row>
    <row r="36" spans="1:4" ht="18" customHeight="1" x14ac:dyDescent="0.2">
      <c r="A36" s="14">
        <v>25</v>
      </c>
      <c r="B36" s="15">
        <v>73</v>
      </c>
      <c r="C36" s="16">
        <v>78</v>
      </c>
      <c r="D36" s="17">
        <v>151</v>
      </c>
    </row>
    <row r="37" spans="1:4" ht="18" customHeight="1" x14ac:dyDescent="0.2">
      <c r="A37" s="14">
        <v>26</v>
      </c>
      <c r="B37" s="15">
        <v>67</v>
      </c>
      <c r="C37" s="16">
        <v>67</v>
      </c>
      <c r="D37" s="17">
        <v>134</v>
      </c>
    </row>
    <row r="38" spans="1:4" ht="18" customHeight="1" x14ac:dyDescent="0.2">
      <c r="A38" s="14">
        <v>27</v>
      </c>
      <c r="B38" s="15">
        <v>77</v>
      </c>
      <c r="C38" s="16">
        <v>73</v>
      </c>
      <c r="D38" s="17">
        <v>150</v>
      </c>
    </row>
    <row r="39" spans="1:4" ht="18" customHeight="1" x14ac:dyDescent="0.2">
      <c r="A39" s="14">
        <v>28</v>
      </c>
      <c r="B39" s="15">
        <v>79</v>
      </c>
      <c r="C39" s="16">
        <v>82</v>
      </c>
      <c r="D39" s="17">
        <v>161</v>
      </c>
    </row>
    <row r="40" spans="1:4" ht="18" customHeight="1" x14ac:dyDescent="0.2">
      <c r="A40" s="14">
        <v>29</v>
      </c>
      <c r="B40" s="15">
        <v>94</v>
      </c>
      <c r="C40" s="16">
        <v>87</v>
      </c>
      <c r="D40" s="17">
        <v>181</v>
      </c>
    </row>
    <row r="41" spans="1:4" ht="18" customHeight="1" x14ac:dyDescent="0.2">
      <c r="A41" s="18" t="s">
        <v>54</v>
      </c>
      <c r="B41" s="15">
        <v>390</v>
      </c>
      <c r="C41" s="16">
        <v>387</v>
      </c>
      <c r="D41" s="17">
        <v>777</v>
      </c>
    </row>
    <row r="42" spans="1:4" ht="18" customHeight="1" x14ac:dyDescent="0.2">
      <c r="A42" s="14">
        <v>30</v>
      </c>
      <c r="B42" s="15">
        <v>113</v>
      </c>
      <c r="C42" s="16">
        <v>98</v>
      </c>
      <c r="D42" s="17">
        <v>211</v>
      </c>
    </row>
    <row r="43" spans="1:4" ht="18" customHeight="1" x14ac:dyDescent="0.2">
      <c r="A43" s="14">
        <v>31</v>
      </c>
      <c r="B43" s="15">
        <v>82</v>
      </c>
      <c r="C43" s="16">
        <v>91</v>
      </c>
      <c r="D43" s="17">
        <v>173</v>
      </c>
    </row>
    <row r="44" spans="1:4" ht="18" customHeight="1" x14ac:dyDescent="0.2">
      <c r="A44" s="14">
        <v>32</v>
      </c>
      <c r="B44" s="15">
        <v>101</v>
      </c>
      <c r="C44" s="16">
        <v>105</v>
      </c>
      <c r="D44" s="17">
        <v>206</v>
      </c>
    </row>
    <row r="45" spans="1:4" ht="18" customHeight="1" x14ac:dyDescent="0.2">
      <c r="A45" s="14">
        <v>33</v>
      </c>
      <c r="B45" s="15">
        <v>117</v>
      </c>
      <c r="C45" s="16">
        <v>105</v>
      </c>
      <c r="D45" s="17">
        <v>222</v>
      </c>
    </row>
    <row r="46" spans="1:4" ht="18" customHeight="1" x14ac:dyDescent="0.2">
      <c r="A46" s="14">
        <v>34</v>
      </c>
      <c r="B46" s="15">
        <v>123</v>
      </c>
      <c r="C46" s="16">
        <v>107</v>
      </c>
      <c r="D46" s="17">
        <v>230</v>
      </c>
    </row>
    <row r="47" spans="1:4" ht="18" customHeight="1" x14ac:dyDescent="0.2">
      <c r="A47" s="18" t="s">
        <v>55</v>
      </c>
      <c r="B47" s="15">
        <v>536</v>
      </c>
      <c r="C47" s="16">
        <v>506</v>
      </c>
      <c r="D47" s="17">
        <v>1042</v>
      </c>
    </row>
    <row r="48" spans="1:4" ht="18" customHeight="1" x14ac:dyDescent="0.2">
      <c r="A48" s="14">
        <v>35</v>
      </c>
      <c r="B48" s="15">
        <v>130</v>
      </c>
      <c r="C48" s="16">
        <v>108</v>
      </c>
      <c r="D48" s="17">
        <v>238</v>
      </c>
    </row>
    <row r="49" spans="1:4" ht="18" customHeight="1" x14ac:dyDescent="0.2">
      <c r="A49" s="14">
        <v>36</v>
      </c>
      <c r="B49" s="15">
        <v>112</v>
      </c>
      <c r="C49" s="16">
        <v>110</v>
      </c>
      <c r="D49" s="17">
        <v>222</v>
      </c>
    </row>
    <row r="50" spans="1:4" ht="18" customHeight="1" x14ac:dyDescent="0.2">
      <c r="A50" s="14">
        <v>37</v>
      </c>
      <c r="B50" s="15">
        <v>126</v>
      </c>
      <c r="C50" s="16">
        <v>130</v>
      </c>
      <c r="D50" s="17">
        <v>256</v>
      </c>
    </row>
    <row r="51" spans="1:4" ht="18" customHeight="1" x14ac:dyDescent="0.2">
      <c r="A51" s="14">
        <v>38</v>
      </c>
      <c r="B51" s="15">
        <v>152</v>
      </c>
      <c r="C51" s="16">
        <v>86</v>
      </c>
      <c r="D51" s="17">
        <v>238</v>
      </c>
    </row>
    <row r="52" spans="1:4" ht="18" customHeight="1" x14ac:dyDescent="0.2">
      <c r="A52" s="14">
        <v>39</v>
      </c>
      <c r="B52" s="15">
        <v>126</v>
      </c>
      <c r="C52" s="16">
        <v>132</v>
      </c>
      <c r="D52" s="17">
        <v>258</v>
      </c>
    </row>
    <row r="53" spans="1:4" ht="18" customHeight="1" x14ac:dyDescent="0.2">
      <c r="A53" s="18" t="s">
        <v>56</v>
      </c>
      <c r="B53" s="15">
        <v>646</v>
      </c>
      <c r="C53" s="16">
        <v>566</v>
      </c>
      <c r="D53" s="17">
        <v>1212</v>
      </c>
    </row>
    <row r="54" spans="1:4" ht="18" customHeight="1" x14ac:dyDescent="0.2">
      <c r="A54" s="14">
        <v>40</v>
      </c>
      <c r="B54" s="15">
        <v>107</v>
      </c>
      <c r="C54" s="16">
        <v>110</v>
      </c>
      <c r="D54" s="17">
        <v>217</v>
      </c>
    </row>
    <row r="55" spans="1:4" ht="18" customHeight="1" x14ac:dyDescent="0.2">
      <c r="A55" s="14">
        <v>41</v>
      </c>
      <c r="B55" s="15">
        <v>138</v>
      </c>
      <c r="C55" s="16">
        <v>126</v>
      </c>
      <c r="D55" s="17">
        <v>264</v>
      </c>
    </row>
    <row r="56" spans="1:4" ht="18" customHeight="1" x14ac:dyDescent="0.2">
      <c r="A56" s="14">
        <v>42</v>
      </c>
      <c r="B56" s="15">
        <v>133</v>
      </c>
      <c r="C56" s="16">
        <v>129</v>
      </c>
      <c r="D56" s="17">
        <v>262</v>
      </c>
    </row>
    <row r="57" spans="1:4" ht="18" customHeight="1" x14ac:dyDescent="0.2">
      <c r="A57" s="14">
        <v>43</v>
      </c>
      <c r="B57" s="15">
        <v>154</v>
      </c>
      <c r="C57" s="16">
        <v>135</v>
      </c>
      <c r="D57" s="17">
        <v>289</v>
      </c>
    </row>
    <row r="58" spans="1:4" ht="18" customHeight="1" x14ac:dyDescent="0.2">
      <c r="A58" s="14">
        <v>44</v>
      </c>
      <c r="B58" s="15">
        <v>155</v>
      </c>
      <c r="C58" s="16">
        <v>174</v>
      </c>
      <c r="D58" s="17">
        <v>329</v>
      </c>
    </row>
    <row r="59" spans="1:4" ht="18" customHeight="1" x14ac:dyDescent="0.2">
      <c r="A59" s="18" t="s">
        <v>57</v>
      </c>
      <c r="B59" s="15">
        <v>687</v>
      </c>
      <c r="C59" s="16">
        <v>674</v>
      </c>
      <c r="D59" s="17">
        <v>1361</v>
      </c>
    </row>
    <row r="60" spans="1:4" ht="18" customHeight="1" x14ac:dyDescent="0.2">
      <c r="A60" s="14">
        <v>45</v>
      </c>
      <c r="B60" s="15">
        <v>137</v>
      </c>
      <c r="C60" s="16">
        <v>137</v>
      </c>
      <c r="D60" s="17">
        <v>274</v>
      </c>
    </row>
    <row r="61" spans="1:4" ht="18" customHeight="1" x14ac:dyDescent="0.2">
      <c r="A61" s="14">
        <v>46</v>
      </c>
      <c r="B61" s="15">
        <v>149</v>
      </c>
      <c r="C61" s="16">
        <v>121</v>
      </c>
      <c r="D61" s="17">
        <v>270</v>
      </c>
    </row>
    <row r="62" spans="1:4" ht="18" customHeight="1" x14ac:dyDescent="0.2">
      <c r="A62" s="14">
        <v>47</v>
      </c>
      <c r="B62" s="15">
        <v>131</v>
      </c>
      <c r="C62" s="16">
        <v>123</v>
      </c>
      <c r="D62" s="17">
        <v>254</v>
      </c>
    </row>
    <row r="63" spans="1:4" ht="18" customHeight="1" x14ac:dyDescent="0.2">
      <c r="A63" s="14">
        <v>48</v>
      </c>
      <c r="B63" s="15">
        <v>115</v>
      </c>
      <c r="C63" s="16">
        <v>99</v>
      </c>
      <c r="D63" s="17">
        <v>214</v>
      </c>
    </row>
    <row r="64" spans="1:4" ht="18" customHeight="1" x14ac:dyDescent="0.2">
      <c r="A64" s="14">
        <v>49</v>
      </c>
      <c r="B64" s="15">
        <v>100</v>
      </c>
      <c r="C64" s="16">
        <v>101</v>
      </c>
      <c r="D64" s="17">
        <v>201</v>
      </c>
    </row>
    <row r="65" spans="1:4" ht="18" customHeight="1" x14ac:dyDescent="0.2">
      <c r="A65" s="18" t="s">
        <v>58</v>
      </c>
      <c r="B65" s="15">
        <v>632</v>
      </c>
      <c r="C65" s="16">
        <v>581</v>
      </c>
      <c r="D65" s="17">
        <v>1213</v>
      </c>
    </row>
    <row r="66" spans="1:4" ht="18" customHeight="1" x14ac:dyDescent="0.2">
      <c r="A66" s="14">
        <v>50</v>
      </c>
      <c r="B66" s="15">
        <v>90</v>
      </c>
      <c r="C66" s="16">
        <v>96</v>
      </c>
      <c r="D66" s="17">
        <v>186</v>
      </c>
    </row>
    <row r="67" spans="1:4" ht="18" customHeight="1" x14ac:dyDescent="0.2">
      <c r="A67" s="14">
        <v>51</v>
      </c>
      <c r="B67" s="15">
        <v>100</v>
      </c>
      <c r="C67" s="16">
        <v>81</v>
      </c>
      <c r="D67" s="17">
        <v>181</v>
      </c>
    </row>
    <row r="68" spans="1:4" ht="18" customHeight="1" x14ac:dyDescent="0.2">
      <c r="A68" s="14">
        <v>52</v>
      </c>
      <c r="B68" s="15">
        <v>61</v>
      </c>
      <c r="C68" s="16">
        <v>76</v>
      </c>
      <c r="D68" s="17">
        <v>137</v>
      </c>
    </row>
    <row r="69" spans="1:4" ht="18" customHeight="1" x14ac:dyDescent="0.2">
      <c r="A69" s="14">
        <v>53</v>
      </c>
      <c r="B69" s="15">
        <v>93</v>
      </c>
      <c r="C69" s="16">
        <v>94</v>
      </c>
      <c r="D69" s="17">
        <v>187</v>
      </c>
    </row>
    <row r="70" spans="1:4" ht="18" customHeight="1" x14ac:dyDescent="0.2">
      <c r="A70" s="14">
        <v>54</v>
      </c>
      <c r="B70" s="15">
        <v>74</v>
      </c>
      <c r="C70" s="16">
        <v>89</v>
      </c>
      <c r="D70" s="17">
        <v>163</v>
      </c>
    </row>
    <row r="71" spans="1:4" ht="18" customHeight="1" x14ac:dyDescent="0.2">
      <c r="A71" s="18" t="s">
        <v>59</v>
      </c>
      <c r="B71" s="15">
        <v>418</v>
      </c>
      <c r="C71" s="16">
        <v>436</v>
      </c>
      <c r="D71" s="17">
        <v>854</v>
      </c>
    </row>
    <row r="72" spans="1:4" ht="18" customHeight="1" x14ac:dyDescent="0.2">
      <c r="A72" s="14">
        <v>55</v>
      </c>
      <c r="B72" s="15">
        <v>81</v>
      </c>
      <c r="C72" s="16">
        <v>84</v>
      </c>
      <c r="D72" s="17">
        <v>165</v>
      </c>
    </row>
    <row r="73" spans="1:4" ht="18" customHeight="1" x14ac:dyDescent="0.2">
      <c r="A73" s="14">
        <v>56</v>
      </c>
      <c r="B73" s="15">
        <v>64</v>
      </c>
      <c r="C73" s="16">
        <v>68</v>
      </c>
      <c r="D73" s="17">
        <v>132</v>
      </c>
    </row>
    <row r="74" spans="1:4" ht="18" customHeight="1" x14ac:dyDescent="0.2">
      <c r="A74" s="14">
        <v>57</v>
      </c>
      <c r="B74" s="15">
        <v>74</v>
      </c>
      <c r="C74" s="16">
        <v>69</v>
      </c>
      <c r="D74" s="17">
        <v>143</v>
      </c>
    </row>
    <row r="75" spans="1:4" ht="18" customHeight="1" x14ac:dyDescent="0.2">
      <c r="A75" s="14">
        <v>58</v>
      </c>
      <c r="B75" s="15">
        <v>70</v>
      </c>
      <c r="C75" s="16">
        <v>78</v>
      </c>
      <c r="D75" s="17">
        <v>148</v>
      </c>
    </row>
    <row r="76" spans="1:4" ht="18" customHeight="1" x14ac:dyDescent="0.2">
      <c r="A76" s="14">
        <v>59</v>
      </c>
      <c r="B76" s="15">
        <v>59</v>
      </c>
      <c r="C76" s="16">
        <v>82</v>
      </c>
      <c r="D76" s="17">
        <v>141</v>
      </c>
    </row>
    <row r="77" spans="1:4" ht="18" customHeight="1" x14ac:dyDescent="0.2">
      <c r="A77" s="18" t="s">
        <v>60</v>
      </c>
      <c r="B77" s="15">
        <v>348</v>
      </c>
      <c r="C77" s="16">
        <v>381</v>
      </c>
      <c r="D77" s="17">
        <v>729</v>
      </c>
    </row>
    <row r="78" spans="1:4" ht="18" customHeight="1" x14ac:dyDescent="0.2">
      <c r="A78" s="14">
        <v>60</v>
      </c>
      <c r="B78" s="15">
        <v>85</v>
      </c>
      <c r="C78" s="16">
        <v>82</v>
      </c>
      <c r="D78" s="17">
        <v>167</v>
      </c>
    </row>
    <row r="79" spans="1:4" ht="18" customHeight="1" x14ac:dyDescent="0.2">
      <c r="A79" s="14">
        <v>61</v>
      </c>
      <c r="B79" s="15">
        <v>64</v>
      </c>
      <c r="C79" s="16">
        <v>74</v>
      </c>
      <c r="D79" s="17">
        <v>138</v>
      </c>
    </row>
    <row r="80" spans="1:4" ht="18" customHeight="1" x14ac:dyDescent="0.2">
      <c r="A80" s="14">
        <v>62</v>
      </c>
      <c r="B80" s="15">
        <v>72</v>
      </c>
      <c r="C80" s="16">
        <v>66</v>
      </c>
      <c r="D80" s="17">
        <v>138</v>
      </c>
    </row>
    <row r="81" spans="1:4" ht="18" customHeight="1" x14ac:dyDescent="0.2">
      <c r="A81" s="14">
        <v>63</v>
      </c>
      <c r="B81" s="15">
        <v>74</v>
      </c>
      <c r="C81" s="16">
        <v>81</v>
      </c>
      <c r="D81" s="17">
        <v>155</v>
      </c>
    </row>
    <row r="82" spans="1:4" ht="18" customHeight="1" x14ac:dyDescent="0.2">
      <c r="A82" s="14">
        <v>64</v>
      </c>
      <c r="B82" s="15">
        <v>80</v>
      </c>
      <c r="C82" s="16">
        <v>80</v>
      </c>
      <c r="D82" s="17">
        <v>160</v>
      </c>
    </row>
    <row r="83" spans="1:4" ht="18" customHeight="1" x14ac:dyDescent="0.2">
      <c r="A83" s="18" t="s">
        <v>61</v>
      </c>
      <c r="B83" s="15">
        <v>375</v>
      </c>
      <c r="C83" s="16">
        <v>383</v>
      </c>
      <c r="D83" s="17">
        <v>758</v>
      </c>
    </row>
    <row r="84" spans="1:4" ht="18" customHeight="1" x14ac:dyDescent="0.2">
      <c r="A84" s="18" t="s">
        <v>62</v>
      </c>
      <c r="B84" s="15">
        <v>4662</v>
      </c>
      <c r="C84" s="16">
        <v>4604</v>
      </c>
      <c r="D84" s="17">
        <v>9266</v>
      </c>
    </row>
    <row r="85" spans="1:4" ht="18" customHeight="1" x14ac:dyDescent="0.2">
      <c r="A85" s="14">
        <v>65</v>
      </c>
      <c r="B85" s="15">
        <v>90</v>
      </c>
      <c r="C85" s="16">
        <v>101</v>
      </c>
      <c r="D85" s="17">
        <v>191</v>
      </c>
    </row>
    <row r="86" spans="1:4" ht="18" customHeight="1" x14ac:dyDescent="0.2">
      <c r="A86" s="14">
        <v>66</v>
      </c>
      <c r="B86" s="15">
        <v>89</v>
      </c>
      <c r="C86" s="16">
        <v>111</v>
      </c>
      <c r="D86" s="17">
        <v>200</v>
      </c>
    </row>
    <row r="87" spans="1:4" ht="18" customHeight="1" x14ac:dyDescent="0.2">
      <c r="A87" s="14">
        <v>67</v>
      </c>
      <c r="B87" s="15">
        <v>87</v>
      </c>
      <c r="C87" s="16">
        <v>81</v>
      </c>
      <c r="D87" s="17">
        <v>168</v>
      </c>
    </row>
    <row r="88" spans="1:4" ht="18" customHeight="1" x14ac:dyDescent="0.2">
      <c r="A88" s="14">
        <v>68</v>
      </c>
      <c r="B88" s="15">
        <v>96</v>
      </c>
      <c r="C88" s="16">
        <v>117</v>
      </c>
      <c r="D88" s="17">
        <v>213</v>
      </c>
    </row>
    <row r="89" spans="1:4" ht="18" customHeight="1" x14ac:dyDescent="0.2">
      <c r="A89" s="14">
        <v>69</v>
      </c>
      <c r="B89" s="15">
        <v>108</v>
      </c>
      <c r="C89" s="16">
        <v>134</v>
      </c>
      <c r="D89" s="17">
        <v>242</v>
      </c>
    </row>
    <row r="90" spans="1:4" ht="18" customHeight="1" x14ac:dyDescent="0.2">
      <c r="A90" s="18" t="s">
        <v>63</v>
      </c>
      <c r="B90" s="15">
        <v>470</v>
      </c>
      <c r="C90" s="16">
        <v>544</v>
      </c>
      <c r="D90" s="17">
        <v>1014</v>
      </c>
    </row>
    <row r="91" spans="1:4" ht="18" customHeight="1" x14ac:dyDescent="0.2">
      <c r="A91" s="14">
        <v>70</v>
      </c>
      <c r="B91" s="15">
        <v>114</v>
      </c>
      <c r="C91" s="16">
        <v>146</v>
      </c>
      <c r="D91" s="17">
        <v>260</v>
      </c>
    </row>
    <row r="92" spans="1:4" ht="18" customHeight="1" x14ac:dyDescent="0.2">
      <c r="A92" s="14">
        <v>71</v>
      </c>
      <c r="B92" s="15">
        <v>130</v>
      </c>
      <c r="C92" s="16">
        <v>172</v>
      </c>
      <c r="D92" s="17">
        <v>302</v>
      </c>
    </row>
    <row r="93" spans="1:4" ht="18" customHeight="1" x14ac:dyDescent="0.2">
      <c r="A93" s="14">
        <v>72</v>
      </c>
      <c r="B93" s="15">
        <v>85</v>
      </c>
      <c r="C93" s="16">
        <v>83</v>
      </c>
      <c r="D93" s="17">
        <v>168</v>
      </c>
    </row>
    <row r="94" spans="1:4" ht="18" customHeight="1" x14ac:dyDescent="0.2">
      <c r="A94" s="14">
        <v>73</v>
      </c>
      <c r="B94" s="15">
        <v>69</v>
      </c>
      <c r="C94" s="16">
        <v>86</v>
      </c>
      <c r="D94" s="17">
        <v>155</v>
      </c>
    </row>
    <row r="95" spans="1:4" ht="18" customHeight="1" x14ac:dyDescent="0.2">
      <c r="A95" s="14">
        <v>74</v>
      </c>
      <c r="B95" s="15">
        <v>90</v>
      </c>
      <c r="C95" s="16">
        <v>122</v>
      </c>
      <c r="D95" s="17">
        <v>212</v>
      </c>
    </row>
    <row r="96" spans="1:4" ht="18" customHeight="1" x14ac:dyDescent="0.2">
      <c r="A96" s="18" t="s">
        <v>64</v>
      </c>
      <c r="B96" s="15">
        <v>488</v>
      </c>
      <c r="C96" s="16">
        <v>609</v>
      </c>
      <c r="D96" s="17">
        <v>1097</v>
      </c>
    </row>
    <row r="97" spans="1:4" ht="18" customHeight="1" x14ac:dyDescent="0.2">
      <c r="A97" s="14">
        <v>75</v>
      </c>
      <c r="B97" s="15">
        <v>100</v>
      </c>
      <c r="C97" s="16">
        <v>88</v>
      </c>
      <c r="D97" s="17">
        <v>188</v>
      </c>
    </row>
    <row r="98" spans="1:4" ht="18" customHeight="1" x14ac:dyDescent="0.2">
      <c r="A98" s="14">
        <v>76</v>
      </c>
      <c r="B98" s="15">
        <v>78</v>
      </c>
      <c r="C98" s="16">
        <v>118</v>
      </c>
      <c r="D98" s="17">
        <v>196</v>
      </c>
    </row>
    <row r="99" spans="1:4" ht="18" customHeight="1" x14ac:dyDescent="0.2">
      <c r="A99" s="14">
        <v>77</v>
      </c>
      <c r="B99" s="15">
        <v>83</v>
      </c>
      <c r="C99" s="16">
        <v>95</v>
      </c>
      <c r="D99" s="17">
        <v>178</v>
      </c>
    </row>
    <row r="100" spans="1:4" ht="18" customHeight="1" x14ac:dyDescent="0.2">
      <c r="A100" s="14">
        <v>78</v>
      </c>
      <c r="B100" s="15">
        <v>67</v>
      </c>
      <c r="C100" s="16">
        <v>87</v>
      </c>
      <c r="D100" s="17">
        <v>154</v>
      </c>
    </row>
    <row r="101" spans="1:4" ht="18" customHeight="1" x14ac:dyDescent="0.2">
      <c r="A101" s="14">
        <v>79</v>
      </c>
      <c r="B101" s="15">
        <v>57</v>
      </c>
      <c r="C101" s="16">
        <v>58</v>
      </c>
      <c r="D101" s="17">
        <v>115</v>
      </c>
    </row>
    <row r="102" spans="1:4" ht="18" customHeight="1" x14ac:dyDescent="0.2">
      <c r="A102" s="18" t="s">
        <v>65</v>
      </c>
      <c r="B102" s="15">
        <v>385</v>
      </c>
      <c r="C102" s="16">
        <v>446</v>
      </c>
      <c r="D102" s="17">
        <v>831</v>
      </c>
    </row>
    <row r="103" spans="1:4" ht="18" customHeight="1" x14ac:dyDescent="0.2">
      <c r="A103" s="14">
        <v>80</v>
      </c>
      <c r="B103" s="15">
        <v>57</v>
      </c>
      <c r="C103" s="16">
        <v>61</v>
      </c>
      <c r="D103" s="17">
        <v>118</v>
      </c>
    </row>
    <row r="104" spans="1:4" ht="18" customHeight="1" x14ac:dyDescent="0.2">
      <c r="A104" s="14">
        <v>81</v>
      </c>
      <c r="B104" s="15">
        <v>56</v>
      </c>
      <c r="C104" s="16">
        <v>63</v>
      </c>
      <c r="D104" s="17">
        <v>119</v>
      </c>
    </row>
    <row r="105" spans="1:4" ht="18" customHeight="1" x14ac:dyDescent="0.2">
      <c r="A105" s="14">
        <v>82</v>
      </c>
      <c r="B105" s="15">
        <v>38</v>
      </c>
      <c r="C105" s="16">
        <v>66</v>
      </c>
      <c r="D105" s="17">
        <v>104</v>
      </c>
    </row>
    <row r="106" spans="1:4" ht="18" customHeight="1" x14ac:dyDescent="0.2">
      <c r="A106" s="14">
        <v>83</v>
      </c>
      <c r="B106" s="15">
        <v>47</v>
      </c>
      <c r="C106" s="16">
        <v>59</v>
      </c>
      <c r="D106" s="17">
        <v>106</v>
      </c>
    </row>
    <row r="107" spans="1:4" ht="18" customHeight="1" x14ac:dyDescent="0.2">
      <c r="A107" s="14">
        <v>84</v>
      </c>
      <c r="B107" s="15">
        <v>36</v>
      </c>
      <c r="C107" s="16">
        <v>43</v>
      </c>
      <c r="D107" s="17">
        <v>79</v>
      </c>
    </row>
    <row r="108" spans="1:4" ht="18" customHeight="1" x14ac:dyDescent="0.2">
      <c r="A108" s="18" t="s">
        <v>66</v>
      </c>
      <c r="B108" s="15">
        <v>234</v>
      </c>
      <c r="C108" s="16">
        <v>292</v>
      </c>
      <c r="D108" s="17">
        <v>526</v>
      </c>
    </row>
    <row r="109" spans="1:4" ht="18" customHeight="1" x14ac:dyDescent="0.2">
      <c r="A109" s="14">
        <v>85</v>
      </c>
      <c r="B109" s="15">
        <v>34</v>
      </c>
      <c r="C109" s="16">
        <v>39</v>
      </c>
      <c r="D109" s="17">
        <v>73</v>
      </c>
    </row>
    <row r="110" spans="1:4" ht="18" customHeight="1" x14ac:dyDescent="0.2">
      <c r="A110" s="14">
        <v>86</v>
      </c>
      <c r="B110" s="15">
        <v>13</v>
      </c>
      <c r="C110" s="16">
        <v>31</v>
      </c>
      <c r="D110" s="17">
        <v>44</v>
      </c>
    </row>
    <row r="111" spans="1:4" ht="18" customHeight="1" x14ac:dyDescent="0.2">
      <c r="A111" s="14">
        <v>87</v>
      </c>
      <c r="B111" s="15">
        <v>27</v>
      </c>
      <c r="C111" s="16">
        <v>44</v>
      </c>
      <c r="D111" s="17">
        <v>71</v>
      </c>
    </row>
    <row r="112" spans="1:4" ht="18" customHeight="1" x14ac:dyDescent="0.2">
      <c r="A112" s="14">
        <v>88</v>
      </c>
      <c r="B112" s="15">
        <v>12</v>
      </c>
      <c r="C112" s="16">
        <v>31</v>
      </c>
      <c r="D112" s="17">
        <v>43</v>
      </c>
    </row>
    <row r="113" spans="1:4" ht="18" customHeight="1" x14ac:dyDescent="0.2">
      <c r="A113" s="14">
        <v>89</v>
      </c>
      <c r="B113" s="15">
        <v>12</v>
      </c>
      <c r="C113" s="16">
        <v>37</v>
      </c>
      <c r="D113" s="17">
        <v>49</v>
      </c>
    </row>
    <row r="114" spans="1:4" ht="18" customHeight="1" x14ac:dyDescent="0.2">
      <c r="A114" s="18" t="s">
        <v>67</v>
      </c>
      <c r="B114" s="15">
        <v>98</v>
      </c>
      <c r="C114" s="16">
        <v>182</v>
      </c>
      <c r="D114" s="17">
        <v>280</v>
      </c>
    </row>
    <row r="115" spans="1:4" ht="18" customHeight="1" x14ac:dyDescent="0.2">
      <c r="A115" s="14">
        <v>90</v>
      </c>
      <c r="B115" s="15">
        <v>13</v>
      </c>
      <c r="C115" s="16">
        <v>23</v>
      </c>
      <c r="D115" s="17">
        <v>36</v>
      </c>
    </row>
    <row r="116" spans="1:4" ht="18" customHeight="1" x14ac:dyDescent="0.2">
      <c r="A116" s="14">
        <v>91</v>
      </c>
      <c r="B116" s="15">
        <v>8</v>
      </c>
      <c r="C116" s="16">
        <v>19</v>
      </c>
      <c r="D116" s="17">
        <v>27</v>
      </c>
    </row>
    <row r="117" spans="1:4" ht="18" customHeight="1" x14ac:dyDescent="0.2">
      <c r="A117" s="14">
        <v>92</v>
      </c>
      <c r="B117" s="15">
        <v>6</v>
      </c>
      <c r="C117" s="16">
        <v>18</v>
      </c>
      <c r="D117" s="17">
        <v>24</v>
      </c>
    </row>
    <row r="118" spans="1:4" ht="18" customHeight="1" x14ac:dyDescent="0.2">
      <c r="A118" s="14">
        <v>93</v>
      </c>
      <c r="B118" s="15">
        <v>4</v>
      </c>
      <c r="C118" s="16">
        <v>16</v>
      </c>
      <c r="D118" s="17">
        <v>20</v>
      </c>
    </row>
    <row r="119" spans="1:4" ht="18" customHeight="1" x14ac:dyDescent="0.2">
      <c r="A119" s="14">
        <v>94</v>
      </c>
      <c r="B119" s="15">
        <v>3</v>
      </c>
      <c r="C119" s="16">
        <v>21</v>
      </c>
      <c r="D119" s="17">
        <v>24</v>
      </c>
    </row>
    <row r="120" spans="1:4" ht="18" customHeight="1" x14ac:dyDescent="0.2">
      <c r="A120" s="18" t="s">
        <v>68</v>
      </c>
      <c r="B120" s="15">
        <v>34</v>
      </c>
      <c r="C120" s="16">
        <v>97</v>
      </c>
      <c r="D120" s="17">
        <v>131</v>
      </c>
    </row>
    <row r="121" spans="1:4" ht="18" customHeight="1" x14ac:dyDescent="0.2">
      <c r="A121" s="14">
        <v>95</v>
      </c>
      <c r="B121" s="15">
        <v>1</v>
      </c>
      <c r="C121" s="16">
        <v>14</v>
      </c>
      <c r="D121" s="17">
        <v>15</v>
      </c>
    </row>
    <row r="122" spans="1:4" ht="18" customHeight="1" x14ac:dyDescent="0.2">
      <c r="A122" s="14">
        <v>96</v>
      </c>
      <c r="B122" s="15">
        <v>1</v>
      </c>
      <c r="C122" s="16">
        <v>14</v>
      </c>
      <c r="D122" s="17">
        <v>15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39</v>
      </c>
      <c r="D126" s="17">
        <v>4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713</v>
      </c>
      <c r="C130" s="5">
        <v>2214</v>
      </c>
      <c r="D130" s="6">
        <v>3927</v>
      </c>
    </row>
    <row r="131" spans="1:4" ht="18" customHeight="1" x14ac:dyDescent="0.2">
      <c r="A131" s="20" t="s">
        <v>47</v>
      </c>
      <c r="B131" s="7">
        <v>7718</v>
      </c>
      <c r="C131" s="8">
        <v>8061</v>
      </c>
      <c r="D131" s="9">
        <v>157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0</v>
      </c>
      <c r="C5" s="12">
        <v>56</v>
      </c>
      <c r="D5" s="13">
        <v>106</v>
      </c>
    </row>
    <row r="6" spans="1:10" ht="18" customHeight="1" x14ac:dyDescent="0.2">
      <c r="A6" s="14">
        <v>1</v>
      </c>
      <c r="B6" s="15">
        <v>62</v>
      </c>
      <c r="C6" s="16">
        <v>66</v>
      </c>
      <c r="D6" s="17">
        <v>128</v>
      </c>
    </row>
    <row r="7" spans="1:10" ht="18" customHeight="1" x14ac:dyDescent="0.2">
      <c r="A7" s="14">
        <v>2</v>
      </c>
      <c r="B7" s="15">
        <v>70</v>
      </c>
      <c r="C7" s="16">
        <v>61</v>
      </c>
      <c r="D7" s="17">
        <v>131</v>
      </c>
    </row>
    <row r="8" spans="1:10" ht="18" customHeight="1" x14ac:dyDescent="0.2">
      <c r="A8" s="14">
        <v>3</v>
      </c>
      <c r="B8" s="15">
        <v>49</v>
      </c>
      <c r="C8" s="16">
        <v>54</v>
      </c>
      <c r="D8" s="17">
        <v>103</v>
      </c>
    </row>
    <row r="9" spans="1:10" ht="18" customHeight="1" x14ac:dyDescent="0.2">
      <c r="A9" s="14">
        <v>4</v>
      </c>
      <c r="B9" s="15">
        <v>58</v>
      </c>
      <c r="C9" s="16">
        <v>60</v>
      </c>
      <c r="D9" s="17">
        <v>118</v>
      </c>
    </row>
    <row r="10" spans="1:10" ht="18" customHeight="1" x14ac:dyDescent="0.2">
      <c r="A10" s="18" t="s">
        <v>48</v>
      </c>
      <c r="B10" s="15">
        <v>289</v>
      </c>
      <c r="C10" s="16">
        <v>297</v>
      </c>
      <c r="D10" s="17">
        <v>586</v>
      </c>
    </row>
    <row r="11" spans="1:10" ht="18" customHeight="1" x14ac:dyDescent="0.2">
      <c r="A11" s="14">
        <v>5</v>
      </c>
      <c r="B11" s="15">
        <v>66</v>
      </c>
      <c r="C11" s="16">
        <v>58</v>
      </c>
      <c r="D11" s="17">
        <v>124</v>
      </c>
    </row>
    <row r="12" spans="1:10" ht="18" customHeight="1" x14ac:dyDescent="0.2">
      <c r="A12" s="14">
        <v>6</v>
      </c>
      <c r="B12" s="15">
        <v>47</v>
      </c>
      <c r="C12" s="16">
        <v>59</v>
      </c>
      <c r="D12" s="17">
        <v>106</v>
      </c>
    </row>
    <row r="13" spans="1:10" ht="18" customHeight="1" x14ac:dyDescent="0.2">
      <c r="A13" s="14">
        <v>7</v>
      </c>
      <c r="B13" s="15">
        <v>57</v>
      </c>
      <c r="C13" s="16">
        <v>42</v>
      </c>
      <c r="D13" s="17">
        <v>99</v>
      </c>
    </row>
    <row r="14" spans="1:10" ht="18" customHeight="1" x14ac:dyDescent="0.2">
      <c r="A14" s="14">
        <v>8</v>
      </c>
      <c r="B14" s="15">
        <v>48</v>
      </c>
      <c r="C14" s="16">
        <v>51</v>
      </c>
      <c r="D14" s="17">
        <v>99</v>
      </c>
    </row>
    <row r="15" spans="1:10" ht="18" customHeight="1" x14ac:dyDescent="0.2">
      <c r="A15" s="14">
        <v>9</v>
      </c>
      <c r="B15" s="15">
        <v>44</v>
      </c>
      <c r="C15" s="16">
        <v>54</v>
      </c>
      <c r="D15" s="17">
        <v>98</v>
      </c>
    </row>
    <row r="16" spans="1:10" ht="18" customHeight="1" x14ac:dyDescent="0.2">
      <c r="A16" s="18" t="s">
        <v>49</v>
      </c>
      <c r="B16" s="15">
        <v>262</v>
      </c>
      <c r="C16" s="16">
        <v>264</v>
      </c>
      <c r="D16" s="17">
        <v>526</v>
      </c>
    </row>
    <row r="17" spans="1:4" ht="18" customHeight="1" x14ac:dyDescent="0.2">
      <c r="A17" s="14">
        <v>10</v>
      </c>
      <c r="B17" s="15">
        <v>52</v>
      </c>
      <c r="C17" s="16">
        <v>33</v>
      </c>
      <c r="D17" s="17">
        <v>85</v>
      </c>
    </row>
    <row r="18" spans="1:4" ht="18" customHeight="1" x14ac:dyDescent="0.2">
      <c r="A18" s="14">
        <v>11</v>
      </c>
      <c r="B18" s="15">
        <v>40</v>
      </c>
      <c r="C18" s="16">
        <v>48</v>
      </c>
      <c r="D18" s="17">
        <v>88</v>
      </c>
    </row>
    <row r="19" spans="1:4" ht="18" customHeight="1" x14ac:dyDescent="0.2">
      <c r="A19" s="14">
        <v>12</v>
      </c>
      <c r="B19" s="15">
        <v>50</v>
      </c>
      <c r="C19" s="16">
        <v>46</v>
      </c>
      <c r="D19" s="17">
        <v>96</v>
      </c>
    </row>
    <row r="20" spans="1:4" ht="18" customHeight="1" x14ac:dyDescent="0.2">
      <c r="A20" s="14">
        <v>13</v>
      </c>
      <c r="B20" s="15">
        <v>57</v>
      </c>
      <c r="C20" s="16">
        <v>39</v>
      </c>
      <c r="D20" s="17">
        <v>96</v>
      </c>
    </row>
    <row r="21" spans="1:4" ht="18" customHeight="1" x14ac:dyDescent="0.2">
      <c r="A21" s="14">
        <v>14</v>
      </c>
      <c r="B21" s="15">
        <v>52</v>
      </c>
      <c r="C21" s="16">
        <v>41</v>
      </c>
      <c r="D21" s="17">
        <v>93</v>
      </c>
    </row>
    <row r="22" spans="1:4" ht="18" customHeight="1" x14ac:dyDescent="0.2">
      <c r="A22" s="18" t="s">
        <v>50</v>
      </c>
      <c r="B22" s="15">
        <v>251</v>
      </c>
      <c r="C22" s="16">
        <v>207</v>
      </c>
      <c r="D22" s="17">
        <v>458</v>
      </c>
    </row>
    <row r="23" spans="1:4" ht="18" customHeight="1" x14ac:dyDescent="0.2">
      <c r="A23" s="18" t="s">
        <v>51</v>
      </c>
      <c r="B23" s="15">
        <v>802</v>
      </c>
      <c r="C23" s="16">
        <v>768</v>
      </c>
      <c r="D23" s="17">
        <v>1570</v>
      </c>
    </row>
    <row r="24" spans="1:4" ht="18" customHeight="1" x14ac:dyDescent="0.2">
      <c r="A24" s="14">
        <v>15</v>
      </c>
      <c r="B24" s="15">
        <v>54</v>
      </c>
      <c r="C24" s="16">
        <v>46</v>
      </c>
      <c r="D24" s="17">
        <v>100</v>
      </c>
    </row>
    <row r="25" spans="1:4" ht="18" customHeight="1" x14ac:dyDescent="0.2">
      <c r="A25" s="14">
        <v>16</v>
      </c>
      <c r="B25" s="15">
        <v>50</v>
      </c>
      <c r="C25" s="16">
        <v>42</v>
      </c>
      <c r="D25" s="17">
        <v>92</v>
      </c>
    </row>
    <row r="26" spans="1:4" ht="18" customHeight="1" x14ac:dyDescent="0.2">
      <c r="A26" s="14">
        <v>17</v>
      </c>
      <c r="B26" s="15">
        <v>62</v>
      </c>
      <c r="C26" s="16">
        <v>55</v>
      </c>
      <c r="D26" s="17">
        <v>117</v>
      </c>
    </row>
    <row r="27" spans="1:4" ht="18" customHeight="1" x14ac:dyDescent="0.2">
      <c r="A27" s="14">
        <v>18</v>
      </c>
      <c r="B27" s="15">
        <v>47</v>
      </c>
      <c r="C27" s="16">
        <v>35</v>
      </c>
      <c r="D27" s="17">
        <v>82</v>
      </c>
    </row>
    <row r="28" spans="1:4" ht="18" customHeight="1" x14ac:dyDescent="0.2">
      <c r="A28" s="14">
        <v>19</v>
      </c>
      <c r="B28" s="15">
        <v>50</v>
      </c>
      <c r="C28" s="16">
        <v>46</v>
      </c>
      <c r="D28" s="17">
        <v>96</v>
      </c>
    </row>
    <row r="29" spans="1:4" ht="18" customHeight="1" x14ac:dyDescent="0.2">
      <c r="A29" s="18" t="s">
        <v>52</v>
      </c>
      <c r="B29" s="15">
        <v>263</v>
      </c>
      <c r="C29" s="16">
        <v>224</v>
      </c>
      <c r="D29" s="17">
        <v>487</v>
      </c>
    </row>
    <row r="30" spans="1:4" ht="18" customHeight="1" x14ac:dyDescent="0.2">
      <c r="A30" s="14">
        <v>20</v>
      </c>
      <c r="B30" s="15">
        <v>43</v>
      </c>
      <c r="C30" s="16">
        <v>47</v>
      </c>
      <c r="D30" s="17">
        <v>90</v>
      </c>
    </row>
    <row r="31" spans="1:4" ht="18" customHeight="1" x14ac:dyDescent="0.2">
      <c r="A31" s="14">
        <v>21</v>
      </c>
      <c r="B31" s="15">
        <v>60</v>
      </c>
      <c r="C31" s="16">
        <v>67</v>
      </c>
      <c r="D31" s="17">
        <v>127</v>
      </c>
    </row>
    <row r="32" spans="1:4" ht="18" customHeight="1" x14ac:dyDescent="0.2">
      <c r="A32" s="14">
        <v>22</v>
      </c>
      <c r="B32" s="15">
        <v>41</v>
      </c>
      <c r="C32" s="16">
        <v>57</v>
      </c>
      <c r="D32" s="17">
        <v>98</v>
      </c>
    </row>
    <row r="33" spans="1:4" ht="18" customHeight="1" x14ac:dyDescent="0.2">
      <c r="A33" s="14">
        <v>23</v>
      </c>
      <c r="B33" s="15">
        <v>52</v>
      </c>
      <c r="C33" s="16">
        <v>52</v>
      </c>
      <c r="D33" s="17">
        <v>104</v>
      </c>
    </row>
    <row r="34" spans="1:4" ht="18" customHeight="1" x14ac:dyDescent="0.2">
      <c r="A34" s="14">
        <v>24</v>
      </c>
      <c r="B34" s="15">
        <v>57</v>
      </c>
      <c r="C34" s="16">
        <v>67</v>
      </c>
      <c r="D34" s="17">
        <v>124</v>
      </c>
    </row>
    <row r="35" spans="1:4" ht="18" customHeight="1" x14ac:dyDescent="0.2">
      <c r="A35" s="18" t="s">
        <v>53</v>
      </c>
      <c r="B35" s="15">
        <v>253</v>
      </c>
      <c r="C35" s="16">
        <v>290</v>
      </c>
      <c r="D35" s="17">
        <v>543</v>
      </c>
    </row>
    <row r="36" spans="1:4" ht="18" customHeight="1" x14ac:dyDescent="0.2">
      <c r="A36" s="14">
        <v>25</v>
      </c>
      <c r="B36" s="15">
        <v>61</v>
      </c>
      <c r="C36" s="16">
        <v>60</v>
      </c>
      <c r="D36" s="17">
        <v>121</v>
      </c>
    </row>
    <row r="37" spans="1:4" ht="18" customHeight="1" x14ac:dyDescent="0.2">
      <c r="A37" s="14">
        <v>26</v>
      </c>
      <c r="B37" s="15">
        <v>45</v>
      </c>
      <c r="C37" s="16">
        <v>56</v>
      </c>
      <c r="D37" s="17">
        <v>101</v>
      </c>
    </row>
    <row r="38" spans="1:4" ht="18" customHeight="1" x14ac:dyDescent="0.2">
      <c r="A38" s="14">
        <v>27</v>
      </c>
      <c r="B38" s="15">
        <v>69</v>
      </c>
      <c r="C38" s="16">
        <v>57</v>
      </c>
      <c r="D38" s="17">
        <v>126</v>
      </c>
    </row>
    <row r="39" spans="1:4" ht="18" customHeight="1" x14ac:dyDescent="0.2">
      <c r="A39" s="14">
        <v>28</v>
      </c>
      <c r="B39" s="15">
        <v>60</v>
      </c>
      <c r="C39" s="16">
        <v>59</v>
      </c>
      <c r="D39" s="17">
        <v>119</v>
      </c>
    </row>
    <row r="40" spans="1:4" ht="18" customHeight="1" x14ac:dyDescent="0.2">
      <c r="A40" s="14">
        <v>29</v>
      </c>
      <c r="B40" s="15">
        <v>72</v>
      </c>
      <c r="C40" s="16">
        <v>86</v>
      </c>
      <c r="D40" s="17">
        <v>158</v>
      </c>
    </row>
    <row r="41" spans="1:4" ht="18" customHeight="1" x14ac:dyDescent="0.2">
      <c r="A41" s="18" t="s">
        <v>54</v>
      </c>
      <c r="B41" s="15">
        <v>307</v>
      </c>
      <c r="C41" s="16">
        <v>318</v>
      </c>
      <c r="D41" s="17">
        <v>625</v>
      </c>
    </row>
    <row r="42" spans="1:4" ht="18" customHeight="1" x14ac:dyDescent="0.2">
      <c r="A42" s="14">
        <v>30</v>
      </c>
      <c r="B42" s="15">
        <v>80</v>
      </c>
      <c r="C42" s="16">
        <v>83</v>
      </c>
      <c r="D42" s="17">
        <v>163</v>
      </c>
    </row>
    <row r="43" spans="1:4" ht="18" customHeight="1" x14ac:dyDescent="0.2">
      <c r="A43" s="14">
        <v>31</v>
      </c>
      <c r="B43" s="15">
        <v>73</v>
      </c>
      <c r="C43" s="16">
        <v>79</v>
      </c>
      <c r="D43" s="17">
        <v>152</v>
      </c>
    </row>
    <row r="44" spans="1:4" ht="18" customHeight="1" x14ac:dyDescent="0.2">
      <c r="A44" s="14">
        <v>32</v>
      </c>
      <c r="B44" s="15">
        <v>60</v>
      </c>
      <c r="C44" s="16">
        <v>66</v>
      </c>
      <c r="D44" s="17">
        <v>126</v>
      </c>
    </row>
    <row r="45" spans="1:4" ht="18" customHeight="1" x14ac:dyDescent="0.2">
      <c r="A45" s="14">
        <v>33</v>
      </c>
      <c r="B45" s="15">
        <v>90</v>
      </c>
      <c r="C45" s="16">
        <v>72</v>
      </c>
      <c r="D45" s="17">
        <v>162</v>
      </c>
    </row>
    <row r="46" spans="1:4" ht="18" customHeight="1" x14ac:dyDescent="0.2">
      <c r="A46" s="14">
        <v>34</v>
      </c>
      <c r="B46" s="15">
        <v>90</v>
      </c>
      <c r="C46" s="16">
        <v>70</v>
      </c>
      <c r="D46" s="17">
        <v>160</v>
      </c>
    </row>
    <row r="47" spans="1:4" ht="18" customHeight="1" x14ac:dyDescent="0.2">
      <c r="A47" s="18" t="s">
        <v>55</v>
      </c>
      <c r="B47" s="15">
        <v>393</v>
      </c>
      <c r="C47" s="16">
        <v>370</v>
      </c>
      <c r="D47" s="17">
        <v>763</v>
      </c>
    </row>
    <row r="48" spans="1:4" ht="18" customHeight="1" x14ac:dyDescent="0.2">
      <c r="A48" s="14">
        <v>35</v>
      </c>
      <c r="B48" s="15">
        <v>67</v>
      </c>
      <c r="C48" s="16">
        <v>63</v>
      </c>
      <c r="D48" s="17">
        <v>130</v>
      </c>
    </row>
    <row r="49" spans="1:4" ht="18" customHeight="1" x14ac:dyDescent="0.2">
      <c r="A49" s="14">
        <v>36</v>
      </c>
      <c r="B49" s="15">
        <v>74</v>
      </c>
      <c r="C49" s="16">
        <v>72</v>
      </c>
      <c r="D49" s="17">
        <v>146</v>
      </c>
    </row>
    <row r="50" spans="1:4" ht="18" customHeight="1" x14ac:dyDescent="0.2">
      <c r="A50" s="14">
        <v>37</v>
      </c>
      <c r="B50" s="15">
        <v>85</v>
      </c>
      <c r="C50" s="16">
        <v>74</v>
      </c>
      <c r="D50" s="17">
        <v>159</v>
      </c>
    </row>
    <row r="51" spans="1:4" ht="18" customHeight="1" x14ac:dyDescent="0.2">
      <c r="A51" s="14">
        <v>38</v>
      </c>
      <c r="B51" s="15">
        <v>75</v>
      </c>
      <c r="C51" s="16">
        <v>84</v>
      </c>
      <c r="D51" s="17">
        <v>159</v>
      </c>
    </row>
    <row r="52" spans="1:4" ht="18" customHeight="1" x14ac:dyDescent="0.2">
      <c r="A52" s="14">
        <v>39</v>
      </c>
      <c r="B52" s="15">
        <v>73</v>
      </c>
      <c r="C52" s="16">
        <v>78</v>
      </c>
      <c r="D52" s="17">
        <v>151</v>
      </c>
    </row>
    <row r="53" spans="1:4" ht="18" customHeight="1" x14ac:dyDescent="0.2">
      <c r="A53" s="18" t="s">
        <v>56</v>
      </c>
      <c r="B53" s="15">
        <v>374</v>
      </c>
      <c r="C53" s="16">
        <v>371</v>
      </c>
      <c r="D53" s="17">
        <v>745</v>
      </c>
    </row>
    <row r="54" spans="1:4" ht="18" customHeight="1" x14ac:dyDescent="0.2">
      <c r="A54" s="14">
        <v>40</v>
      </c>
      <c r="B54" s="15">
        <v>80</v>
      </c>
      <c r="C54" s="16">
        <v>93</v>
      </c>
      <c r="D54" s="17">
        <v>173</v>
      </c>
    </row>
    <row r="55" spans="1:4" ht="18" customHeight="1" x14ac:dyDescent="0.2">
      <c r="A55" s="14">
        <v>41</v>
      </c>
      <c r="B55" s="15">
        <v>78</v>
      </c>
      <c r="C55" s="16">
        <v>83</v>
      </c>
      <c r="D55" s="17">
        <v>161</v>
      </c>
    </row>
    <row r="56" spans="1:4" ht="18" customHeight="1" x14ac:dyDescent="0.2">
      <c r="A56" s="14">
        <v>42</v>
      </c>
      <c r="B56" s="15">
        <v>96</v>
      </c>
      <c r="C56" s="16">
        <v>83</v>
      </c>
      <c r="D56" s="17">
        <v>179</v>
      </c>
    </row>
    <row r="57" spans="1:4" ht="18" customHeight="1" x14ac:dyDescent="0.2">
      <c r="A57" s="14">
        <v>43</v>
      </c>
      <c r="B57" s="15">
        <v>107</v>
      </c>
      <c r="C57" s="16">
        <v>91</v>
      </c>
      <c r="D57" s="17">
        <v>198</v>
      </c>
    </row>
    <row r="58" spans="1:4" ht="18" customHeight="1" x14ac:dyDescent="0.2">
      <c r="A58" s="14">
        <v>44</v>
      </c>
      <c r="B58" s="15">
        <v>114</v>
      </c>
      <c r="C58" s="16">
        <v>94</v>
      </c>
      <c r="D58" s="17">
        <v>208</v>
      </c>
    </row>
    <row r="59" spans="1:4" ht="18" customHeight="1" x14ac:dyDescent="0.2">
      <c r="A59" s="18" t="s">
        <v>57</v>
      </c>
      <c r="B59" s="15">
        <v>475</v>
      </c>
      <c r="C59" s="16">
        <v>444</v>
      </c>
      <c r="D59" s="17">
        <v>919</v>
      </c>
    </row>
    <row r="60" spans="1:4" ht="18" customHeight="1" x14ac:dyDescent="0.2">
      <c r="A60" s="14">
        <v>45</v>
      </c>
      <c r="B60" s="15">
        <v>90</v>
      </c>
      <c r="C60" s="16">
        <v>82</v>
      </c>
      <c r="D60" s="17">
        <v>172</v>
      </c>
    </row>
    <row r="61" spans="1:4" ht="18" customHeight="1" x14ac:dyDescent="0.2">
      <c r="A61" s="14">
        <v>46</v>
      </c>
      <c r="B61" s="15">
        <v>108</v>
      </c>
      <c r="C61" s="16">
        <v>97</v>
      </c>
      <c r="D61" s="17">
        <v>205</v>
      </c>
    </row>
    <row r="62" spans="1:4" ht="18" customHeight="1" x14ac:dyDescent="0.2">
      <c r="A62" s="14">
        <v>47</v>
      </c>
      <c r="B62" s="15">
        <v>82</v>
      </c>
      <c r="C62" s="16">
        <v>99</v>
      </c>
      <c r="D62" s="17">
        <v>181</v>
      </c>
    </row>
    <row r="63" spans="1:4" ht="18" customHeight="1" x14ac:dyDescent="0.2">
      <c r="A63" s="14">
        <v>48</v>
      </c>
      <c r="B63" s="15">
        <v>90</v>
      </c>
      <c r="C63" s="16">
        <v>67</v>
      </c>
      <c r="D63" s="17">
        <v>157</v>
      </c>
    </row>
    <row r="64" spans="1:4" ht="18" customHeight="1" x14ac:dyDescent="0.2">
      <c r="A64" s="14">
        <v>49</v>
      </c>
      <c r="B64" s="15">
        <v>90</v>
      </c>
      <c r="C64" s="16">
        <v>85</v>
      </c>
      <c r="D64" s="17">
        <v>175</v>
      </c>
    </row>
    <row r="65" spans="1:4" ht="18" customHeight="1" x14ac:dyDescent="0.2">
      <c r="A65" s="18" t="s">
        <v>58</v>
      </c>
      <c r="B65" s="15">
        <v>460</v>
      </c>
      <c r="C65" s="16">
        <v>430</v>
      </c>
      <c r="D65" s="17">
        <v>890</v>
      </c>
    </row>
    <row r="66" spans="1:4" ht="18" customHeight="1" x14ac:dyDescent="0.2">
      <c r="A66" s="14">
        <v>50</v>
      </c>
      <c r="B66" s="15">
        <v>73</v>
      </c>
      <c r="C66" s="16">
        <v>78</v>
      </c>
      <c r="D66" s="17">
        <v>151</v>
      </c>
    </row>
    <row r="67" spans="1:4" ht="18" customHeight="1" x14ac:dyDescent="0.2">
      <c r="A67" s="14">
        <v>51</v>
      </c>
      <c r="B67" s="15">
        <v>76</v>
      </c>
      <c r="C67" s="16">
        <v>68</v>
      </c>
      <c r="D67" s="17">
        <v>144</v>
      </c>
    </row>
    <row r="68" spans="1:4" ht="18" customHeight="1" x14ac:dyDescent="0.2">
      <c r="A68" s="14">
        <v>52</v>
      </c>
      <c r="B68" s="15">
        <v>44</v>
      </c>
      <c r="C68" s="16">
        <v>61</v>
      </c>
      <c r="D68" s="17">
        <v>105</v>
      </c>
    </row>
    <row r="69" spans="1:4" ht="18" customHeight="1" x14ac:dyDescent="0.2">
      <c r="A69" s="14">
        <v>53</v>
      </c>
      <c r="B69" s="15">
        <v>71</v>
      </c>
      <c r="C69" s="16">
        <v>69</v>
      </c>
      <c r="D69" s="17">
        <v>140</v>
      </c>
    </row>
    <row r="70" spans="1:4" ht="18" customHeight="1" x14ac:dyDescent="0.2">
      <c r="A70" s="14">
        <v>54</v>
      </c>
      <c r="B70" s="15">
        <v>68</v>
      </c>
      <c r="C70" s="16">
        <v>75</v>
      </c>
      <c r="D70" s="17">
        <v>143</v>
      </c>
    </row>
    <row r="71" spans="1:4" ht="18" customHeight="1" x14ac:dyDescent="0.2">
      <c r="A71" s="18" t="s">
        <v>59</v>
      </c>
      <c r="B71" s="15">
        <v>332</v>
      </c>
      <c r="C71" s="16">
        <v>351</v>
      </c>
      <c r="D71" s="17">
        <v>683</v>
      </c>
    </row>
    <row r="72" spans="1:4" ht="18" customHeight="1" x14ac:dyDescent="0.2">
      <c r="A72" s="14">
        <v>55</v>
      </c>
      <c r="B72" s="15">
        <v>76</v>
      </c>
      <c r="C72" s="16">
        <v>66</v>
      </c>
      <c r="D72" s="17">
        <v>142</v>
      </c>
    </row>
    <row r="73" spans="1:4" ht="18" customHeight="1" x14ac:dyDescent="0.2">
      <c r="A73" s="14">
        <v>56</v>
      </c>
      <c r="B73" s="15">
        <v>56</v>
      </c>
      <c r="C73" s="16">
        <v>70</v>
      </c>
      <c r="D73" s="17">
        <v>126</v>
      </c>
    </row>
    <row r="74" spans="1:4" ht="18" customHeight="1" x14ac:dyDescent="0.2">
      <c r="A74" s="14">
        <v>57</v>
      </c>
      <c r="B74" s="15">
        <v>51</v>
      </c>
      <c r="C74" s="16">
        <v>57</v>
      </c>
      <c r="D74" s="17">
        <v>108</v>
      </c>
    </row>
    <row r="75" spans="1:4" ht="18" customHeight="1" x14ac:dyDescent="0.2">
      <c r="A75" s="14">
        <v>58</v>
      </c>
      <c r="B75" s="15">
        <v>65</v>
      </c>
      <c r="C75" s="16">
        <v>46</v>
      </c>
      <c r="D75" s="17">
        <v>111</v>
      </c>
    </row>
    <row r="76" spans="1:4" ht="18" customHeight="1" x14ac:dyDescent="0.2">
      <c r="A76" s="14">
        <v>59</v>
      </c>
      <c r="B76" s="15">
        <v>65</v>
      </c>
      <c r="C76" s="16">
        <v>64</v>
      </c>
      <c r="D76" s="17">
        <v>129</v>
      </c>
    </row>
    <row r="77" spans="1:4" ht="18" customHeight="1" x14ac:dyDescent="0.2">
      <c r="A77" s="18" t="s">
        <v>60</v>
      </c>
      <c r="B77" s="15">
        <v>313</v>
      </c>
      <c r="C77" s="16">
        <v>303</v>
      </c>
      <c r="D77" s="17">
        <v>616</v>
      </c>
    </row>
    <row r="78" spans="1:4" ht="18" customHeight="1" x14ac:dyDescent="0.2">
      <c r="A78" s="14">
        <v>60</v>
      </c>
      <c r="B78" s="15">
        <v>62</v>
      </c>
      <c r="C78" s="16">
        <v>63</v>
      </c>
      <c r="D78" s="17">
        <v>125</v>
      </c>
    </row>
    <row r="79" spans="1:4" ht="18" customHeight="1" x14ac:dyDescent="0.2">
      <c r="A79" s="14">
        <v>61</v>
      </c>
      <c r="B79" s="15">
        <v>68</v>
      </c>
      <c r="C79" s="16">
        <v>64</v>
      </c>
      <c r="D79" s="17">
        <v>132</v>
      </c>
    </row>
    <row r="80" spans="1:4" ht="18" customHeight="1" x14ac:dyDescent="0.2">
      <c r="A80" s="14">
        <v>62</v>
      </c>
      <c r="B80" s="15">
        <v>42</v>
      </c>
      <c r="C80" s="16">
        <v>71</v>
      </c>
      <c r="D80" s="17">
        <v>113</v>
      </c>
    </row>
    <row r="81" spans="1:4" ht="18" customHeight="1" x14ac:dyDescent="0.2">
      <c r="A81" s="14">
        <v>63</v>
      </c>
      <c r="B81" s="15">
        <v>64</v>
      </c>
      <c r="C81" s="16">
        <v>67</v>
      </c>
      <c r="D81" s="17">
        <v>131</v>
      </c>
    </row>
    <row r="82" spans="1:4" ht="18" customHeight="1" x14ac:dyDescent="0.2">
      <c r="A82" s="14">
        <v>64</v>
      </c>
      <c r="B82" s="15">
        <v>69</v>
      </c>
      <c r="C82" s="16">
        <v>58</v>
      </c>
      <c r="D82" s="17">
        <v>127</v>
      </c>
    </row>
    <row r="83" spans="1:4" ht="18" customHeight="1" x14ac:dyDescent="0.2">
      <c r="A83" s="18" t="s">
        <v>61</v>
      </c>
      <c r="B83" s="15">
        <v>305</v>
      </c>
      <c r="C83" s="16">
        <v>323</v>
      </c>
      <c r="D83" s="17">
        <v>628</v>
      </c>
    </row>
    <row r="84" spans="1:4" ht="18" customHeight="1" x14ac:dyDescent="0.2">
      <c r="A84" s="18" t="s">
        <v>62</v>
      </c>
      <c r="B84" s="15">
        <v>3475</v>
      </c>
      <c r="C84" s="16">
        <v>3424</v>
      </c>
      <c r="D84" s="17">
        <v>6899</v>
      </c>
    </row>
    <row r="85" spans="1:4" ht="18" customHeight="1" x14ac:dyDescent="0.2">
      <c r="A85" s="14">
        <v>65</v>
      </c>
      <c r="B85" s="15">
        <v>61</v>
      </c>
      <c r="C85" s="16">
        <v>64</v>
      </c>
      <c r="D85" s="17">
        <v>125</v>
      </c>
    </row>
    <row r="86" spans="1:4" ht="18" customHeight="1" x14ac:dyDescent="0.2">
      <c r="A86" s="14">
        <v>66</v>
      </c>
      <c r="B86" s="15">
        <v>69</v>
      </c>
      <c r="C86" s="16">
        <v>72</v>
      </c>
      <c r="D86" s="17">
        <v>141</v>
      </c>
    </row>
    <row r="87" spans="1:4" ht="18" customHeight="1" x14ac:dyDescent="0.2">
      <c r="A87" s="14">
        <v>67</v>
      </c>
      <c r="B87" s="15">
        <v>60</v>
      </c>
      <c r="C87" s="16">
        <v>94</v>
      </c>
      <c r="D87" s="17">
        <v>154</v>
      </c>
    </row>
    <row r="88" spans="1:4" ht="18" customHeight="1" x14ac:dyDescent="0.2">
      <c r="A88" s="14">
        <v>68</v>
      </c>
      <c r="B88" s="15">
        <v>82</v>
      </c>
      <c r="C88" s="16">
        <v>100</v>
      </c>
      <c r="D88" s="17">
        <v>182</v>
      </c>
    </row>
    <row r="89" spans="1:4" ht="18" customHeight="1" x14ac:dyDescent="0.2">
      <c r="A89" s="14">
        <v>69</v>
      </c>
      <c r="B89" s="15">
        <v>76</v>
      </c>
      <c r="C89" s="16">
        <v>117</v>
      </c>
      <c r="D89" s="17">
        <v>193</v>
      </c>
    </row>
    <row r="90" spans="1:4" ht="18" customHeight="1" x14ac:dyDescent="0.2">
      <c r="A90" s="18" t="s">
        <v>63</v>
      </c>
      <c r="B90" s="15">
        <v>348</v>
      </c>
      <c r="C90" s="16">
        <v>447</v>
      </c>
      <c r="D90" s="17">
        <v>795</v>
      </c>
    </row>
    <row r="91" spans="1:4" ht="18" customHeight="1" x14ac:dyDescent="0.2">
      <c r="A91" s="14">
        <v>70</v>
      </c>
      <c r="B91" s="15">
        <v>94</v>
      </c>
      <c r="C91" s="16">
        <v>106</v>
      </c>
      <c r="D91" s="17">
        <v>200</v>
      </c>
    </row>
    <row r="92" spans="1:4" ht="18" customHeight="1" x14ac:dyDescent="0.2">
      <c r="A92" s="14">
        <v>71</v>
      </c>
      <c r="B92" s="15">
        <v>81</v>
      </c>
      <c r="C92" s="16">
        <v>108</v>
      </c>
      <c r="D92" s="17">
        <v>189</v>
      </c>
    </row>
    <row r="93" spans="1:4" ht="18" customHeight="1" x14ac:dyDescent="0.2">
      <c r="A93" s="14">
        <v>72</v>
      </c>
      <c r="B93" s="15">
        <v>56</v>
      </c>
      <c r="C93" s="16">
        <v>89</v>
      </c>
      <c r="D93" s="17">
        <v>145</v>
      </c>
    </row>
    <row r="94" spans="1:4" ht="18" customHeight="1" x14ac:dyDescent="0.2">
      <c r="A94" s="14">
        <v>73</v>
      </c>
      <c r="B94" s="15">
        <v>62</v>
      </c>
      <c r="C94" s="16">
        <v>71</v>
      </c>
      <c r="D94" s="17">
        <v>133</v>
      </c>
    </row>
    <row r="95" spans="1:4" ht="18" customHeight="1" x14ac:dyDescent="0.2">
      <c r="A95" s="14">
        <v>74</v>
      </c>
      <c r="B95" s="15">
        <v>78</v>
      </c>
      <c r="C95" s="16">
        <v>83</v>
      </c>
      <c r="D95" s="17">
        <v>161</v>
      </c>
    </row>
    <row r="96" spans="1:4" ht="18" customHeight="1" x14ac:dyDescent="0.2">
      <c r="A96" s="18" t="s">
        <v>64</v>
      </c>
      <c r="B96" s="15">
        <v>371</v>
      </c>
      <c r="C96" s="16">
        <v>457</v>
      </c>
      <c r="D96" s="17">
        <v>828</v>
      </c>
    </row>
    <row r="97" spans="1:4" ht="18" customHeight="1" x14ac:dyDescent="0.2">
      <c r="A97" s="14">
        <v>75</v>
      </c>
      <c r="B97" s="15">
        <v>66</v>
      </c>
      <c r="C97" s="16">
        <v>96</v>
      </c>
      <c r="D97" s="17">
        <v>162</v>
      </c>
    </row>
    <row r="98" spans="1:4" ht="18" customHeight="1" x14ac:dyDescent="0.2">
      <c r="A98" s="14">
        <v>76</v>
      </c>
      <c r="B98" s="15">
        <v>61</v>
      </c>
      <c r="C98" s="16">
        <v>101</v>
      </c>
      <c r="D98" s="17">
        <v>162</v>
      </c>
    </row>
    <row r="99" spans="1:4" ht="18" customHeight="1" x14ac:dyDescent="0.2">
      <c r="A99" s="14">
        <v>77</v>
      </c>
      <c r="B99" s="15">
        <v>76</v>
      </c>
      <c r="C99" s="16">
        <v>83</v>
      </c>
      <c r="D99" s="17">
        <v>159</v>
      </c>
    </row>
    <row r="100" spans="1:4" ht="18" customHeight="1" x14ac:dyDescent="0.2">
      <c r="A100" s="14">
        <v>78</v>
      </c>
      <c r="B100" s="15">
        <v>62</v>
      </c>
      <c r="C100" s="16">
        <v>74</v>
      </c>
      <c r="D100" s="17">
        <v>136</v>
      </c>
    </row>
    <row r="101" spans="1:4" ht="18" customHeight="1" x14ac:dyDescent="0.2">
      <c r="A101" s="14">
        <v>79</v>
      </c>
      <c r="B101" s="15">
        <v>55</v>
      </c>
      <c r="C101" s="16">
        <v>51</v>
      </c>
      <c r="D101" s="17">
        <v>106</v>
      </c>
    </row>
    <row r="102" spans="1:4" ht="18" customHeight="1" x14ac:dyDescent="0.2">
      <c r="A102" s="18" t="s">
        <v>65</v>
      </c>
      <c r="B102" s="15">
        <v>320</v>
      </c>
      <c r="C102" s="16">
        <v>405</v>
      </c>
      <c r="D102" s="17">
        <v>725</v>
      </c>
    </row>
    <row r="103" spans="1:4" ht="18" customHeight="1" x14ac:dyDescent="0.2">
      <c r="A103" s="14">
        <v>80</v>
      </c>
      <c r="B103" s="15">
        <v>38</v>
      </c>
      <c r="C103" s="16">
        <v>62</v>
      </c>
      <c r="D103" s="17">
        <v>100</v>
      </c>
    </row>
    <row r="104" spans="1:4" ht="18" customHeight="1" x14ac:dyDescent="0.2">
      <c r="A104" s="14">
        <v>81</v>
      </c>
      <c r="B104" s="15">
        <v>47</v>
      </c>
      <c r="C104" s="16">
        <v>75</v>
      </c>
      <c r="D104" s="17">
        <v>122</v>
      </c>
    </row>
    <row r="105" spans="1:4" ht="18" customHeight="1" x14ac:dyDescent="0.2">
      <c r="A105" s="14">
        <v>82</v>
      </c>
      <c r="B105" s="15">
        <v>37</v>
      </c>
      <c r="C105" s="16">
        <v>60</v>
      </c>
      <c r="D105" s="17">
        <v>97</v>
      </c>
    </row>
    <row r="106" spans="1:4" ht="18" customHeight="1" x14ac:dyDescent="0.2">
      <c r="A106" s="14">
        <v>83</v>
      </c>
      <c r="B106" s="15">
        <v>43</v>
      </c>
      <c r="C106" s="16">
        <v>54</v>
      </c>
      <c r="D106" s="17">
        <v>97</v>
      </c>
    </row>
    <row r="107" spans="1:4" ht="18" customHeight="1" x14ac:dyDescent="0.2">
      <c r="A107" s="14">
        <v>84</v>
      </c>
      <c r="B107" s="15">
        <v>31</v>
      </c>
      <c r="C107" s="16">
        <v>55</v>
      </c>
      <c r="D107" s="17">
        <v>86</v>
      </c>
    </row>
    <row r="108" spans="1:4" ht="18" customHeight="1" x14ac:dyDescent="0.2">
      <c r="A108" s="18" t="s">
        <v>66</v>
      </c>
      <c r="B108" s="15">
        <v>196</v>
      </c>
      <c r="C108" s="16">
        <v>306</v>
      </c>
      <c r="D108" s="17">
        <v>502</v>
      </c>
    </row>
    <row r="109" spans="1:4" ht="18" customHeight="1" x14ac:dyDescent="0.2">
      <c r="A109" s="14">
        <v>85</v>
      </c>
      <c r="B109" s="15">
        <v>33</v>
      </c>
      <c r="C109" s="16">
        <v>55</v>
      </c>
      <c r="D109" s="17">
        <v>88</v>
      </c>
    </row>
    <row r="110" spans="1:4" ht="18" customHeight="1" x14ac:dyDescent="0.2">
      <c r="A110" s="14">
        <v>86</v>
      </c>
      <c r="B110" s="15">
        <v>19</v>
      </c>
      <c r="C110" s="16">
        <v>58</v>
      </c>
      <c r="D110" s="17">
        <v>77</v>
      </c>
    </row>
    <row r="111" spans="1:4" ht="18" customHeight="1" x14ac:dyDescent="0.2">
      <c r="A111" s="14">
        <v>87</v>
      </c>
      <c r="B111" s="15">
        <v>22</v>
      </c>
      <c r="C111" s="16">
        <v>43</v>
      </c>
      <c r="D111" s="17">
        <v>65</v>
      </c>
    </row>
    <row r="112" spans="1:4" ht="18" customHeight="1" x14ac:dyDescent="0.2">
      <c r="A112" s="14">
        <v>88</v>
      </c>
      <c r="B112" s="15">
        <v>21</v>
      </c>
      <c r="C112" s="16">
        <v>34</v>
      </c>
      <c r="D112" s="17">
        <v>55</v>
      </c>
    </row>
    <row r="113" spans="1:4" ht="18" customHeight="1" x14ac:dyDescent="0.2">
      <c r="A113" s="14">
        <v>89</v>
      </c>
      <c r="B113" s="15">
        <v>21</v>
      </c>
      <c r="C113" s="16">
        <v>36</v>
      </c>
      <c r="D113" s="17">
        <v>57</v>
      </c>
    </row>
    <row r="114" spans="1:4" ht="18" customHeight="1" x14ac:dyDescent="0.2">
      <c r="A114" s="18" t="s">
        <v>67</v>
      </c>
      <c r="B114" s="15">
        <v>116</v>
      </c>
      <c r="C114" s="16">
        <v>226</v>
      </c>
      <c r="D114" s="17">
        <v>342</v>
      </c>
    </row>
    <row r="115" spans="1:4" ht="18" customHeight="1" x14ac:dyDescent="0.2">
      <c r="A115" s="14">
        <v>90</v>
      </c>
      <c r="B115" s="15">
        <v>21</v>
      </c>
      <c r="C115" s="16">
        <v>27</v>
      </c>
      <c r="D115" s="17">
        <v>48</v>
      </c>
    </row>
    <row r="116" spans="1:4" ht="18" customHeight="1" x14ac:dyDescent="0.2">
      <c r="A116" s="14">
        <v>91</v>
      </c>
      <c r="B116" s="15">
        <v>8</v>
      </c>
      <c r="C116" s="16">
        <v>30</v>
      </c>
      <c r="D116" s="17">
        <v>38</v>
      </c>
    </row>
    <row r="117" spans="1:4" ht="18" customHeight="1" x14ac:dyDescent="0.2">
      <c r="A117" s="14">
        <v>92</v>
      </c>
      <c r="B117" s="15">
        <v>3</v>
      </c>
      <c r="C117" s="16">
        <v>16</v>
      </c>
      <c r="D117" s="17">
        <v>19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6</v>
      </c>
      <c r="C119" s="16">
        <v>12</v>
      </c>
      <c r="D119" s="17">
        <v>18</v>
      </c>
    </row>
    <row r="120" spans="1:4" ht="18" customHeight="1" x14ac:dyDescent="0.2">
      <c r="A120" s="18" t="s">
        <v>68</v>
      </c>
      <c r="B120" s="15">
        <v>42</v>
      </c>
      <c r="C120" s="16">
        <v>97</v>
      </c>
      <c r="D120" s="17">
        <v>139</v>
      </c>
    </row>
    <row r="121" spans="1:4" ht="18" customHeight="1" x14ac:dyDescent="0.2">
      <c r="A121" s="14">
        <v>95</v>
      </c>
      <c r="B121" s="15">
        <v>3</v>
      </c>
      <c r="C121" s="16">
        <v>16</v>
      </c>
      <c r="D121" s="17">
        <v>19</v>
      </c>
    </row>
    <row r="122" spans="1:4" ht="18" customHeight="1" x14ac:dyDescent="0.2">
      <c r="A122" s="14">
        <v>96</v>
      </c>
      <c r="B122" s="15">
        <v>3</v>
      </c>
      <c r="C122" s="16">
        <v>9</v>
      </c>
      <c r="D122" s="17">
        <v>1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9</v>
      </c>
      <c r="C126" s="16">
        <v>36</v>
      </c>
      <c r="D126" s="17">
        <v>45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402</v>
      </c>
      <c r="C130" s="5">
        <v>1980</v>
      </c>
      <c r="D130" s="6">
        <v>3382</v>
      </c>
    </row>
    <row r="131" spans="1:4" ht="18" customHeight="1" x14ac:dyDescent="0.2">
      <c r="A131" s="20" t="s">
        <v>47</v>
      </c>
      <c r="B131" s="7">
        <v>5679</v>
      </c>
      <c r="C131" s="8">
        <v>6172</v>
      </c>
      <c r="D131" s="9">
        <v>118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8</v>
      </c>
      <c r="C5" s="12">
        <v>34</v>
      </c>
      <c r="D5" s="13">
        <v>82</v>
      </c>
    </row>
    <row r="6" spans="1:10" ht="18" customHeight="1" x14ac:dyDescent="0.2">
      <c r="A6" s="14">
        <v>1</v>
      </c>
      <c r="B6" s="15">
        <v>51</v>
      </c>
      <c r="C6" s="16">
        <v>39</v>
      </c>
      <c r="D6" s="17">
        <v>90</v>
      </c>
    </row>
    <row r="7" spans="1:10" ht="18" customHeight="1" x14ac:dyDescent="0.2">
      <c r="A7" s="14">
        <v>2</v>
      </c>
      <c r="B7" s="15">
        <v>33</v>
      </c>
      <c r="C7" s="16">
        <v>33</v>
      </c>
      <c r="D7" s="17">
        <v>66</v>
      </c>
    </row>
    <row r="8" spans="1:10" ht="18" customHeight="1" x14ac:dyDescent="0.2">
      <c r="A8" s="14">
        <v>3</v>
      </c>
      <c r="B8" s="15">
        <v>43</v>
      </c>
      <c r="C8" s="16">
        <v>44</v>
      </c>
      <c r="D8" s="17">
        <v>87</v>
      </c>
    </row>
    <row r="9" spans="1:10" ht="18" customHeight="1" x14ac:dyDescent="0.2">
      <c r="A9" s="14">
        <v>4</v>
      </c>
      <c r="B9" s="15">
        <v>39</v>
      </c>
      <c r="C9" s="16">
        <v>46</v>
      </c>
      <c r="D9" s="17">
        <v>85</v>
      </c>
    </row>
    <row r="10" spans="1:10" ht="18" customHeight="1" x14ac:dyDescent="0.2">
      <c r="A10" s="18" t="s">
        <v>48</v>
      </c>
      <c r="B10" s="15">
        <v>214</v>
      </c>
      <c r="C10" s="16">
        <v>196</v>
      </c>
      <c r="D10" s="17">
        <v>410</v>
      </c>
    </row>
    <row r="11" spans="1:10" ht="18" customHeight="1" x14ac:dyDescent="0.2">
      <c r="A11" s="14">
        <v>5</v>
      </c>
      <c r="B11" s="15">
        <v>54</v>
      </c>
      <c r="C11" s="16">
        <v>38</v>
      </c>
      <c r="D11" s="17">
        <v>92</v>
      </c>
    </row>
    <row r="12" spans="1:10" ht="18" customHeight="1" x14ac:dyDescent="0.2">
      <c r="A12" s="14">
        <v>6</v>
      </c>
      <c r="B12" s="15">
        <v>44</v>
      </c>
      <c r="C12" s="16">
        <v>44</v>
      </c>
      <c r="D12" s="17">
        <v>88</v>
      </c>
    </row>
    <row r="13" spans="1:10" ht="18" customHeight="1" x14ac:dyDescent="0.2">
      <c r="A13" s="14">
        <v>7</v>
      </c>
      <c r="B13" s="15">
        <v>49</v>
      </c>
      <c r="C13" s="16">
        <v>46</v>
      </c>
      <c r="D13" s="17">
        <v>95</v>
      </c>
    </row>
    <row r="14" spans="1:10" ht="18" customHeight="1" x14ac:dyDescent="0.2">
      <c r="A14" s="14">
        <v>8</v>
      </c>
      <c r="B14" s="15">
        <v>43</v>
      </c>
      <c r="C14" s="16">
        <v>44</v>
      </c>
      <c r="D14" s="17">
        <v>87</v>
      </c>
    </row>
    <row r="15" spans="1:10" ht="18" customHeight="1" x14ac:dyDescent="0.2">
      <c r="A15" s="14">
        <v>9</v>
      </c>
      <c r="B15" s="15">
        <v>47</v>
      </c>
      <c r="C15" s="16">
        <v>55</v>
      </c>
      <c r="D15" s="17">
        <v>102</v>
      </c>
    </row>
    <row r="16" spans="1:10" ht="18" customHeight="1" x14ac:dyDescent="0.2">
      <c r="A16" s="18" t="s">
        <v>49</v>
      </c>
      <c r="B16" s="15">
        <v>237</v>
      </c>
      <c r="C16" s="16">
        <v>227</v>
      </c>
      <c r="D16" s="17">
        <v>464</v>
      </c>
    </row>
    <row r="17" spans="1:4" ht="18" customHeight="1" x14ac:dyDescent="0.2">
      <c r="A17" s="14">
        <v>10</v>
      </c>
      <c r="B17" s="15">
        <v>56</v>
      </c>
      <c r="C17" s="16">
        <v>41</v>
      </c>
      <c r="D17" s="17">
        <v>97</v>
      </c>
    </row>
    <row r="18" spans="1:4" ht="18" customHeight="1" x14ac:dyDescent="0.2">
      <c r="A18" s="14">
        <v>11</v>
      </c>
      <c r="B18" s="15">
        <v>55</v>
      </c>
      <c r="C18" s="16">
        <v>56</v>
      </c>
      <c r="D18" s="17">
        <v>111</v>
      </c>
    </row>
    <row r="19" spans="1:4" ht="18" customHeight="1" x14ac:dyDescent="0.2">
      <c r="A19" s="14">
        <v>12</v>
      </c>
      <c r="B19" s="15">
        <v>75</v>
      </c>
      <c r="C19" s="16">
        <v>60</v>
      </c>
      <c r="D19" s="17">
        <v>135</v>
      </c>
    </row>
    <row r="20" spans="1:4" ht="18" customHeight="1" x14ac:dyDescent="0.2">
      <c r="A20" s="14">
        <v>13</v>
      </c>
      <c r="B20" s="15">
        <v>51</v>
      </c>
      <c r="C20" s="16">
        <v>60</v>
      </c>
      <c r="D20" s="17">
        <v>111</v>
      </c>
    </row>
    <row r="21" spans="1:4" ht="18" customHeight="1" x14ac:dyDescent="0.2">
      <c r="A21" s="14">
        <v>14</v>
      </c>
      <c r="B21" s="15">
        <v>67</v>
      </c>
      <c r="C21" s="16">
        <v>66</v>
      </c>
      <c r="D21" s="17">
        <v>133</v>
      </c>
    </row>
    <row r="22" spans="1:4" ht="18" customHeight="1" x14ac:dyDescent="0.2">
      <c r="A22" s="18" t="s">
        <v>50</v>
      </c>
      <c r="B22" s="15">
        <v>304</v>
      </c>
      <c r="C22" s="16">
        <v>283</v>
      </c>
      <c r="D22" s="17">
        <v>587</v>
      </c>
    </row>
    <row r="23" spans="1:4" ht="18" customHeight="1" x14ac:dyDescent="0.2">
      <c r="A23" s="18" t="s">
        <v>51</v>
      </c>
      <c r="B23" s="15">
        <v>755</v>
      </c>
      <c r="C23" s="16">
        <v>706</v>
      </c>
      <c r="D23" s="17">
        <v>1461</v>
      </c>
    </row>
    <row r="24" spans="1:4" ht="18" customHeight="1" x14ac:dyDescent="0.2">
      <c r="A24" s="14">
        <v>15</v>
      </c>
      <c r="B24" s="15">
        <v>69</v>
      </c>
      <c r="C24" s="16">
        <v>46</v>
      </c>
      <c r="D24" s="17">
        <v>115</v>
      </c>
    </row>
    <row r="25" spans="1:4" ht="18" customHeight="1" x14ac:dyDescent="0.2">
      <c r="A25" s="14">
        <v>16</v>
      </c>
      <c r="B25" s="15">
        <v>54</v>
      </c>
      <c r="C25" s="16">
        <v>58</v>
      </c>
      <c r="D25" s="17">
        <v>112</v>
      </c>
    </row>
    <row r="26" spans="1:4" ht="18" customHeight="1" x14ac:dyDescent="0.2">
      <c r="A26" s="14">
        <v>17</v>
      </c>
      <c r="B26" s="15">
        <v>83</v>
      </c>
      <c r="C26" s="16">
        <v>67</v>
      </c>
      <c r="D26" s="17">
        <v>150</v>
      </c>
    </row>
    <row r="27" spans="1:4" ht="18" customHeight="1" x14ac:dyDescent="0.2">
      <c r="A27" s="14">
        <v>18</v>
      </c>
      <c r="B27" s="15">
        <v>56</v>
      </c>
      <c r="C27" s="16">
        <v>67</v>
      </c>
      <c r="D27" s="17">
        <v>123</v>
      </c>
    </row>
    <row r="28" spans="1:4" ht="18" customHeight="1" x14ac:dyDescent="0.2">
      <c r="A28" s="14">
        <v>19</v>
      </c>
      <c r="B28" s="15">
        <v>67</v>
      </c>
      <c r="C28" s="16">
        <v>65</v>
      </c>
      <c r="D28" s="17">
        <v>132</v>
      </c>
    </row>
    <row r="29" spans="1:4" ht="18" customHeight="1" x14ac:dyDescent="0.2">
      <c r="A29" s="18" t="s">
        <v>52</v>
      </c>
      <c r="B29" s="15">
        <v>329</v>
      </c>
      <c r="C29" s="16">
        <v>303</v>
      </c>
      <c r="D29" s="17">
        <v>632</v>
      </c>
    </row>
    <row r="30" spans="1:4" ht="18" customHeight="1" x14ac:dyDescent="0.2">
      <c r="A30" s="14">
        <v>20</v>
      </c>
      <c r="B30" s="15">
        <v>71</v>
      </c>
      <c r="C30" s="16">
        <v>71</v>
      </c>
      <c r="D30" s="17">
        <v>142</v>
      </c>
    </row>
    <row r="31" spans="1:4" ht="18" customHeight="1" x14ac:dyDescent="0.2">
      <c r="A31" s="14">
        <v>21</v>
      </c>
      <c r="B31" s="15">
        <v>70</v>
      </c>
      <c r="C31" s="16">
        <v>69</v>
      </c>
      <c r="D31" s="17">
        <v>139</v>
      </c>
    </row>
    <row r="32" spans="1:4" ht="18" customHeight="1" x14ac:dyDescent="0.2">
      <c r="A32" s="14">
        <v>22</v>
      </c>
      <c r="B32" s="15">
        <v>61</v>
      </c>
      <c r="C32" s="16">
        <v>66</v>
      </c>
      <c r="D32" s="17">
        <v>127</v>
      </c>
    </row>
    <row r="33" spans="1:4" ht="18" customHeight="1" x14ac:dyDescent="0.2">
      <c r="A33" s="14">
        <v>23</v>
      </c>
      <c r="B33" s="15">
        <v>79</v>
      </c>
      <c r="C33" s="16">
        <v>50</v>
      </c>
      <c r="D33" s="17">
        <v>129</v>
      </c>
    </row>
    <row r="34" spans="1:4" ht="18" customHeight="1" x14ac:dyDescent="0.2">
      <c r="A34" s="14">
        <v>24</v>
      </c>
      <c r="B34" s="15">
        <v>75</v>
      </c>
      <c r="C34" s="16">
        <v>58</v>
      </c>
      <c r="D34" s="17">
        <v>133</v>
      </c>
    </row>
    <row r="35" spans="1:4" ht="18" customHeight="1" x14ac:dyDescent="0.2">
      <c r="A35" s="18" t="s">
        <v>53</v>
      </c>
      <c r="B35" s="15">
        <v>356</v>
      </c>
      <c r="C35" s="16">
        <v>314</v>
      </c>
      <c r="D35" s="17">
        <v>670</v>
      </c>
    </row>
    <row r="36" spans="1:4" ht="18" customHeight="1" x14ac:dyDescent="0.2">
      <c r="A36" s="14">
        <v>25</v>
      </c>
      <c r="B36" s="15">
        <v>43</v>
      </c>
      <c r="C36" s="16">
        <v>60</v>
      </c>
      <c r="D36" s="17">
        <v>103</v>
      </c>
    </row>
    <row r="37" spans="1:4" ht="18" customHeight="1" x14ac:dyDescent="0.2">
      <c r="A37" s="14">
        <v>26</v>
      </c>
      <c r="B37" s="15">
        <v>56</v>
      </c>
      <c r="C37" s="16">
        <v>51</v>
      </c>
      <c r="D37" s="17">
        <v>107</v>
      </c>
    </row>
    <row r="38" spans="1:4" ht="18" customHeight="1" x14ac:dyDescent="0.2">
      <c r="A38" s="14">
        <v>27</v>
      </c>
      <c r="B38" s="15">
        <v>49</v>
      </c>
      <c r="C38" s="16">
        <v>42</v>
      </c>
      <c r="D38" s="17">
        <v>91</v>
      </c>
    </row>
    <row r="39" spans="1:4" ht="18" customHeight="1" x14ac:dyDescent="0.2">
      <c r="A39" s="14">
        <v>28</v>
      </c>
      <c r="B39" s="15">
        <v>64</v>
      </c>
      <c r="C39" s="16">
        <v>45</v>
      </c>
      <c r="D39" s="17">
        <v>109</v>
      </c>
    </row>
    <row r="40" spans="1:4" ht="18" customHeight="1" x14ac:dyDescent="0.2">
      <c r="A40" s="14">
        <v>29</v>
      </c>
      <c r="B40" s="15">
        <v>42</v>
      </c>
      <c r="C40" s="16">
        <v>46</v>
      </c>
      <c r="D40" s="17">
        <v>88</v>
      </c>
    </row>
    <row r="41" spans="1:4" ht="18" customHeight="1" x14ac:dyDescent="0.2">
      <c r="A41" s="18" t="s">
        <v>54</v>
      </c>
      <c r="B41" s="15">
        <v>254</v>
      </c>
      <c r="C41" s="16">
        <v>244</v>
      </c>
      <c r="D41" s="17">
        <v>498</v>
      </c>
    </row>
    <row r="42" spans="1:4" ht="18" customHeight="1" x14ac:dyDescent="0.2">
      <c r="A42" s="14">
        <v>30</v>
      </c>
      <c r="B42" s="15">
        <v>49</v>
      </c>
      <c r="C42" s="16">
        <v>53</v>
      </c>
      <c r="D42" s="17">
        <v>102</v>
      </c>
    </row>
    <row r="43" spans="1:4" ht="18" customHeight="1" x14ac:dyDescent="0.2">
      <c r="A43" s="14">
        <v>31</v>
      </c>
      <c r="B43" s="15">
        <v>49</v>
      </c>
      <c r="C43" s="16">
        <v>58</v>
      </c>
      <c r="D43" s="17">
        <v>107</v>
      </c>
    </row>
    <row r="44" spans="1:4" ht="18" customHeight="1" x14ac:dyDescent="0.2">
      <c r="A44" s="14">
        <v>32</v>
      </c>
      <c r="B44" s="15">
        <v>53</v>
      </c>
      <c r="C44" s="16">
        <v>65</v>
      </c>
      <c r="D44" s="17">
        <v>118</v>
      </c>
    </row>
    <row r="45" spans="1:4" ht="18" customHeight="1" x14ac:dyDescent="0.2">
      <c r="A45" s="14">
        <v>33</v>
      </c>
      <c r="B45" s="15">
        <v>61</v>
      </c>
      <c r="C45" s="16">
        <v>45</v>
      </c>
      <c r="D45" s="17">
        <v>106</v>
      </c>
    </row>
    <row r="46" spans="1:4" ht="18" customHeight="1" x14ac:dyDescent="0.2">
      <c r="A46" s="14">
        <v>34</v>
      </c>
      <c r="B46" s="15">
        <v>63</v>
      </c>
      <c r="C46" s="16">
        <v>58</v>
      </c>
      <c r="D46" s="17">
        <v>121</v>
      </c>
    </row>
    <row r="47" spans="1:4" ht="18" customHeight="1" x14ac:dyDescent="0.2">
      <c r="A47" s="18" t="s">
        <v>55</v>
      </c>
      <c r="B47" s="15">
        <v>275</v>
      </c>
      <c r="C47" s="16">
        <v>279</v>
      </c>
      <c r="D47" s="17">
        <v>554</v>
      </c>
    </row>
    <row r="48" spans="1:4" ht="18" customHeight="1" x14ac:dyDescent="0.2">
      <c r="A48" s="14">
        <v>35</v>
      </c>
      <c r="B48" s="15">
        <v>65</v>
      </c>
      <c r="C48" s="16">
        <v>47</v>
      </c>
      <c r="D48" s="17">
        <v>112</v>
      </c>
    </row>
    <row r="49" spans="1:4" ht="18" customHeight="1" x14ac:dyDescent="0.2">
      <c r="A49" s="14">
        <v>36</v>
      </c>
      <c r="B49" s="15">
        <v>63</v>
      </c>
      <c r="C49" s="16">
        <v>50</v>
      </c>
      <c r="D49" s="17">
        <v>113</v>
      </c>
    </row>
    <row r="50" spans="1:4" ht="18" customHeight="1" x14ac:dyDescent="0.2">
      <c r="A50" s="14">
        <v>37</v>
      </c>
      <c r="B50" s="15">
        <v>60</v>
      </c>
      <c r="C50" s="16">
        <v>68</v>
      </c>
      <c r="D50" s="17">
        <v>128</v>
      </c>
    </row>
    <row r="51" spans="1:4" ht="18" customHeight="1" x14ac:dyDescent="0.2">
      <c r="A51" s="14">
        <v>38</v>
      </c>
      <c r="B51" s="15">
        <v>68</v>
      </c>
      <c r="C51" s="16">
        <v>55</v>
      </c>
      <c r="D51" s="17">
        <v>123</v>
      </c>
    </row>
    <row r="52" spans="1:4" ht="18" customHeight="1" x14ac:dyDescent="0.2">
      <c r="A52" s="14">
        <v>39</v>
      </c>
      <c r="B52" s="15">
        <v>76</v>
      </c>
      <c r="C52" s="16">
        <v>60</v>
      </c>
      <c r="D52" s="17">
        <v>136</v>
      </c>
    </row>
    <row r="53" spans="1:4" ht="18" customHeight="1" x14ac:dyDescent="0.2">
      <c r="A53" s="18" t="s">
        <v>56</v>
      </c>
      <c r="B53" s="15">
        <v>332</v>
      </c>
      <c r="C53" s="16">
        <v>280</v>
      </c>
      <c r="D53" s="17">
        <v>612</v>
      </c>
    </row>
    <row r="54" spans="1:4" ht="18" customHeight="1" x14ac:dyDescent="0.2">
      <c r="A54" s="14">
        <v>40</v>
      </c>
      <c r="B54" s="15">
        <v>95</v>
      </c>
      <c r="C54" s="16">
        <v>103</v>
      </c>
      <c r="D54" s="17">
        <v>198</v>
      </c>
    </row>
    <row r="55" spans="1:4" ht="18" customHeight="1" x14ac:dyDescent="0.2">
      <c r="A55" s="14">
        <v>41</v>
      </c>
      <c r="B55" s="15">
        <v>77</v>
      </c>
      <c r="C55" s="16">
        <v>83</v>
      </c>
      <c r="D55" s="17">
        <v>160</v>
      </c>
    </row>
    <row r="56" spans="1:4" ht="18" customHeight="1" x14ac:dyDescent="0.2">
      <c r="A56" s="14">
        <v>42</v>
      </c>
      <c r="B56" s="15">
        <v>87</v>
      </c>
      <c r="C56" s="16">
        <v>82</v>
      </c>
      <c r="D56" s="17">
        <v>169</v>
      </c>
    </row>
    <row r="57" spans="1:4" ht="18" customHeight="1" x14ac:dyDescent="0.2">
      <c r="A57" s="14">
        <v>43</v>
      </c>
      <c r="B57" s="15">
        <v>107</v>
      </c>
      <c r="C57" s="16">
        <v>98</v>
      </c>
      <c r="D57" s="17">
        <v>205</v>
      </c>
    </row>
    <row r="58" spans="1:4" ht="18" customHeight="1" x14ac:dyDescent="0.2">
      <c r="A58" s="14">
        <v>44</v>
      </c>
      <c r="B58" s="15">
        <v>106</v>
      </c>
      <c r="C58" s="16">
        <v>113</v>
      </c>
      <c r="D58" s="17">
        <v>219</v>
      </c>
    </row>
    <row r="59" spans="1:4" ht="18" customHeight="1" x14ac:dyDescent="0.2">
      <c r="A59" s="18" t="s">
        <v>57</v>
      </c>
      <c r="B59" s="15">
        <v>472</v>
      </c>
      <c r="C59" s="16">
        <v>479</v>
      </c>
      <c r="D59" s="17">
        <v>951</v>
      </c>
    </row>
    <row r="60" spans="1:4" ht="18" customHeight="1" x14ac:dyDescent="0.2">
      <c r="A60" s="14">
        <v>45</v>
      </c>
      <c r="B60" s="15">
        <v>104</v>
      </c>
      <c r="C60" s="16">
        <v>108</v>
      </c>
      <c r="D60" s="17">
        <v>212</v>
      </c>
    </row>
    <row r="61" spans="1:4" ht="18" customHeight="1" x14ac:dyDescent="0.2">
      <c r="A61" s="14">
        <v>46</v>
      </c>
      <c r="B61" s="15">
        <v>119</v>
      </c>
      <c r="C61" s="16">
        <v>109</v>
      </c>
      <c r="D61" s="17">
        <v>228</v>
      </c>
    </row>
    <row r="62" spans="1:4" ht="18" customHeight="1" x14ac:dyDescent="0.2">
      <c r="A62" s="14">
        <v>47</v>
      </c>
      <c r="B62" s="15">
        <v>101</v>
      </c>
      <c r="C62" s="16">
        <v>92</v>
      </c>
      <c r="D62" s="17">
        <v>193</v>
      </c>
    </row>
    <row r="63" spans="1:4" ht="18" customHeight="1" x14ac:dyDescent="0.2">
      <c r="A63" s="14">
        <v>48</v>
      </c>
      <c r="B63" s="15">
        <v>107</v>
      </c>
      <c r="C63" s="16">
        <v>75</v>
      </c>
      <c r="D63" s="17">
        <v>182</v>
      </c>
    </row>
    <row r="64" spans="1:4" ht="18" customHeight="1" x14ac:dyDescent="0.2">
      <c r="A64" s="14">
        <v>49</v>
      </c>
      <c r="B64" s="15">
        <v>87</v>
      </c>
      <c r="C64" s="16">
        <v>82</v>
      </c>
      <c r="D64" s="17">
        <v>169</v>
      </c>
    </row>
    <row r="65" spans="1:4" ht="18" customHeight="1" x14ac:dyDescent="0.2">
      <c r="A65" s="18" t="s">
        <v>58</v>
      </c>
      <c r="B65" s="15">
        <v>518</v>
      </c>
      <c r="C65" s="16">
        <v>466</v>
      </c>
      <c r="D65" s="17">
        <v>984</v>
      </c>
    </row>
    <row r="66" spans="1:4" ht="18" customHeight="1" x14ac:dyDescent="0.2">
      <c r="A66" s="14">
        <v>50</v>
      </c>
      <c r="B66" s="15">
        <v>100</v>
      </c>
      <c r="C66" s="16">
        <v>87</v>
      </c>
      <c r="D66" s="17">
        <v>187</v>
      </c>
    </row>
    <row r="67" spans="1:4" ht="18" customHeight="1" x14ac:dyDescent="0.2">
      <c r="A67" s="14">
        <v>51</v>
      </c>
      <c r="B67" s="15">
        <v>83</v>
      </c>
      <c r="C67" s="16">
        <v>107</v>
      </c>
      <c r="D67" s="17">
        <v>190</v>
      </c>
    </row>
    <row r="68" spans="1:4" ht="18" customHeight="1" x14ac:dyDescent="0.2">
      <c r="A68" s="14">
        <v>52</v>
      </c>
      <c r="B68" s="15">
        <v>51</v>
      </c>
      <c r="C68" s="16">
        <v>58</v>
      </c>
      <c r="D68" s="17">
        <v>109</v>
      </c>
    </row>
    <row r="69" spans="1:4" ht="18" customHeight="1" x14ac:dyDescent="0.2">
      <c r="A69" s="14">
        <v>53</v>
      </c>
      <c r="B69" s="15">
        <v>88</v>
      </c>
      <c r="C69" s="16">
        <v>91</v>
      </c>
      <c r="D69" s="17">
        <v>179</v>
      </c>
    </row>
    <row r="70" spans="1:4" ht="18" customHeight="1" x14ac:dyDescent="0.2">
      <c r="A70" s="14">
        <v>54</v>
      </c>
      <c r="B70" s="15">
        <v>79</v>
      </c>
      <c r="C70" s="16">
        <v>66</v>
      </c>
      <c r="D70" s="17">
        <v>145</v>
      </c>
    </row>
    <row r="71" spans="1:4" ht="18" customHeight="1" x14ac:dyDescent="0.2">
      <c r="A71" s="18" t="s">
        <v>59</v>
      </c>
      <c r="B71" s="15">
        <v>401</v>
      </c>
      <c r="C71" s="16">
        <v>409</v>
      </c>
      <c r="D71" s="17">
        <v>810</v>
      </c>
    </row>
    <row r="72" spans="1:4" ht="18" customHeight="1" x14ac:dyDescent="0.2">
      <c r="A72" s="14">
        <v>55</v>
      </c>
      <c r="B72" s="15">
        <v>88</v>
      </c>
      <c r="C72" s="16">
        <v>77</v>
      </c>
      <c r="D72" s="17">
        <v>165</v>
      </c>
    </row>
    <row r="73" spans="1:4" ht="18" customHeight="1" x14ac:dyDescent="0.2">
      <c r="A73" s="14">
        <v>56</v>
      </c>
      <c r="B73" s="15">
        <v>61</v>
      </c>
      <c r="C73" s="16">
        <v>67</v>
      </c>
      <c r="D73" s="17">
        <v>128</v>
      </c>
    </row>
    <row r="74" spans="1:4" ht="18" customHeight="1" x14ac:dyDescent="0.2">
      <c r="A74" s="14">
        <v>57</v>
      </c>
      <c r="B74" s="15">
        <v>58</v>
      </c>
      <c r="C74" s="16">
        <v>61</v>
      </c>
      <c r="D74" s="17">
        <v>119</v>
      </c>
    </row>
    <row r="75" spans="1:4" ht="18" customHeight="1" x14ac:dyDescent="0.2">
      <c r="A75" s="14">
        <v>58</v>
      </c>
      <c r="B75" s="15">
        <v>60</v>
      </c>
      <c r="C75" s="16">
        <v>64</v>
      </c>
      <c r="D75" s="17">
        <v>124</v>
      </c>
    </row>
    <row r="76" spans="1:4" ht="18" customHeight="1" x14ac:dyDescent="0.2">
      <c r="A76" s="14">
        <v>59</v>
      </c>
      <c r="B76" s="15">
        <v>54</v>
      </c>
      <c r="C76" s="16">
        <v>58</v>
      </c>
      <c r="D76" s="17">
        <v>112</v>
      </c>
    </row>
    <row r="77" spans="1:4" ht="18" customHeight="1" x14ac:dyDescent="0.2">
      <c r="A77" s="18" t="s">
        <v>60</v>
      </c>
      <c r="B77" s="15">
        <v>321</v>
      </c>
      <c r="C77" s="16">
        <v>327</v>
      </c>
      <c r="D77" s="17">
        <v>648</v>
      </c>
    </row>
    <row r="78" spans="1:4" ht="18" customHeight="1" x14ac:dyDescent="0.2">
      <c r="A78" s="14">
        <v>60</v>
      </c>
      <c r="B78" s="15">
        <v>56</v>
      </c>
      <c r="C78" s="16">
        <v>55</v>
      </c>
      <c r="D78" s="17">
        <v>111</v>
      </c>
    </row>
    <row r="79" spans="1:4" ht="18" customHeight="1" x14ac:dyDescent="0.2">
      <c r="A79" s="14">
        <v>61</v>
      </c>
      <c r="B79" s="15">
        <v>63</v>
      </c>
      <c r="C79" s="16">
        <v>61</v>
      </c>
      <c r="D79" s="17">
        <v>124</v>
      </c>
    </row>
    <row r="80" spans="1:4" ht="18" customHeight="1" x14ac:dyDescent="0.2">
      <c r="A80" s="14">
        <v>62</v>
      </c>
      <c r="B80" s="15">
        <v>55</v>
      </c>
      <c r="C80" s="16">
        <v>67</v>
      </c>
      <c r="D80" s="17">
        <v>122</v>
      </c>
    </row>
    <row r="81" spans="1:4" ht="18" customHeight="1" x14ac:dyDescent="0.2">
      <c r="A81" s="14">
        <v>63</v>
      </c>
      <c r="B81" s="15">
        <v>54</v>
      </c>
      <c r="C81" s="16">
        <v>68</v>
      </c>
      <c r="D81" s="17">
        <v>122</v>
      </c>
    </row>
    <row r="82" spans="1:4" ht="18" customHeight="1" x14ac:dyDescent="0.2">
      <c r="A82" s="14">
        <v>64</v>
      </c>
      <c r="B82" s="15">
        <v>51</v>
      </c>
      <c r="C82" s="16">
        <v>57</v>
      </c>
      <c r="D82" s="17">
        <v>108</v>
      </c>
    </row>
    <row r="83" spans="1:4" ht="18" customHeight="1" x14ac:dyDescent="0.2">
      <c r="A83" s="18" t="s">
        <v>61</v>
      </c>
      <c r="B83" s="15">
        <v>279</v>
      </c>
      <c r="C83" s="16">
        <v>308</v>
      </c>
      <c r="D83" s="17">
        <v>587</v>
      </c>
    </row>
    <row r="84" spans="1:4" ht="18" customHeight="1" x14ac:dyDescent="0.2">
      <c r="A84" s="18" t="s">
        <v>62</v>
      </c>
      <c r="B84" s="15">
        <v>3537</v>
      </c>
      <c r="C84" s="16">
        <v>3409</v>
      </c>
      <c r="D84" s="17">
        <v>6946</v>
      </c>
    </row>
    <row r="85" spans="1:4" ht="18" customHeight="1" x14ac:dyDescent="0.2">
      <c r="A85" s="14">
        <v>65</v>
      </c>
      <c r="B85" s="15">
        <v>69</v>
      </c>
      <c r="C85" s="16">
        <v>68</v>
      </c>
      <c r="D85" s="17">
        <v>137</v>
      </c>
    </row>
    <row r="86" spans="1:4" ht="18" customHeight="1" x14ac:dyDescent="0.2">
      <c r="A86" s="14">
        <v>66</v>
      </c>
      <c r="B86" s="15">
        <v>56</v>
      </c>
      <c r="C86" s="16">
        <v>67</v>
      </c>
      <c r="D86" s="17">
        <v>123</v>
      </c>
    </row>
    <row r="87" spans="1:4" ht="18" customHeight="1" x14ac:dyDescent="0.2">
      <c r="A87" s="14">
        <v>67</v>
      </c>
      <c r="B87" s="15">
        <v>55</v>
      </c>
      <c r="C87" s="16">
        <v>81</v>
      </c>
      <c r="D87" s="17">
        <v>136</v>
      </c>
    </row>
    <row r="88" spans="1:4" ht="18" customHeight="1" x14ac:dyDescent="0.2">
      <c r="A88" s="14">
        <v>68</v>
      </c>
      <c r="B88" s="15">
        <v>86</v>
      </c>
      <c r="C88" s="16">
        <v>87</v>
      </c>
      <c r="D88" s="17">
        <v>173</v>
      </c>
    </row>
    <row r="89" spans="1:4" ht="18" customHeight="1" x14ac:dyDescent="0.2">
      <c r="A89" s="14">
        <v>69</v>
      </c>
      <c r="B89" s="15">
        <v>88</v>
      </c>
      <c r="C89" s="16">
        <v>117</v>
      </c>
      <c r="D89" s="17">
        <v>205</v>
      </c>
    </row>
    <row r="90" spans="1:4" ht="18" customHeight="1" x14ac:dyDescent="0.2">
      <c r="A90" s="18" t="s">
        <v>63</v>
      </c>
      <c r="B90" s="15">
        <v>354</v>
      </c>
      <c r="C90" s="16">
        <v>420</v>
      </c>
      <c r="D90" s="17">
        <v>774</v>
      </c>
    </row>
    <row r="91" spans="1:4" ht="18" customHeight="1" x14ac:dyDescent="0.2">
      <c r="A91" s="14">
        <v>70</v>
      </c>
      <c r="B91" s="15">
        <v>87</v>
      </c>
      <c r="C91" s="16">
        <v>101</v>
      </c>
      <c r="D91" s="17">
        <v>188</v>
      </c>
    </row>
    <row r="92" spans="1:4" ht="18" customHeight="1" x14ac:dyDescent="0.2">
      <c r="A92" s="14">
        <v>71</v>
      </c>
      <c r="B92" s="15">
        <v>104</v>
      </c>
      <c r="C92" s="16">
        <v>110</v>
      </c>
      <c r="D92" s="17">
        <v>214</v>
      </c>
    </row>
    <row r="93" spans="1:4" ht="18" customHeight="1" x14ac:dyDescent="0.2">
      <c r="A93" s="14">
        <v>72</v>
      </c>
      <c r="B93" s="15">
        <v>75</v>
      </c>
      <c r="C93" s="16">
        <v>65</v>
      </c>
      <c r="D93" s="17">
        <v>140</v>
      </c>
    </row>
    <row r="94" spans="1:4" ht="18" customHeight="1" x14ac:dyDescent="0.2">
      <c r="A94" s="14">
        <v>73</v>
      </c>
      <c r="B94" s="15">
        <v>47</v>
      </c>
      <c r="C94" s="16">
        <v>58</v>
      </c>
      <c r="D94" s="17">
        <v>105</v>
      </c>
    </row>
    <row r="95" spans="1:4" ht="18" customHeight="1" x14ac:dyDescent="0.2">
      <c r="A95" s="14">
        <v>74</v>
      </c>
      <c r="B95" s="15">
        <v>68</v>
      </c>
      <c r="C95" s="16">
        <v>80</v>
      </c>
      <c r="D95" s="17">
        <v>148</v>
      </c>
    </row>
    <row r="96" spans="1:4" ht="18" customHeight="1" x14ac:dyDescent="0.2">
      <c r="A96" s="18" t="s">
        <v>64</v>
      </c>
      <c r="B96" s="15">
        <v>381</v>
      </c>
      <c r="C96" s="16">
        <v>414</v>
      </c>
      <c r="D96" s="17">
        <v>795</v>
      </c>
    </row>
    <row r="97" spans="1:4" ht="18" customHeight="1" x14ac:dyDescent="0.2">
      <c r="A97" s="14">
        <v>75</v>
      </c>
      <c r="B97" s="15">
        <v>62</v>
      </c>
      <c r="C97" s="16">
        <v>92</v>
      </c>
      <c r="D97" s="17">
        <v>154</v>
      </c>
    </row>
    <row r="98" spans="1:4" ht="18" customHeight="1" x14ac:dyDescent="0.2">
      <c r="A98" s="14">
        <v>76</v>
      </c>
      <c r="B98" s="15">
        <v>69</v>
      </c>
      <c r="C98" s="16">
        <v>72</v>
      </c>
      <c r="D98" s="17">
        <v>141</v>
      </c>
    </row>
    <row r="99" spans="1:4" ht="18" customHeight="1" x14ac:dyDescent="0.2">
      <c r="A99" s="14">
        <v>77</v>
      </c>
      <c r="B99" s="15">
        <v>54</v>
      </c>
      <c r="C99" s="16">
        <v>77</v>
      </c>
      <c r="D99" s="17">
        <v>131</v>
      </c>
    </row>
    <row r="100" spans="1:4" ht="18" customHeight="1" x14ac:dyDescent="0.2">
      <c r="A100" s="14">
        <v>78</v>
      </c>
      <c r="B100" s="15">
        <v>74</v>
      </c>
      <c r="C100" s="16">
        <v>70</v>
      </c>
      <c r="D100" s="17">
        <v>144</v>
      </c>
    </row>
    <row r="101" spans="1:4" ht="18" customHeight="1" x14ac:dyDescent="0.2">
      <c r="A101" s="14">
        <v>79</v>
      </c>
      <c r="B101" s="15">
        <v>46</v>
      </c>
      <c r="C101" s="16">
        <v>49</v>
      </c>
      <c r="D101" s="17">
        <v>95</v>
      </c>
    </row>
    <row r="102" spans="1:4" ht="18" customHeight="1" x14ac:dyDescent="0.2">
      <c r="A102" s="18" t="s">
        <v>65</v>
      </c>
      <c r="B102" s="15">
        <v>305</v>
      </c>
      <c r="C102" s="16">
        <v>360</v>
      </c>
      <c r="D102" s="17">
        <v>665</v>
      </c>
    </row>
    <row r="103" spans="1:4" ht="18" customHeight="1" x14ac:dyDescent="0.2">
      <c r="A103" s="14">
        <v>80</v>
      </c>
      <c r="B103" s="15">
        <v>42</v>
      </c>
      <c r="C103" s="16">
        <v>60</v>
      </c>
      <c r="D103" s="17">
        <v>102</v>
      </c>
    </row>
    <row r="104" spans="1:4" ht="18" customHeight="1" x14ac:dyDescent="0.2">
      <c r="A104" s="14">
        <v>81</v>
      </c>
      <c r="B104" s="15">
        <v>53</v>
      </c>
      <c r="C104" s="16">
        <v>57</v>
      </c>
      <c r="D104" s="17">
        <v>110</v>
      </c>
    </row>
    <row r="105" spans="1:4" ht="18" customHeight="1" x14ac:dyDescent="0.2">
      <c r="A105" s="14">
        <v>82</v>
      </c>
      <c r="B105" s="15">
        <v>39</v>
      </c>
      <c r="C105" s="16">
        <v>68</v>
      </c>
      <c r="D105" s="17">
        <v>107</v>
      </c>
    </row>
    <row r="106" spans="1:4" ht="18" customHeight="1" x14ac:dyDescent="0.2">
      <c r="A106" s="14">
        <v>83</v>
      </c>
      <c r="B106" s="15">
        <v>29</v>
      </c>
      <c r="C106" s="16">
        <v>40</v>
      </c>
      <c r="D106" s="17">
        <v>69</v>
      </c>
    </row>
    <row r="107" spans="1:4" ht="18" customHeight="1" x14ac:dyDescent="0.2">
      <c r="A107" s="14">
        <v>84</v>
      </c>
      <c r="B107" s="15">
        <v>23</v>
      </c>
      <c r="C107" s="16">
        <v>41</v>
      </c>
      <c r="D107" s="17">
        <v>64</v>
      </c>
    </row>
    <row r="108" spans="1:4" ht="18" customHeight="1" x14ac:dyDescent="0.2">
      <c r="A108" s="18" t="s">
        <v>66</v>
      </c>
      <c r="B108" s="15">
        <v>186</v>
      </c>
      <c r="C108" s="16">
        <v>266</v>
      </c>
      <c r="D108" s="17">
        <v>452</v>
      </c>
    </row>
    <row r="109" spans="1:4" ht="18" customHeight="1" x14ac:dyDescent="0.2">
      <c r="A109" s="14">
        <v>85</v>
      </c>
      <c r="B109" s="15">
        <v>24</v>
      </c>
      <c r="C109" s="16">
        <v>41</v>
      </c>
      <c r="D109" s="17">
        <v>65</v>
      </c>
    </row>
    <row r="110" spans="1:4" ht="18" customHeight="1" x14ac:dyDescent="0.2">
      <c r="A110" s="14">
        <v>86</v>
      </c>
      <c r="B110" s="15">
        <v>22</v>
      </c>
      <c r="C110" s="16">
        <v>47</v>
      </c>
      <c r="D110" s="17">
        <v>69</v>
      </c>
    </row>
    <row r="111" spans="1:4" ht="18" customHeight="1" x14ac:dyDescent="0.2">
      <c r="A111" s="14">
        <v>87</v>
      </c>
      <c r="B111" s="15">
        <v>24</v>
      </c>
      <c r="C111" s="16">
        <v>30</v>
      </c>
      <c r="D111" s="17">
        <v>54</v>
      </c>
    </row>
    <row r="112" spans="1:4" ht="18" customHeight="1" x14ac:dyDescent="0.2">
      <c r="A112" s="14">
        <v>88</v>
      </c>
      <c r="B112" s="15">
        <v>12</v>
      </c>
      <c r="C112" s="16">
        <v>27</v>
      </c>
      <c r="D112" s="17">
        <v>39</v>
      </c>
    </row>
    <row r="113" spans="1:4" ht="18" customHeight="1" x14ac:dyDescent="0.2">
      <c r="A113" s="14">
        <v>89</v>
      </c>
      <c r="B113" s="15">
        <v>9</v>
      </c>
      <c r="C113" s="16">
        <v>30</v>
      </c>
      <c r="D113" s="17">
        <v>39</v>
      </c>
    </row>
    <row r="114" spans="1:4" ht="18" customHeight="1" x14ac:dyDescent="0.2">
      <c r="A114" s="18" t="s">
        <v>67</v>
      </c>
      <c r="B114" s="15">
        <v>91</v>
      </c>
      <c r="C114" s="16">
        <v>175</v>
      </c>
      <c r="D114" s="17">
        <v>266</v>
      </c>
    </row>
    <row r="115" spans="1:4" ht="18" customHeight="1" x14ac:dyDescent="0.2">
      <c r="A115" s="14">
        <v>90</v>
      </c>
      <c r="B115" s="15">
        <v>8</v>
      </c>
      <c r="C115" s="16">
        <v>18</v>
      </c>
      <c r="D115" s="17">
        <v>26</v>
      </c>
    </row>
    <row r="116" spans="1:4" ht="18" customHeight="1" x14ac:dyDescent="0.2">
      <c r="A116" s="14">
        <v>91</v>
      </c>
      <c r="B116" s="15">
        <v>3</v>
      </c>
      <c r="C116" s="16">
        <v>20</v>
      </c>
      <c r="D116" s="17">
        <v>23</v>
      </c>
    </row>
    <row r="117" spans="1:4" ht="18" customHeight="1" x14ac:dyDescent="0.2">
      <c r="A117" s="14">
        <v>92</v>
      </c>
      <c r="B117" s="15">
        <v>6</v>
      </c>
      <c r="C117" s="16">
        <v>16</v>
      </c>
      <c r="D117" s="17">
        <v>22</v>
      </c>
    </row>
    <row r="118" spans="1:4" ht="18" customHeight="1" x14ac:dyDescent="0.2">
      <c r="A118" s="14">
        <v>93</v>
      </c>
      <c r="B118" s="15">
        <v>3</v>
      </c>
      <c r="C118" s="16">
        <v>17</v>
      </c>
      <c r="D118" s="17">
        <v>20</v>
      </c>
    </row>
    <row r="119" spans="1:4" ht="18" customHeight="1" x14ac:dyDescent="0.2">
      <c r="A119" s="14">
        <v>94</v>
      </c>
      <c r="B119" s="15">
        <v>4</v>
      </c>
      <c r="C119" s="16">
        <v>17</v>
      </c>
      <c r="D119" s="17">
        <v>21</v>
      </c>
    </row>
    <row r="120" spans="1:4" ht="18" customHeight="1" x14ac:dyDescent="0.2">
      <c r="A120" s="18" t="s">
        <v>68</v>
      </c>
      <c r="B120" s="15">
        <v>24</v>
      </c>
      <c r="C120" s="16">
        <v>88</v>
      </c>
      <c r="D120" s="17">
        <v>112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9</v>
      </c>
      <c r="D122" s="17">
        <v>11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6</v>
      </c>
      <c r="C126" s="16">
        <v>26</v>
      </c>
      <c r="D126" s="17">
        <v>3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1349</v>
      </c>
      <c r="C130" s="5">
        <v>1751</v>
      </c>
      <c r="D130" s="6">
        <v>3100</v>
      </c>
    </row>
    <row r="131" spans="1:4" ht="18" customHeight="1" x14ac:dyDescent="0.2">
      <c r="A131" s="20" t="s">
        <v>47</v>
      </c>
      <c r="B131" s="7">
        <v>5641</v>
      </c>
      <c r="C131" s="8">
        <v>5866</v>
      </c>
      <c r="D131" s="9">
        <v>1150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9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7</v>
      </c>
      <c r="C5" s="12">
        <v>22</v>
      </c>
      <c r="D5" s="13">
        <v>39</v>
      </c>
    </row>
    <row r="6" spans="1:10" ht="18" customHeight="1" x14ac:dyDescent="0.2">
      <c r="A6" s="14">
        <v>1</v>
      </c>
      <c r="B6" s="15">
        <v>24</v>
      </c>
      <c r="C6" s="16">
        <v>11</v>
      </c>
      <c r="D6" s="17">
        <v>35</v>
      </c>
    </row>
    <row r="7" spans="1:10" ht="18" customHeight="1" x14ac:dyDescent="0.2">
      <c r="A7" s="14">
        <v>2</v>
      </c>
      <c r="B7" s="15">
        <v>17</v>
      </c>
      <c r="C7" s="16">
        <v>23</v>
      </c>
      <c r="D7" s="17">
        <v>40</v>
      </c>
    </row>
    <row r="8" spans="1:10" ht="18" customHeight="1" x14ac:dyDescent="0.2">
      <c r="A8" s="14">
        <v>3</v>
      </c>
      <c r="B8" s="15">
        <v>13</v>
      </c>
      <c r="C8" s="16">
        <v>19</v>
      </c>
      <c r="D8" s="17">
        <v>32</v>
      </c>
    </row>
    <row r="9" spans="1:10" ht="18" customHeight="1" x14ac:dyDescent="0.2">
      <c r="A9" s="14">
        <v>4</v>
      </c>
      <c r="B9" s="15">
        <v>24</v>
      </c>
      <c r="C9" s="16">
        <v>18</v>
      </c>
      <c r="D9" s="17">
        <v>42</v>
      </c>
    </row>
    <row r="10" spans="1:10" ht="18" customHeight="1" x14ac:dyDescent="0.2">
      <c r="A10" s="18" t="s">
        <v>48</v>
      </c>
      <c r="B10" s="15">
        <v>95</v>
      </c>
      <c r="C10" s="16">
        <v>93</v>
      </c>
      <c r="D10" s="17">
        <v>188</v>
      </c>
    </row>
    <row r="11" spans="1:10" ht="18" customHeight="1" x14ac:dyDescent="0.2">
      <c r="A11" s="14">
        <v>5</v>
      </c>
      <c r="B11" s="15">
        <v>14</v>
      </c>
      <c r="C11" s="16">
        <v>24</v>
      </c>
      <c r="D11" s="17">
        <v>38</v>
      </c>
    </row>
    <row r="12" spans="1:10" ht="18" customHeight="1" x14ac:dyDescent="0.2">
      <c r="A12" s="14">
        <v>6</v>
      </c>
      <c r="B12" s="15">
        <v>21</v>
      </c>
      <c r="C12" s="16">
        <v>12</v>
      </c>
      <c r="D12" s="17">
        <v>33</v>
      </c>
    </row>
    <row r="13" spans="1:10" ht="18" customHeight="1" x14ac:dyDescent="0.2">
      <c r="A13" s="14">
        <v>7</v>
      </c>
      <c r="B13" s="15">
        <v>30</v>
      </c>
      <c r="C13" s="16">
        <v>21</v>
      </c>
      <c r="D13" s="17">
        <v>51</v>
      </c>
    </row>
    <row r="14" spans="1:10" ht="18" customHeight="1" x14ac:dyDescent="0.2">
      <c r="A14" s="14">
        <v>8</v>
      </c>
      <c r="B14" s="15">
        <v>24</v>
      </c>
      <c r="C14" s="16">
        <v>16</v>
      </c>
      <c r="D14" s="17">
        <v>40</v>
      </c>
    </row>
    <row r="15" spans="1:10" ht="18" customHeight="1" x14ac:dyDescent="0.2">
      <c r="A15" s="14">
        <v>9</v>
      </c>
      <c r="B15" s="15">
        <v>19</v>
      </c>
      <c r="C15" s="16">
        <v>21</v>
      </c>
      <c r="D15" s="17">
        <v>40</v>
      </c>
    </row>
    <row r="16" spans="1:10" ht="18" customHeight="1" x14ac:dyDescent="0.2">
      <c r="A16" s="18" t="s">
        <v>49</v>
      </c>
      <c r="B16" s="15">
        <v>108</v>
      </c>
      <c r="C16" s="16">
        <v>94</v>
      </c>
      <c r="D16" s="17">
        <v>202</v>
      </c>
    </row>
    <row r="17" spans="1:4" ht="18" customHeight="1" x14ac:dyDescent="0.2">
      <c r="A17" s="14">
        <v>10</v>
      </c>
      <c r="B17" s="15">
        <v>14</v>
      </c>
      <c r="C17" s="16">
        <v>15</v>
      </c>
      <c r="D17" s="17">
        <v>29</v>
      </c>
    </row>
    <row r="18" spans="1:4" ht="18" customHeight="1" x14ac:dyDescent="0.2">
      <c r="A18" s="14">
        <v>11</v>
      </c>
      <c r="B18" s="15">
        <v>17</v>
      </c>
      <c r="C18" s="16">
        <v>10</v>
      </c>
      <c r="D18" s="17">
        <v>27</v>
      </c>
    </row>
    <row r="19" spans="1:4" ht="18" customHeight="1" x14ac:dyDescent="0.2">
      <c r="A19" s="14">
        <v>12</v>
      </c>
      <c r="B19" s="15">
        <v>15</v>
      </c>
      <c r="C19" s="16">
        <v>31</v>
      </c>
      <c r="D19" s="17">
        <v>46</v>
      </c>
    </row>
    <row r="20" spans="1:4" ht="18" customHeight="1" x14ac:dyDescent="0.2">
      <c r="A20" s="14">
        <v>13</v>
      </c>
      <c r="B20" s="15">
        <v>19</v>
      </c>
      <c r="C20" s="16">
        <v>25</v>
      </c>
      <c r="D20" s="17">
        <v>44</v>
      </c>
    </row>
    <row r="21" spans="1:4" ht="18" customHeight="1" x14ac:dyDescent="0.2">
      <c r="A21" s="14">
        <v>14</v>
      </c>
      <c r="B21" s="15">
        <v>19</v>
      </c>
      <c r="C21" s="16">
        <v>16</v>
      </c>
      <c r="D21" s="17">
        <v>35</v>
      </c>
    </row>
    <row r="22" spans="1:4" ht="18" customHeight="1" x14ac:dyDescent="0.2">
      <c r="A22" s="18" t="s">
        <v>50</v>
      </c>
      <c r="B22" s="15">
        <v>84</v>
      </c>
      <c r="C22" s="16">
        <v>97</v>
      </c>
      <c r="D22" s="17">
        <v>181</v>
      </c>
    </row>
    <row r="23" spans="1:4" ht="18" customHeight="1" x14ac:dyDescent="0.2">
      <c r="A23" s="18" t="s">
        <v>51</v>
      </c>
      <c r="B23" s="15">
        <v>287</v>
      </c>
      <c r="C23" s="16">
        <v>284</v>
      </c>
      <c r="D23" s="17">
        <v>571</v>
      </c>
    </row>
    <row r="24" spans="1:4" ht="18" customHeight="1" x14ac:dyDescent="0.2">
      <c r="A24" s="14">
        <v>15</v>
      </c>
      <c r="B24" s="15">
        <v>20</v>
      </c>
      <c r="C24" s="16">
        <v>22</v>
      </c>
      <c r="D24" s="17">
        <v>42</v>
      </c>
    </row>
    <row r="25" spans="1:4" ht="18" customHeight="1" x14ac:dyDescent="0.2">
      <c r="A25" s="14">
        <v>16</v>
      </c>
      <c r="B25" s="15">
        <v>24</v>
      </c>
      <c r="C25" s="16">
        <v>13</v>
      </c>
      <c r="D25" s="17">
        <v>37</v>
      </c>
    </row>
    <row r="26" spans="1:4" ht="18" customHeight="1" x14ac:dyDescent="0.2">
      <c r="A26" s="14">
        <v>17</v>
      </c>
      <c r="B26" s="15">
        <v>16</v>
      </c>
      <c r="C26" s="16">
        <v>9</v>
      </c>
      <c r="D26" s="17">
        <v>25</v>
      </c>
    </row>
    <row r="27" spans="1:4" ht="18" customHeight="1" x14ac:dyDescent="0.2">
      <c r="A27" s="14">
        <v>18</v>
      </c>
      <c r="B27" s="15">
        <v>19</v>
      </c>
      <c r="C27" s="16">
        <v>20</v>
      </c>
      <c r="D27" s="17">
        <v>39</v>
      </c>
    </row>
    <row r="28" spans="1:4" ht="18" customHeight="1" x14ac:dyDescent="0.2">
      <c r="A28" s="14">
        <v>19</v>
      </c>
      <c r="B28" s="15">
        <v>16</v>
      </c>
      <c r="C28" s="16">
        <v>14</v>
      </c>
      <c r="D28" s="17">
        <v>30</v>
      </c>
    </row>
    <row r="29" spans="1:4" ht="18" customHeight="1" x14ac:dyDescent="0.2">
      <c r="A29" s="18" t="s">
        <v>52</v>
      </c>
      <c r="B29" s="15">
        <v>95</v>
      </c>
      <c r="C29" s="16">
        <v>78</v>
      </c>
      <c r="D29" s="17">
        <v>173</v>
      </c>
    </row>
    <row r="30" spans="1:4" ht="18" customHeight="1" x14ac:dyDescent="0.2">
      <c r="A30" s="14">
        <v>20</v>
      </c>
      <c r="B30" s="15">
        <v>17</v>
      </c>
      <c r="C30" s="16">
        <v>10</v>
      </c>
      <c r="D30" s="17">
        <v>27</v>
      </c>
    </row>
    <row r="31" spans="1:4" ht="18" customHeight="1" x14ac:dyDescent="0.2">
      <c r="A31" s="14">
        <v>21</v>
      </c>
      <c r="B31" s="15">
        <v>17</v>
      </c>
      <c r="C31" s="16">
        <v>17</v>
      </c>
      <c r="D31" s="17">
        <v>34</v>
      </c>
    </row>
    <row r="32" spans="1:4" ht="18" customHeight="1" x14ac:dyDescent="0.2">
      <c r="A32" s="14">
        <v>22</v>
      </c>
      <c r="B32" s="15">
        <v>13</v>
      </c>
      <c r="C32" s="16">
        <v>14</v>
      </c>
      <c r="D32" s="17">
        <v>27</v>
      </c>
    </row>
    <row r="33" spans="1:4" ht="18" customHeight="1" x14ac:dyDescent="0.2">
      <c r="A33" s="14">
        <v>23</v>
      </c>
      <c r="B33" s="15">
        <v>20</v>
      </c>
      <c r="C33" s="16">
        <v>13</v>
      </c>
      <c r="D33" s="17">
        <v>33</v>
      </c>
    </row>
    <row r="34" spans="1:4" ht="18" customHeight="1" x14ac:dyDescent="0.2">
      <c r="A34" s="14">
        <v>24</v>
      </c>
      <c r="B34" s="15">
        <v>23</v>
      </c>
      <c r="C34" s="16">
        <v>15</v>
      </c>
      <c r="D34" s="17">
        <v>38</v>
      </c>
    </row>
    <row r="35" spans="1:4" ht="18" customHeight="1" x14ac:dyDescent="0.2">
      <c r="A35" s="18" t="s">
        <v>53</v>
      </c>
      <c r="B35" s="15">
        <v>90</v>
      </c>
      <c r="C35" s="16">
        <v>69</v>
      </c>
      <c r="D35" s="17">
        <v>159</v>
      </c>
    </row>
    <row r="36" spans="1:4" ht="18" customHeight="1" x14ac:dyDescent="0.2">
      <c r="A36" s="14">
        <v>25</v>
      </c>
      <c r="B36" s="15">
        <v>28</v>
      </c>
      <c r="C36" s="16">
        <v>15</v>
      </c>
      <c r="D36" s="17">
        <v>43</v>
      </c>
    </row>
    <row r="37" spans="1:4" ht="18" customHeight="1" x14ac:dyDescent="0.2">
      <c r="A37" s="14">
        <v>26</v>
      </c>
      <c r="B37" s="15">
        <v>30</v>
      </c>
      <c r="C37" s="16">
        <v>19</v>
      </c>
      <c r="D37" s="17">
        <v>49</v>
      </c>
    </row>
    <row r="38" spans="1:4" ht="18" customHeight="1" x14ac:dyDescent="0.2">
      <c r="A38" s="14">
        <v>27</v>
      </c>
      <c r="B38" s="15">
        <v>22</v>
      </c>
      <c r="C38" s="16">
        <v>20</v>
      </c>
      <c r="D38" s="17">
        <v>42</v>
      </c>
    </row>
    <row r="39" spans="1:4" ht="18" customHeight="1" x14ac:dyDescent="0.2">
      <c r="A39" s="14">
        <v>28</v>
      </c>
      <c r="B39" s="15">
        <v>20</v>
      </c>
      <c r="C39" s="16">
        <v>21</v>
      </c>
      <c r="D39" s="17">
        <v>41</v>
      </c>
    </row>
    <row r="40" spans="1:4" ht="18" customHeight="1" x14ac:dyDescent="0.2">
      <c r="A40" s="14">
        <v>29</v>
      </c>
      <c r="B40" s="15">
        <v>23</v>
      </c>
      <c r="C40" s="16">
        <v>19</v>
      </c>
      <c r="D40" s="17">
        <v>42</v>
      </c>
    </row>
    <row r="41" spans="1:4" ht="18" customHeight="1" x14ac:dyDescent="0.2">
      <c r="A41" s="18" t="s">
        <v>54</v>
      </c>
      <c r="B41" s="15">
        <v>123</v>
      </c>
      <c r="C41" s="16">
        <v>94</v>
      </c>
      <c r="D41" s="17">
        <v>217</v>
      </c>
    </row>
    <row r="42" spans="1:4" ht="18" customHeight="1" x14ac:dyDescent="0.2">
      <c r="A42" s="14">
        <v>30</v>
      </c>
      <c r="B42" s="15">
        <v>24</v>
      </c>
      <c r="C42" s="16">
        <v>18</v>
      </c>
      <c r="D42" s="17">
        <v>42</v>
      </c>
    </row>
    <row r="43" spans="1:4" ht="18" customHeight="1" x14ac:dyDescent="0.2">
      <c r="A43" s="14">
        <v>31</v>
      </c>
      <c r="B43" s="15">
        <v>18</v>
      </c>
      <c r="C43" s="16">
        <v>23</v>
      </c>
      <c r="D43" s="17">
        <v>41</v>
      </c>
    </row>
    <row r="44" spans="1:4" ht="18" customHeight="1" x14ac:dyDescent="0.2">
      <c r="A44" s="14">
        <v>32</v>
      </c>
      <c r="B44" s="15">
        <v>21</v>
      </c>
      <c r="C44" s="16">
        <v>23</v>
      </c>
      <c r="D44" s="17">
        <v>44</v>
      </c>
    </row>
    <row r="45" spans="1:4" ht="18" customHeight="1" x14ac:dyDescent="0.2">
      <c r="A45" s="14">
        <v>33</v>
      </c>
      <c r="B45" s="15">
        <v>36</v>
      </c>
      <c r="C45" s="16">
        <v>21</v>
      </c>
      <c r="D45" s="17">
        <v>57</v>
      </c>
    </row>
    <row r="46" spans="1:4" ht="18" customHeight="1" x14ac:dyDescent="0.2">
      <c r="A46" s="14">
        <v>34</v>
      </c>
      <c r="B46" s="15">
        <v>23</v>
      </c>
      <c r="C46" s="16">
        <v>32</v>
      </c>
      <c r="D46" s="17">
        <v>55</v>
      </c>
    </row>
    <row r="47" spans="1:4" ht="18" customHeight="1" x14ac:dyDescent="0.2">
      <c r="A47" s="18" t="s">
        <v>55</v>
      </c>
      <c r="B47" s="15">
        <v>122</v>
      </c>
      <c r="C47" s="16">
        <v>117</v>
      </c>
      <c r="D47" s="17">
        <v>239</v>
      </c>
    </row>
    <row r="48" spans="1:4" ht="18" customHeight="1" x14ac:dyDescent="0.2">
      <c r="A48" s="14">
        <v>35</v>
      </c>
      <c r="B48" s="15">
        <v>25</v>
      </c>
      <c r="C48" s="16">
        <v>22</v>
      </c>
      <c r="D48" s="17">
        <v>47</v>
      </c>
    </row>
    <row r="49" spans="1:4" ht="18" customHeight="1" x14ac:dyDescent="0.2">
      <c r="A49" s="14">
        <v>36</v>
      </c>
      <c r="B49" s="15">
        <v>30</v>
      </c>
      <c r="C49" s="16">
        <v>27</v>
      </c>
      <c r="D49" s="17">
        <v>57</v>
      </c>
    </row>
    <row r="50" spans="1:4" ht="18" customHeight="1" x14ac:dyDescent="0.2">
      <c r="A50" s="14">
        <v>37</v>
      </c>
      <c r="B50" s="15">
        <v>20</v>
      </c>
      <c r="C50" s="16">
        <v>27</v>
      </c>
      <c r="D50" s="17">
        <v>47</v>
      </c>
    </row>
    <row r="51" spans="1:4" ht="18" customHeight="1" x14ac:dyDescent="0.2">
      <c r="A51" s="14">
        <v>38</v>
      </c>
      <c r="B51" s="15">
        <v>28</v>
      </c>
      <c r="C51" s="16">
        <v>27</v>
      </c>
      <c r="D51" s="17">
        <v>55</v>
      </c>
    </row>
    <row r="52" spans="1:4" ht="18" customHeight="1" x14ac:dyDescent="0.2">
      <c r="A52" s="14">
        <v>39</v>
      </c>
      <c r="B52" s="15">
        <v>31</v>
      </c>
      <c r="C52" s="16">
        <v>30</v>
      </c>
      <c r="D52" s="17">
        <v>61</v>
      </c>
    </row>
    <row r="53" spans="1:4" ht="18" customHeight="1" x14ac:dyDescent="0.2">
      <c r="A53" s="18" t="s">
        <v>56</v>
      </c>
      <c r="B53" s="15">
        <v>134</v>
      </c>
      <c r="C53" s="16">
        <v>133</v>
      </c>
      <c r="D53" s="17">
        <v>267</v>
      </c>
    </row>
    <row r="54" spans="1:4" ht="18" customHeight="1" x14ac:dyDescent="0.2">
      <c r="A54" s="14">
        <v>40</v>
      </c>
      <c r="B54" s="15">
        <v>35</v>
      </c>
      <c r="C54" s="16">
        <v>24</v>
      </c>
      <c r="D54" s="17">
        <v>59</v>
      </c>
    </row>
    <row r="55" spans="1:4" ht="18" customHeight="1" x14ac:dyDescent="0.2">
      <c r="A55" s="14">
        <v>41</v>
      </c>
      <c r="B55" s="15">
        <v>31</v>
      </c>
      <c r="C55" s="16">
        <v>28</v>
      </c>
      <c r="D55" s="17">
        <v>59</v>
      </c>
    </row>
    <row r="56" spans="1:4" ht="18" customHeight="1" x14ac:dyDescent="0.2">
      <c r="A56" s="14">
        <v>42</v>
      </c>
      <c r="B56" s="15">
        <v>47</v>
      </c>
      <c r="C56" s="16">
        <v>26</v>
      </c>
      <c r="D56" s="17">
        <v>73</v>
      </c>
    </row>
    <row r="57" spans="1:4" ht="18" customHeight="1" x14ac:dyDescent="0.2">
      <c r="A57" s="14">
        <v>43</v>
      </c>
      <c r="B57" s="15">
        <v>35</v>
      </c>
      <c r="C57" s="16">
        <v>33</v>
      </c>
      <c r="D57" s="17">
        <v>68</v>
      </c>
    </row>
    <row r="58" spans="1:4" ht="18" customHeight="1" x14ac:dyDescent="0.2">
      <c r="A58" s="14">
        <v>44</v>
      </c>
      <c r="B58" s="15">
        <v>33</v>
      </c>
      <c r="C58" s="16">
        <v>39</v>
      </c>
      <c r="D58" s="17">
        <v>72</v>
      </c>
    </row>
    <row r="59" spans="1:4" ht="18" customHeight="1" x14ac:dyDescent="0.2">
      <c r="A59" s="18" t="s">
        <v>57</v>
      </c>
      <c r="B59" s="15">
        <v>181</v>
      </c>
      <c r="C59" s="16">
        <v>150</v>
      </c>
      <c r="D59" s="17">
        <v>331</v>
      </c>
    </row>
    <row r="60" spans="1:4" ht="18" customHeight="1" x14ac:dyDescent="0.2">
      <c r="A60" s="14">
        <v>45</v>
      </c>
      <c r="B60" s="15">
        <v>35</v>
      </c>
      <c r="C60" s="16">
        <v>48</v>
      </c>
      <c r="D60" s="17">
        <v>83</v>
      </c>
    </row>
    <row r="61" spans="1:4" ht="18" customHeight="1" x14ac:dyDescent="0.2">
      <c r="A61" s="14">
        <v>46</v>
      </c>
      <c r="B61" s="15">
        <v>44</v>
      </c>
      <c r="C61" s="16">
        <v>38</v>
      </c>
      <c r="D61" s="17">
        <v>82</v>
      </c>
    </row>
    <row r="62" spans="1:4" ht="18" customHeight="1" x14ac:dyDescent="0.2">
      <c r="A62" s="14">
        <v>47</v>
      </c>
      <c r="B62" s="15">
        <v>39</v>
      </c>
      <c r="C62" s="16">
        <v>28</v>
      </c>
      <c r="D62" s="17">
        <v>67</v>
      </c>
    </row>
    <row r="63" spans="1:4" ht="18" customHeight="1" x14ac:dyDescent="0.2">
      <c r="A63" s="14">
        <v>48</v>
      </c>
      <c r="B63" s="15">
        <v>33</v>
      </c>
      <c r="C63" s="16">
        <v>32</v>
      </c>
      <c r="D63" s="17">
        <v>65</v>
      </c>
    </row>
    <row r="64" spans="1:4" ht="18" customHeight="1" x14ac:dyDescent="0.2">
      <c r="A64" s="14">
        <v>49</v>
      </c>
      <c r="B64" s="15">
        <v>34</v>
      </c>
      <c r="C64" s="16">
        <v>36</v>
      </c>
      <c r="D64" s="17">
        <v>70</v>
      </c>
    </row>
    <row r="65" spans="1:4" ht="18" customHeight="1" x14ac:dyDescent="0.2">
      <c r="A65" s="18" t="s">
        <v>58</v>
      </c>
      <c r="B65" s="15">
        <v>185</v>
      </c>
      <c r="C65" s="16">
        <v>182</v>
      </c>
      <c r="D65" s="17">
        <v>367</v>
      </c>
    </row>
    <row r="66" spans="1:4" ht="18" customHeight="1" x14ac:dyDescent="0.2">
      <c r="A66" s="14">
        <v>50</v>
      </c>
      <c r="B66" s="15">
        <v>42</v>
      </c>
      <c r="C66" s="16">
        <v>35</v>
      </c>
      <c r="D66" s="17">
        <v>77</v>
      </c>
    </row>
    <row r="67" spans="1:4" ht="18" customHeight="1" x14ac:dyDescent="0.2">
      <c r="A67" s="14">
        <v>51</v>
      </c>
      <c r="B67" s="15">
        <v>27</v>
      </c>
      <c r="C67" s="16">
        <v>30</v>
      </c>
      <c r="D67" s="17">
        <v>57</v>
      </c>
    </row>
    <row r="68" spans="1:4" ht="18" customHeight="1" x14ac:dyDescent="0.2">
      <c r="A68" s="14">
        <v>52</v>
      </c>
      <c r="B68" s="15">
        <v>19</v>
      </c>
      <c r="C68" s="16">
        <v>26</v>
      </c>
      <c r="D68" s="17">
        <v>45</v>
      </c>
    </row>
    <row r="69" spans="1:4" ht="18" customHeight="1" x14ac:dyDescent="0.2">
      <c r="A69" s="14">
        <v>53</v>
      </c>
      <c r="B69" s="15">
        <v>31</v>
      </c>
      <c r="C69" s="16">
        <v>30</v>
      </c>
      <c r="D69" s="17">
        <v>61</v>
      </c>
    </row>
    <row r="70" spans="1:4" ht="18" customHeight="1" x14ac:dyDescent="0.2">
      <c r="A70" s="14">
        <v>54</v>
      </c>
      <c r="B70" s="15">
        <v>36</v>
      </c>
      <c r="C70" s="16">
        <v>20</v>
      </c>
      <c r="D70" s="17">
        <v>56</v>
      </c>
    </row>
    <row r="71" spans="1:4" ht="18" customHeight="1" x14ac:dyDescent="0.2">
      <c r="A71" s="18" t="s">
        <v>59</v>
      </c>
      <c r="B71" s="15">
        <v>155</v>
      </c>
      <c r="C71" s="16">
        <v>141</v>
      </c>
      <c r="D71" s="17">
        <v>296</v>
      </c>
    </row>
    <row r="72" spans="1:4" ht="18" customHeight="1" x14ac:dyDescent="0.2">
      <c r="A72" s="14">
        <v>55</v>
      </c>
      <c r="B72" s="15">
        <v>32</v>
      </c>
      <c r="C72" s="16">
        <v>37</v>
      </c>
      <c r="D72" s="17">
        <v>69</v>
      </c>
    </row>
    <row r="73" spans="1:4" ht="18" customHeight="1" x14ac:dyDescent="0.2">
      <c r="A73" s="14">
        <v>56</v>
      </c>
      <c r="B73" s="15">
        <v>22</v>
      </c>
      <c r="C73" s="16">
        <v>25</v>
      </c>
      <c r="D73" s="17">
        <v>47</v>
      </c>
    </row>
    <row r="74" spans="1:4" ht="18" customHeight="1" x14ac:dyDescent="0.2">
      <c r="A74" s="14">
        <v>57</v>
      </c>
      <c r="B74" s="15">
        <v>33</v>
      </c>
      <c r="C74" s="16">
        <v>25</v>
      </c>
      <c r="D74" s="17">
        <v>58</v>
      </c>
    </row>
    <row r="75" spans="1:4" ht="18" customHeight="1" x14ac:dyDescent="0.2">
      <c r="A75" s="14">
        <v>58</v>
      </c>
      <c r="B75" s="15">
        <v>27</v>
      </c>
      <c r="C75" s="16">
        <v>27</v>
      </c>
      <c r="D75" s="17">
        <v>54</v>
      </c>
    </row>
    <row r="76" spans="1:4" ht="18" customHeight="1" x14ac:dyDescent="0.2">
      <c r="A76" s="14">
        <v>59</v>
      </c>
      <c r="B76" s="15">
        <v>31</v>
      </c>
      <c r="C76" s="16">
        <v>38</v>
      </c>
      <c r="D76" s="17">
        <v>69</v>
      </c>
    </row>
    <row r="77" spans="1:4" ht="18" customHeight="1" x14ac:dyDescent="0.2">
      <c r="A77" s="18" t="s">
        <v>60</v>
      </c>
      <c r="B77" s="15">
        <v>145</v>
      </c>
      <c r="C77" s="16">
        <v>152</v>
      </c>
      <c r="D77" s="17">
        <v>297</v>
      </c>
    </row>
    <row r="78" spans="1:4" ht="18" customHeight="1" x14ac:dyDescent="0.2">
      <c r="A78" s="14">
        <v>60</v>
      </c>
      <c r="B78" s="15">
        <v>28</v>
      </c>
      <c r="C78" s="16">
        <v>30</v>
      </c>
      <c r="D78" s="17">
        <v>58</v>
      </c>
    </row>
    <row r="79" spans="1:4" ht="18" customHeight="1" x14ac:dyDescent="0.2">
      <c r="A79" s="14">
        <v>61</v>
      </c>
      <c r="B79" s="15">
        <v>27</v>
      </c>
      <c r="C79" s="16">
        <v>27</v>
      </c>
      <c r="D79" s="17">
        <v>54</v>
      </c>
    </row>
    <row r="80" spans="1:4" ht="18" customHeight="1" x14ac:dyDescent="0.2">
      <c r="A80" s="14">
        <v>62</v>
      </c>
      <c r="B80" s="15">
        <v>25</v>
      </c>
      <c r="C80" s="16">
        <v>25</v>
      </c>
      <c r="D80" s="17">
        <v>50</v>
      </c>
    </row>
    <row r="81" spans="1:4" ht="18" customHeight="1" x14ac:dyDescent="0.2">
      <c r="A81" s="14">
        <v>63</v>
      </c>
      <c r="B81" s="15">
        <v>32</v>
      </c>
      <c r="C81" s="16">
        <v>28</v>
      </c>
      <c r="D81" s="17">
        <v>60</v>
      </c>
    </row>
    <row r="82" spans="1:4" ht="18" customHeight="1" x14ac:dyDescent="0.2">
      <c r="A82" s="14">
        <v>64</v>
      </c>
      <c r="B82" s="15">
        <v>28</v>
      </c>
      <c r="C82" s="16">
        <v>21</v>
      </c>
      <c r="D82" s="17">
        <v>49</v>
      </c>
    </row>
    <row r="83" spans="1:4" ht="18" customHeight="1" x14ac:dyDescent="0.2">
      <c r="A83" s="18" t="s">
        <v>61</v>
      </c>
      <c r="B83" s="15">
        <v>140</v>
      </c>
      <c r="C83" s="16">
        <v>131</v>
      </c>
      <c r="D83" s="17">
        <v>271</v>
      </c>
    </row>
    <row r="84" spans="1:4" ht="18" customHeight="1" x14ac:dyDescent="0.2">
      <c r="A84" s="18" t="s">
        <v>62</v>
      </c>
      <c r="B84" s="15">
        <v>1370</v>
      </c>
      <c r="C84" s="16">
        <v>1247</v>
      </c>
      <c r="D84" s="17">
        <v>2617</v>
      </c>
    </row>
    <row r="85" spans="1:4" ht="18" customHeight="1" x14ac:dyDescent="0.2">
      <c r="A85" s="14">
        <v>65</v>
      </c>
      <c r="B85" s="15">
        <v>28</v>
      </c>
      <c r="C85" s="16">
        <v>30</v>
      </c>
      <c r="D85" s="17">
        <v>58</v>
      </c>
    </row>
    <row r="86" spans="1:4" ht="18" customHeight="1" x14ac:dyDescent="0.2">
      <c r="A86" s="14">
        <v>66</v>
      </c>
      <c r="B86" s="15">
        <v>18</v>
      </c>
      <c r="C86" s="16">
        <v>34</v>
      </c>
      <c r="D86" s="17">
        <v>52</v>
      </c>
    </row>
    <row r="87" spans="1:4" ht="18" customHeight="1" x14ac:dyDescent="0.2">
      <c r="A87" s="14">
        <v>67</v>
      </c>
      <c r="B87" s="15">
        <v>26</v>
      </c>
      <c r="C87" s="16">
        <v>25</v>
      </c>
      <c r="D87" s="17">
        <v>51</v>
      </c>
    </row>
    <row r="88" spans="1:4" ht="18" customHeight="1" x14ac:dyDescent="0.2">
      <c r="A88" s="14">
        <v>68</v>
      </c>
      <c r="B88" s="15">
        <v>30</v>
      </c>
      <c r="C88" s="16">
        <v>30</v>
      </c>
      <c r="D88" s="17">
        <v>60</v>
      </c>
    </row>
    <row r="89" spans="1:4" ht="18" customHeight="1" x14ac:dyDescent="0.2">
      <c r="A89" s="14">
        <v>69</v>
      </c>
      <c r="B89" s="15">
        <v>36</v>
      </c>
      <c r="C89" s="16">
        <v>28</v>
      </c>
      <c r="D89" s="17">
        <v>64</v>
      </c>
    </row>
    <row r="90" spans="1:4" ht="18" customHeight="1" x14ac:dyDescent="0.2">
      <c r="A90" s="18" t="s">
        <v>63</v>
      </c>
      <c r="B90" s="15">
        <v>138</v>
      </c>
      <c r="C90" s="16">
        <v>147</v>
      </c>
      <c r="D90" s="17">
        <v>285</v>
      </c>
    </row>
    <row r="91" spans="1:4" ht="18" customHeight="1" x14ac:dyDescent="0.2">
      <c r="A91" s="14">
        <v>70</v>
      </c>
      <c r="B91" s="15">
        <v>32</v>
      </c>
      <c r="C91" s="16">
        <v>46</v>
      </c>
      <c r="D91" s="17">
        <v>78</v>
      </c>
    </row>
    <row r="92" spans="1:4" ht="18" customHeight="1" x14ac:dyDescent="0.2">
      <c r="A92" s="14">
        <v>71</v>
      </c>
      <c r="B92" s="15">
        <v>32</v>
      </c>
      <c r="C92" s="16">
        <v>36</v>
      </c>
      <c r="D92" s="17">
        <v>68</v>
      </c>
    </row>
    <row r="93" spans="1:4" ht="18" customHeight="1" x14ac:dyDescent="0.2">
      <c r="A93" s="14">
        <v>72</v>
      </c>
      <c r="B93" s="15">
        <v>21</v>
      </c>
      <c r="C93" s="16">
        <v>21</v>
      </c>
      <c r="D93" s="17">
        <v>42</v>
      </c>
    </row>
    <row r="94" spans="1:4" ht="18" customHeight="1" x14ac:dyDescent="0.2">
      <c r="A94" s="14">
        <v>73</v>
      </c>
      <c r="B94" s="15">
        <v>9</v>
      </c>
      <c r="C94" s="16">
        <v>24</v>
      </c>
      <c r="D94" s="17">
        <v>33</v>
      </c>
    </row>
    <row r="95" spans="1:4" ht="18" customHeight="1" x14ac:dyDescent="0.2">
      <c r="A95" s="14">
        <v>74</v>
      </c>
      <c r="B95" s="15">
        <v>27</v>
      </c>
      <c r="C95" s="16">
        <v>33</v>
      </c>
      <c r="D95" s="17">
        <v>60</v>
      </c>
    </row>
    <row r="96" spans="1:4" ht="18" customHeight="1" x14ac:dyDescent="0.2">
      <c r="A96" s="18" t="s">
        <v>64</v>
      </c>
      <c r="B96" s="15">
        <v>121</v>
      </c>
      <c r="C96" s="16">
        <v>160</v>
      </c>
      <c r="D96" s="17">
        <v>281</v>
      </c>
    </row>
    <row r="97" spans="1:4" ht="18" customHeight="1" x14ac:dyDescent="0.2">
      <c r="A97" s="14">
        <v>75</v>
      </c>
      <c r="B97" s="15">
        <v>36</v>
      </c>
      <c r="C97" s="16">
        <v>34</v>
      </c>
      <c r="D97" s="17">
        <v>70</v>
      </c>
    </row>
    <row r="98" spans="1:4" ht="18" customHeight="1" x14ac:dyDescent="0.2">
      <c r="A98" s="14">
        <v>76</v>
      </c>
      <c r="B98" s="15">
        <v>28</v>
      </c>
      <c r="C98" s="16">
        <v>20</v>
      </c>
      <c r="D98" s="17">
        <v>48</v>
      </c>
    </row>
    <row r="99" spans="1:4" ht="18" customHeight="1" x14ac:dyDescent="0.2">
      <c r="A99" s="14">
        <v>77</v>
      </c>
      <c r="B99" s="15">
        <v>17</v>
      </c>
      <c r="C99" s="16">
        <v>22</v>
      </c>
      <c r="D99" s="17">
        <v>39</v>
      </c>
    </row>
    <row r="100" spans="1:4" ht="18" customHeight="1" x14ac:dyDescent="0.2">
      <c r="A100" s="14">
        <v>78</v>
      </c>
      <c r="B100" s="15">
        <v>21</v>
      </c>
      <c r="C100" s="16">
        <v>37</v>
      </c>
      <c r="D100" s="17">
        <v>58</v>
      </c>
    </row>
    <row r="101" spans="1:4" ht="18" customHeight="1" x14ac:dyDescent="0.2">
      <c r="A101" s="14">
        <v>79</v>
      </c>
      <c r="B101" s="15">
        <v>11</v>
      </c>
      <c r="C101" s="16">
        <v>17</v>
      </c>
      <c r="D101" s="17">
        <v>28</v>
      </c>
    </row>
    <row r="102" spans="1:4" ht="18" customHeight="1" x14ac:dyDescent="0.2">
      <c r="A102" s="18" t="s">
        <v>65</v>
      </c>
      <c r="B102" s="15">
        <v>113</v>
      </c>
      <c r="C102" s="16">
        <v>130</v>
      </c>
      <c r="D102" s="17">
        <v>243</v>
      </c>
    </row>
    <row r="103" spans="1:4" ht="18" customHeight="1" x14ac:dyDescent="0.2">
      <c r="A103" s="14">
        <v>80</v>
      </c>
      <c r="B103" s="15">
        <v>11</v>
      </c>
      <c r="C103" s="16">
        <v>22</v>
      </c>
      <c r="D103" s="17">
        <v>33</v>
      </c>
    </row>
    <row r="104" spans="1:4" ht="18" customHeight="1" x14ac:dyDescent="0.2">
      <c r="A104" s="14">
        <v>81</v>
      </c>
      <c r="B104" s="15">
        <v>14</v>
      </c>
      <c r="C104" s="16">
        <v>26</v>
      </c>
      <c r="D104" s="17">
        <v>40</v>
      </c>
    </row>
    <row r="105" spans="1:4" ht="18" customHeight="1" x14ac:dyDescent="0.2">
      <c r="A105" s="14">
        <v>82</v>
      </c>
      <c r="B105" s="15">
        <v>10</v>
      </c>
      <c r="C105" s="16">
        <v>26</v>
      </c>
      <c r="D105" s="17">
        <v>36</v>
      </c>
    </row>
    <row r="106" spans="1:4" ht="18" customHeight="1" x14ac:dyDescent="0.2">
      <c r="A106" s="14">
        <v>83</v>
      </c>
      <c r="B106" s="15">
        <v>14</v>
      </c>
      <c r="C106" s="16">
        <v>23</v>
      </c>
      <c r="D106" s="17">
        <v>37</v>
      </c>
    </row>
    <row r="107" spans="1:4" ht="18" customHeight="1" x14ac:dyDescent="0.2">
      <c r="A107" s="14">
        <v>84</v>
      </c>
      <c r="B107" s="15">
        <v>12</v>
      </c>
      <c r="C107" s="16">
        <v>26</v>
      </c>
      <c r="D107" s="17">
        <v>38</v>
      </c>
    </row>
    <row r="108" spans="1:4" ht="18" customHeight="1" x14ac:dyDescent="0.2">
      <c r="A108" s="18" t="s">
        <v>66</v>
      </c>
      <c r="B108" s="15">
        <v>61</v>
      </c>
      <c r="C108" s="16">
        <v>123</v>
      </c>
      <c r="D108" s="17">
        <v>184</v>
      </c>
    </row>
    <row r="109" spans="1:4" ht="18" customHeight="1" x14ac:dyDescent="0.2">
      <c r="A109" s="14">
        <v>85</v>
      </c>
      <c r="B109" s="15">
        <v>7</v>
      </c>
      <c r="C109" s="16">
        <v>33</v>
      </c>
      <c r="D109" s="17">
        <v>40</v>
      </c>
    </row>
    <row r="110" spans="1:4" ht="18" customHeight="1" x14ac:dyDescent="0.2">
      <c r="A110" s="14">
        <v>86</v>
      </c>
      <c r="B110" s="15">
        <v>11</v>
      </c>
      <c r="C110" s="16">
        <v>20</v>
      </c>
      <c r="D110" s="17">
        <v>31</v>
      </c>
    </row>
    <row r="111" spans="1:4" ht="18" customHeight="1" x14ac:dyDescent="0.2">
      <c r="A111" s="14">
        <v>87</v>
      </c>
      <c r="B111" s="15">
        <v>11</v>
      </c>
      <c r="C111" s="16">
        <v>9</v>
      </c>
      <c r="D111" s="17">
        <v>20</v>
      </c>
    </row>
    <row r="112" spans="1:4" ht="18" customHeight="1" x14ac:dyDescent="0.2">
      <c r="A112" s="14">
        <v>88</v>
      </c>
      <c r="B112" s="15">
        <v>6</v>
      </c>
      <c r="C112" s="16">
        <v>19</v>
      </c>
      <c r="D112" s="17">
        <v>25</v>
      </c>
    </row>
    <row r="113" spans="1:4" ht="18" customHeight="1" x14ac:dyDescent="0.2">
      <c r="A113" s="14">
        <v>89</v>
      </c>
      <c r="B113" s="15">
        <v>5</v>
      </c>
      <c r="C113" s="16">
        <v>18</v>
      </c>
      <c r="D113" s="17">
        <v>23</v>
      </c>
    </row>
    <row r="114" spans="1:4" ht="18" customHeight="1" x14ac:dyDescent="0.2">
      <c r="A114" s="18" t="s">
        <v>67</v>
      </c>
      <c r="B114" s="15">
        <v>40</v>
      </c>
      <c r="C114" s="16">
        <v>99</v>
      </c>
      <c r="D114" s="17">
        <v>139</v>
      </c>
    </row>
    <row r="115" spans="1:4" ht="18" customHeight="1" x14ac:dyDescent="0.2">
      <c r="A115" s="14">
        <v>90</v>
      </c>
      <c r="B115" s="15">
        <v>5</v>
      </c>
      <c r="C115" s="16">
        <v>15</v>
      </c>
      <c r="D115" s="17">
        <v>20</v>
      </c>
    </row>
    <row r="116" spans="1:4" ht="18" customHeight="1" x14ac:dyDescent="0.2">
      <c r="A116" s="14">
        <v>91</v>
      </c>
      <c r="B116" s="15">
        <v>6</v>
      </c>
      <c r="C116" s="16">
        <v>12</v>
      </c>
      <c r="D116" s="17">
        <v>18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5</v>
      </c>
      <c r="D119" s="17">
        <v>7</v>
      </c>
    </row>
    <row r="120" spans="1:4" ht="18" customHeight="1" x14ac:dyDescent="0.2">
      <c r="A120" s="18" t="s">
        <v>68</v>
      </c>
      <c r="B120" s="15">
        <v>19</v>
      </c>
      <c r="C120" s="16">
        <v>54</v>
      </c>
      <c r="D120" s="17">
        <v>73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494</v>
      </c>
      <c r="C130" s="5">
        <v>734</v>
      </c>
      <c r="D130" s="6">
        <v>1228</v>
      </c>
    </row>
    <row r="131" spans="1:4" ht="18" customHeight="1" x14ac:dyDescent="0.2">
      <c r="A131" s="20" t="s">
        <v>47</v>
      </c>
      <c r="B131" s="7">
        <v>2151</v>
      </c>
      <c r="C131" s="8">
        <v>2265</v>
      </c>
      <c r="D131" s="9">
        <v>44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3</v>
      </c>
      <c r="C5" s="12">
        <v>18</v>
      </c>
      <c r="D5" s="13">
        <v>31</v>
      </c>
    </row>
    <row r="6" spans="1:10" ht="18" customHeight="1" x14ac:dyDescent="0.2">
      <c r="A6" s="14">
        <v>1</v>
      </c>
      <c r="B6" s="15">
        <v>8</v>
      </c>
      <c r="C6" s="16">
        <v>17</v>
      </c>
      <c r="D6" s="17">
        <v>25</v>
      </c>
    </row>
    <row r="7" spans="1:10" ht="18" customHeight="1" x14ac:dyDescent="0.2">
      <c r="A7" s="14">
        <v>2</v>
      </c>
      <c r="B7" s="15">
        <v>15</v>
      </c>
      <c r="C7" s="16">
        <v>9</v>
      </c>
      <c r="D7" s="17">
        <v>24</v>
      </c>
    </row>
    <row r="8" spans="1:10" ht="18" customHeight="1" x14ac:dyDescent="0.2">
      <c r="A8" s="14">
        <v>3</v>
      </c>
      <c r="B8" s="15">
        <v>19</v>
      </c>
      <c r="C8" s="16">
        <v>18</v>
      </c>
      <c r="D8" s="17">
        <v>37</v>
      </c>
    </row>
    <row r="9" spans="1:10" ht="18" customHeight="1" x14ac:dyDescent="0.2">
      <c r="A9" s="14">
        <v>4</v>
      </c>
      <c r="B9" s="15">
        <v>24</v>
      </c>
      <c r="C9" s="16">
        <v>21</v>
      </c>
      <c r="D9" s="17">
        <v>45</v>
      </c>
    </row>
    <row r="10" spans="1:10" ht="18" customHeight="1" x14ac:dyDescent="0.2">
      <c r="A10" s="18" t="s">
        <v>48</v>
      </c>
      <c r="B10" s="15">
        <v>79</v>
      </c>
      <c r="C10" s="16">
        <v>83</v>
      </c>
      <c r="D10" s="17">
        <v>162</v>
      </c>
    </row>
    <row r="11" spans="1:10" ht="18" customHeight="1" x14ac:dyDescent="0.2">
      <c r="A11" s="14">
        <v>5</v>
      </c>
      <c r="B11" s="15">
        <v>22</v>
      </c>
      <c r="C11" s="16">
        <v>13</v>
      </c>
      <c r="D11" s="17">
        <v>35</v>
      </c>
    </row>
    <row r="12" spans="1:10" ht="18" customHeight="1" x14ac:dyDescent="0.2">
      <c r="A12" s="14">
        <v>6</v>
      </c>
      <c r="B12" s="15">
        <v>25</v>
      </c>
      <c r="C12" s="16">
        <v>26</v>
      </c>
      <c r="D12" s="17">
        <v>51</v>
      </c>
    </row>
    <row r="13" spans="1:10" ht="18" customHeight="1" x14ac:dyDescent="0.2">
      <c r="A13" s="14">
        <v>7</v>
      </c>
      <c r="B13" s="15">
        <v>28</v>
      </c>
      <c r="C13" s="16">
        <v>21</v>
      </c>
      <c r="D13" s="17">
        <v>49</v>
      </c>
    </row>
    <row r="14" spans="1:10" ht="18" customHeight="1" x14ac:dyDescent="0.2">
      <c r="A14" s="14">
        <v>8</v>
      </c>
      <c r="B14" s="15">
        <v>28</v>
      </c>
      <c r="C14" s="16">
        <v>20</v>
      </c>
      <c r="D14" s="17">
        <v>48</v>
      </c>
    </row>
    <row r="15" spans="1:10" ht="18" customHeight="1" x14ac:dyDescent="0.2">
      <c r="A15" s="14">
        <v>9</v>
      </c>
      <c r="B15" s="15">
        <v>22</v>
      </c>
      <c r="C15" s="16">
        <v>19</v>
      </c>
      <c r="D15" s="17">
        <v>41</v>
      </c>
    </row>
    <row r="16" spans="1:10" ht="18" customHeight="1" x14ac:dyDescent="0.2">
      <c r="A16" s="18" t="s">
        <v>49</v>
      </c>
      <c r="B16" s="15">
        <v>125</v>
      </c>
      <c r="C16" s="16">
        <v>99</v>
      </c>
      <c r="D16" s="17">
        <v>224</v>
      </c>
    </row>
    <row r="17" spans="1:4" ht="18" customHeight="1" x14ac:dyDescent="0.2">
      <c r="A17" s="14">
        <v>10</v>
      </c>
      <c r="B17" s="15">
        <v>27</v>
      </c>
      <c r="C17" s="16">
        <v>22</v>
      </c>
      <c r="D17" s="17">
        <v>49</v>
      </c>
    </row>
    <row r="18" spans="1:4" ht="18" customHeight="1" x14ac:dyDescent="0.2">
      <c r="A18" s="14">
        <v>11</v>
      </c>
      <c r="B18" s="15">
        <v>23</v>
      </c>
      <c r="C18" s="16">
        <v>34</v>
      </c>
      <c r="D18" s="17">
        <v>57</v>
      </c>
    </row>
    <row r="19" spans="1:4" ht="18" customHeight="1" x14ac:dyDescent="0.2">
      <c r="A19" s="14">
        <v>12</v>
      </c>
      <c r="B19" s="15">
        <v>19</v>
      </c>
      <c r="C19" s="16">
        <v>23</v>
      </c>
      <c r="D19" s="17">
        <v>42</v>
      </c>
    </row>
    <row r="20" spans="1:4" ht="18" customHeight="1" x14ac:dyDescent="0.2">
      <c r="A20" s="14">
        <v>13</v>
      </c>
      <c r="B20" s="15">
        <v>15</v>
      </c>
      <c r="C20" s="16">
        <v>21</v>
      </c>
      <c r="D20" s="17">
        <v>36</v>
      </c>
    </row>
    <row r="21" spans="1:4" ht="18" customHeight="1" x14ac:dyDescent="0.2">
      <c r="A21" s="14">
        <v>14</v>
      </c>
      <c r="B21" s="15">
        <v>28</v>
      </c>
      <c r="C21" s="16">
        <v>35</v>
      </c>
      <c r="D21" s="17">
        <v>63</v>
      </c>
    </row>
    <row r="22" spans="1:4" ht="18" customHeight="1" x14ac:dyDescent="0.2">
      <c r="A22" s="18" t="s">
        <v>50</v>
      </c>
      <c r="B22" s="15">
        <v>112</v>
      </c>
      <c r="C22" s="16">
        <v>135</v>
      </c>
      <c r="D22" s="17">
        <v>247</v>
      </c>
    </row>
    <row r="23" spans="1:4" ht="18" customHeight="1" x14ac:dyDescent="0.2">
      <c r="A23" s="18" t="s">
        <v>51</v>
      </c>
      <c r="B23" s="15">
        <v>316</v>
      </c>
      <c r="C23" s="16">
        <v>317</v>
      </c>
      <c r="D23" s="17">
        <v>633</v>
      </c>
    </row>
    <row r="24" spans="1:4" ht="18" customHeight="1" x14ac:dyDescent="0.2">
      <c r="A24" s="14">
        <v>15</v>
      </c>
      <c r="B24" s="15">
        <v>22</v>
      </c>
      <c r="C24" s="16">
        <v>20</v>
      </c>
      <c r="D24" s="17">
        <v>42</v>
      </c>
    </row>
    <row r="25" spans="1:4" ht="18" customHeight="1" x14ac:dyDescent="0.2">
      <c r="A25" s="14">
        <v>16</v>
      </c>
      <c r="B25" s="15">
        <v>22</v>
      </c>
      <c r="C25" s="16">
        <v>22</v>
      </c>
      <c r="D25" s="17">
        <v>44</v>
      </c>
    </row>
    <row r="26" spans="1:4" ht="18" customHeight="1" x14ac:dyDescent="0.2">
      <c r="A26" s="14">
        <v>17</v>
      </c>
      <c r="B26" s="15">
        <v>27</v>
      </c>
      <c r="C26" s="16">
        <v>25</v>
      </c>
      <c r="D26" s="17">
        <v>52</v>
      </c>
    </row>
    <row r="27" spans="1:4" ht="18" customHeight="1" x14ac:dyDescent="0.2">
      <c r="A27" s="14">
        <v>18</v>
      </c>
      <c r="B27" s="15">
        <v>24</v>
      </c>
      <c r="C27" s="16">
        <v>27</v>
      </c>
      <c r="D27" s="17">
        <v>51</v>
      </c>
    </row>
    <row r="28" spans="1:4" ht="18" customHeight="1" x14ac:dyDescent="0.2">
      <c r="A28" s="14">
        <v>19</v>
      </c>
      <c r="B28" s="15">
        <v>21</v>
      </c>
      <c r="C28" s="16">
        <v>26</v>
      </c>
      <c r="D28" s="17">
        <v>47</v>
      </c>
    </row>
    <row r="29" spans="1:4" ht="18" customHeight="1" x14ac:dyDescent="0.2">
      <c r="A29" s="18" t="s">
        <v>52</v>
      </c>
      <c r="B29" s="15">
        <v>116</v>
      </c>
      <c r="C29" s="16">
        <v>120</v>
      </c>
      <c r="D29" s="17">
        <v>236</v>
      </c>
    </row>
    <row r="30" spans="1:4" ht="18" customHeight="1" x14ac:dyDescent="0.2">
      <c r="A30" s="14">
        <v>20</v>
      </c>
      <c r="B30" s="15">
        <v>25</v>
      </c>
      <c r="C30" s="16">
        <v>21</v>
      </c>
      <c r="D30" s="17">
        <v>46</v>
      </c>
    </row>
    <row r="31" spans="1:4" ht="18" customHeight="1" x14ac:dyDescent="0.2">
      <c r="A31" s="14">
        <v>21</v>
      </c>
      <c r="B31" s="15">
        <v>25</v>
      </c>
      <c r="C31" s="16">
        <v>28</v>
      </c>
      <c r="D31" s="17">
        <v>53</v>
      </c>
    </row>
    <row r="32" spans="1:4" ht="18" customHeight="1" x14ac:dyDescent="0.2">
      <c r="A32" s="14">
        <v>22</v>
      </c>
      <c r="B32" s="15">
        <v>21</v>
      </c>
      <c r="C32" s="16">
        <v>24</v>
      </c>
      <c r="D32" s="17">
        <v>45</v>
      </c>
    </row>
    <row r="33" spans="1:4" ht="18" customHeight="1" x14ac:dyDescent="0.2">
      <c r="A33" s="14">
        <v>23</v>
      </c>
      <c r="B33" s="15">
        <v>29</v>
      </c>
      <c r="C33" s="16">
        <v>16</v>
      </c>
      <c r="D33" s="17">
        <v>45</v>
      </c>
    </row>
    <row r="34" spans="1:4" ht="18" customHeight="1" x14ac:dyDescent="0.2">
      <c r="A34" s="14">
        <v>24</v>
      </c>
      <c r="B34" s="15">
        <v>24</v>
      </c>
      <c r="C34" s="16">
        <v>22</v>
      </c>
      <c r="D34" s="17">
        <v>46</v>
      </c>
    </row>
    <row r="35" spans="1:4" ht="18" customHeight="1" x14ac:dyDescent="0.2">
      <c r="A35" s="18" t="s">
        <v>53</v>
      </c>
      <c r="B35" s="15">
        <v>124</v>
      </c>
      <c r="C35" s="16">
        <v>111</v>
      </c>
      <c r="D35" s="17">
        <v>235</v>
      </c>
    </row>
    <row r="36" spans="1:4" ht="18" customHeight="1" x14ac:dyDescent="0.2">
      <c r="A36" s="14">
        <v>25</v>
      </c>
      <c r="B36" s="15">
        <v>27</v>
      </c>
      <c r="C36" s="16">
        <v>23</v>
      </c>
      <c r="D36" s="17">
        <v>50</v>
      </c>
    </row>
    <row r="37" spans="1:4" ht="18" customHeight="1" x14ac:dyDescent="0.2">
      <c r="A37" s="14">
        <v>26</v>
      </c>
      <c r="B37" s="15">
        <v>31</v>
      </c>
      <c r="C37" s="16">
        <v>20</v>
      </c>
      <c r="D37" s="17">
        <v>51</v>
      </c>
    </row>
    <row r="38" spans="1:4" ht="18" customHeight="1" x14ac:dyDescent="0.2">
      <c r="A38" s="14">
        <v>27</v>
      </c>
      <c r="B38" s="15">
        <v>25</v>
      </c>
      <c r="C38" s="16">
        <v>22</v>
      </c>
      <c r="D38" s="17">
        <v>47</v>
      </c>
    </row>
    <row r="39" spans="1:4" ht="18" customHeight="1" x14ac:dyDescent="0.2">
      <c r="A39" s="14">
        <v>28</v>
      </c>
      <c r="B39" s="15">
        <v>24</v>
      </c>
      <c r="C39" s="16">
        <v>29</v>
      </c>
      <c r="D39" s="17">
        <v>53</v>
      </c>
    </row>
    <row r="40" spans="1:4" ht="18" customHeight="1" x14ac:dyDescent="0.2">
      <c r="A40" s="14">
        <v>29</v>
      </c>
      <c r="B40" s="15">
        <v>29</v>
      </c>
      <c r="C40" s="16">
        <v>26</v>
      </c>
      <c r="D40" s="17">
        <v>55</v>
      </c>
    </row>
    <row r="41" spans="1:4" ht="18" customHeight="1" x14ac:dyDescent="0.2">
      <c r="A41" s="18" t="s">
        <v>54</v>
      </c>
      <c r="B41" s="15">
        <v>136</v>
      </c>
      <c r="C41" s="16">
        <v>120</v>
      </c>
      <c r="D41" s="17">
        <v>256</v>
      </c>
    </row>
    <row r="42" spans="1:4" ht="18" customHeight="1" x14ac:dyDescent="0.2">
      <c r="A42" s="14">
        <v>30</v>
      </c>
      <c r="B42" s="15">
        <v>35</v>
      </c>
      <c r="C42" s="16">
        <v>30</v>
      </c>
      <c r="D42" s="17">
        <v>65</v>
      </c>
    </row>
    <row r="43" spans="1:4" ht="18" customHeight="1" x14ac:dyDescent="0.2">
      <c r="A43" s="14">
        <v>31</v>
      </c>
      <c r="B43" s="15">
        <v>30</v>
      </c>
      <c r="C43" s="16">
        <v>26</v>
      </c>
      <c r="D43" s="17">
        <v>56</v>
      </c>
    </row>
    <row r="44" spans="1:4" ht="18" customHeight="1" x14ac:dyDescent="0.2">
      <c r="A44" s="14">
        <v>32</v>
      </c>
      <c r="B44" s="15">
        <v>30</v>
      </c>
      <c r="C44" s="16">
        <v>28</v>
      </c>
      <c r="D44" s="17">
        <v>58</v>
      </c>
    </row>
    <row r="45" spans="1:4" ht="18" customHeight="1" x14ac:dyDescent="0.2">
      <c r="A45" s="14">
        <v>33</v>
      </c>
      <c r="B45" s="15">
        <v>31</v>
      </c>
      <c r="C45" s="16">
        <v>29</v>
      </c>
      <c r="D45" s="17">
        <v>60</v>
      </c>
    </row>
    <row r="46" spans="1:4" ht="18" customHeight="1" x14ac:dyDescent="0.2">
      <c r="A46" s="14">
        <v>34</v>
      </c>
      <c r="B46" s="15">
        <v>33</v>
      </c>
      <c r="C46" s="16">
        <v>31</v>
      </c>
      <c r="D46" s="17">
        <v>64</v>
      </c>
    </row>
    <row r="47" spans="1:4" ht="18" customHeight="1" x14ac:dyDescent="0.2">
      <c r="A47" s="18" t="s">
        <v>55</v>
      </c>
      <c r="B47" s="15">
        <v>159</v>
      </c>
      <c r="C47" s="16">
        <v>144</v>
      </c>
      <c r="D47" s="17">
        <v>303</v>
      </c>
    </row>
    <row r="48" spans="1:4" ht="18" customHeight="1" x14ac:dyDescent="0.2">
      <c r="A48" s="14">
        <v>35</v>
      </c>
      <c r="B48" s="15">
        <v>42</v>
      </c>
      <c r="C48" s="16">
        <v>29</v>
      </c>
      <c r="D48" s="17">
        <v>71</v>
      </c>
    </row>
    <row r="49" spans="1:4" ht="18" customHeight="1" x14ac:dyDescent="0.2">
      <c r="A49" s="14">
        <v>36</v>
      </c>
      <c r="B49" s="15">
        <v>30</v>
      </c>
      <c r="C49" s="16">
        <v>30</v>
      </c>
      <c r="D49" s="17">
        <v>60</v>
      </c>
    </row>
    <row r="50" spans="1:4" ht="18" customHeight="1" x14ac:dyDescent="0.2">
      <c r="A50" s="14">
        <v>37</v>
      </c>
      <c r="B50" s="15">
        <v>40</v>
      </c>
      <c r="C50" s="16">
        <v>33</v>
      </c>
      <c r="D50" s="17">
        <v>73</v>
      </c>
    </row>
    <row r="51" spans="1:4" ht="18" customHeight="1" x14ac:dyDescent="0.2">
      <c r="A51" s="14">
        <v>38</v>
      </c>
      <c r="B51" s="15">
        <v>25</v>
      </c>
      <c r="C51" s="16">
        <v>22</v>
      </c>
      <c r="D51" s="17">
        <v>47</v>
      </c>
    </row>
    <row r="52" spans="1:4" ht="18" customHeight="1" x14ac:dyDescent="0.2">
      <c r="A52" s="14">
        <v>39</v>
      </c>
      <c r="B52" s="15">
        <v>35</v>
      </c>
      <c r="C52" s="16">
        <v>26</v>
      </c>
      <c r="D52" s="17">
        <v>61</v>
      </c>
    </row>
    <row r="53" spans="1:4" ht="18" customHeight="1" x14ac:dyDescent="0.2">
      <c r="A53" s="18" t="s">
        <v>56</v>
      </c>
      <c r="B53" s="15">
        <v>172</v>
      </c>
      <c r="C53" s="16">
        <v>140</v>
      </c>
      <c r="D53" s="17">
        <v>312</v>
      </c>
    </row>
    <row r="54" spans="1:4" ht="18" customHeight="1" x14ac:dyDescent="0.2">
      <c r="A54" s="14">
        <v>40</v>
      </c>
      <c r="B54" s="15">
        <v>24</v>
      </c>
      <c r="C54" s="16">
        <v>41</v>
      </c>
      <c r="D54" s="17">
        <v>65</v>
      </c>
    </row>
    <row r="55" spans="1:4" ht="18" customHeight="1" x14ac:dyDescent="0.2">
      <c r="A55" s="14">
        <v>41</v>
      </c>
      <c r="B55" s="15">
        <v>34</v>
      </c>
      <c r="C55" s="16">
        <v>32</v>
      </c>
      <c r="D55" s="17">
        <v>66</v>
      </c>
    </row>
    <row r="56" spans="1:4" ht="18" customHeight="1" x14ac:dyDescent="0.2">
      <c r="A56" s="14">
        <v>42</v>
      </c>
      <c r="B56" s="15">
        <v>51</v>
      </c>
      <c r="C56" s="16">
        <v>29</v>
      </c>
      <c r="D56" s="17">
        <v>80</v>
      </c>
    </row>
    <row r="57" spans="1:4" ht="18" customHeight="1" x14ac:dyDescent="0.2">
      <c r="A57" s="14">
        <v>43</v>
      </c>
      <c r="B57" s="15">
        <v>36</v>
      </c>
      <c r="C57" s="16">
        <v>34</v>
      </c>
      <c r="D57" s="17">
        <v>70</v>
      </c>
    </row>
    <row r="58" spans="1:4" ht="18" customHeight="1" x14ac:dyDescent="0.2">
      <c r="A58" s="14">
        <v>44</v>
      </c>
      <c r="B58" s="15">
        <v>39</v>
      </c>
      <c r="C58" s="16">
        <v>45</v>
      </c>
      <c r="D58" s="17">
        <v>84</v>
      </c>
    </row>
    <row r="59" spans="1:4" ht="18" customHeight="1" x14ac:dyDescent="0.2">
      <c r="A59" s="18" t="s">
        <v>57</v>
      </c>
      <c r="B59" s="15">
        <v>184</v>
      </c>
      <c r="C59" s="16">
        <v>181</v>
      </c>
      <c r="D59" s="17">
        <v>365</v>
      </c>
    </row>
    <row r="60" spans="1:4" ht="18" customHeight="1" x14ac:dyDescent="0.2">
      <c r="A60" s="14">
        <v>45</v>
      </c>
      <c r="B60" s="15">
        <v>51</v>
      </c>
      <c r="C60" s="16">
        <v>42</v>
      </c>
      <c r="D60" s="17">
        <v>93</v>
      </c>
    </row>
    <row r="61" spans="1:4" ht="18" customHeight="1" x14ac:dyDescent="0.2">
      <c r="A61" s="14">
        <v>46</v>
      </c>
      <c r="B61" s="15">
        <v>58</v>
      </c>
      <c r="C61" s="16">
        <v>36</v>
      </c>
      <c r="D61" s="17">
        <v>94</v>
      </c>
    </row>
    <row r="62" spans="1:4" ht="18" customHeight="1" x14ac:dyDescent="0.2">
      <c r="A62" s="14">
        <v>47</v>
      </c>
      <c r="B62" s="15">
        <v>46</v>
      </c>
      <c r="C62" s="16">
        <v>44</v>
      </c>
      <c r="D62" s="17">
        <v>90</v>
      </c>
    </row>
    <row r="63" spans="1:4" ht="18" customHeight="1" x14ac:dyDescent="0.2">
      <c r="A63" s="14">
        <v>48</v>
      </c>
      <c r="B63" s="15">
        <v>40</v>
      </c>
      <c r="C63" s="16">
        <v>34</v>
      </c>
      <c r="D63" s="17">
        <v>74</v>
      </c>
    </row>
    <row r="64" spans="1:4" ht="18" customHeight="1" x14ac:dyDescent="0.2">
      <c r="A64" s="14">
        <v>49</v>
      </c>
      <c r="B64" s="15">
        <v>47</v>
      </c>
      <c r="C64" s="16">
        <v>43</v>
      </c>
      <c r="D64" s="17">
        <v>90</v>
      </c>
    </row>
    <row r="65" spans="1:4" ht="18" customHeight="1" x14ac:dyDescent="0.2">
      <c r="A65" s="18" t="s">
        <v>58</v>
      </c>
      <c r="B65" s="15">
        <v>242</v>
      </c>
      <c r="C65" s="16">
        <v>199</v>
      </c>
      <c r="D65" s="17">
        <v>441</v>
      </c>
    </row>
    <row r="66" spans="1:4" ht="18" customHeight="1" x14ac:dyDescent="0.2">
      <c r="A66" s="14">
        <v>50</v>
      </c>
      <c r="B66" s="15">
        <v>39</v>
      </c>
      <c r="C66" s="16">
        <v>31</v>
      </c>
      <c r="D66" s="17">
        <v>70</v>
      </c>
    </row>
    <row r="67" spans="1:4" ht="18" customHeight="1" x14ac:dyDescent="0.2">
      <c r="A67" s="14">
        <v>51</v>
      </c>
      <c r="B67" s="15">
        <v>33</v>
      </c>
      <c r="C67" s="16">
        <v>30</v>
      </c>
      <c r="D67" s="17">
        <v>63</v>
      </c>
    </row>
    <row r="68" spans="1:4" ht="18" customHeight="1" x14ac:dyDescent="0.2">
      <c r="A68" s="14">
        <v>52</v>
      </c>
      <c r="B68" s="15">
        <v>17</v>
      </c>
      <c r="C68" s="16">
        <v>27</v>
      </c>
      <c r="D68" s="17">
        <v>44</v>
      </c>
    </row>
    <row r="69" spans="1:4" ht="18" customHeight="1" x14ac:dyDescent="0.2">
      <c r="A69" s="14">
        <v>53</v>
      </c>
      <c r="B69" s="15">
        <v>33</v>
      </c>
      <c r="C69" s="16">
        <v>42</v>
      </c>
      <c r="D69" s="17">
        <v>75</v>
      </c>
    </row>
    <row r="70" spans="1:4" ht="18" customHeight="1" x14ac:dyDescent="0.2">
      <c r="A70" s="14">
        <v>54</v>
      </c>
      <c r="B70" s="15">
        <v>41</v>
      </c>
      <c r="C70" s="16">
        <v>34</v>
      </c>
      <c r="D70" s="17">
        <v>75</v>
      </c>
    </row>
    <row r="71" spans="1:4" ht="18" customHeight="1" x14ac:dyDescent="0.2">
      <c r="A71" s="18" t="s">
        <v>59</v>
      </c>
      <c r="B71" s="15">
        <v>163</v>
      </c>
      <c r="C71" s="16">
        <v>164</v>
      </c>
      <c r="D71" s="17">
        <v>327</v>
      </c>
    </row>
    <row r="72" spans="1:4" ht="18" customHeight="1" x14ac:dyDescent="0.2">
      <c r="A72" s="14">
        <v>55</v>
      </c>
      <c r="B72" s="15">
        <v>36</v>
      </c>
      <c r="C72" s="16">
        <v>28</v>
      </c>
      <c r="D72" s="17">
        <v>64</v>
      </c>
    </row>
    <row r="73" spans="1:4" ht="18" customHeight="1" x14ac:dyDescent="0.2">
      <c r="A73" s="14">
        <v>56</v>
      </c>
      <c r="B73" s="15">
        <v>39</v>
      </c>
      <c r="C73" s="16">
        <v>29</v>
      </c>
      <c r="D73" s="17">
        <v>68</v>
      </c>
    </row>
    <row r="74" spans="1:4" ht="18" customHeight="1" x14ac:dyDescent="0.2">
      <c r="A74" s="14">
        <v>57</v>
      </c>
      <c r="B74" s="15">
        <v>24</v>
      </c>
      <c r="C74" s="16">
        <v>27</v>
      </c>
      <c r="D74" s="17">
        <v>51</v>
      </c>
    </row>
    <row r="75" spans="1:4" ht="18" customHeight="1" x14ac:dyDescent="0.2">
      <c r="A75" s="14">
        <v>58</v>
      </c>
      <c r="B75" s="15">
        <v>29</v>
      </c>
      <c r="C75" s="16">
        <v>29</v>
      </c>
      <c r="D75" s="17">
        <v>58</v>
      </c>
    </row>
    <row r="76" spans="1:4" ht="18" customHeight="1" x14ac:dyDescent="0.2">
      <c r="A76" s="14">
        <v>59</v>
      </c>
      <c r="B76" s="15">
        <v>22</v>
      </c>
      <c r="C76" s="16">
        <v>35</v>
      </c>
      <c r="D76" s="17">
        <v>57</v>
      </c>
    </row>
    <row r="77" spans="1:4" ht="18" customHeight="1" x14ac:dyDescent="0.2">
      <c r="A77" s="18" t="s">
        <v>60</v>
      </c>
      <c r="B77" s="15">
        <v>150</v>
      </c>
      <c r="C77" s="16">
        <v>148</v>
      </c>
      <c r="D77" s="17">
        <v>298</v>
      </c>
    </row>
    <row r="78" spans="1:4" ht="18" customHeight="1" x14ac:dyDescent="0.2">
      <c r="A78" s="14">
        <v>60</v>
      </c>
      <c r="B78" s="15">
        <v>35</v>
      </c>
      <c r="C78" s="16">
        <v>45</v>
      </c>
      <c r="D78" s="17">
        <v>80</v>
      </c>
    </row>
    <row r="79" spans="1:4" ht="18" customHeight="1" x14ac:dyDescent="0.2">
      <c r="A79" s="14">
        <v>61</v>
      </c>
      <c r="B79" s="15">
        <v>37</v>
      </c>
      <c r="C79" s="16">
        <v>29</v>
      </c>
      <c r="D79" s="17">
        <v>66</v>
      </c>
    </row>
    <row r="80" spans="1:4" ht="18" customHeight="1" x14ac:dyDescent="0.2">
      <c r="A80" s="14">
        <v>62</v>
      </c>
      <c r="B80" s="15">
        <v>42</v>
      </c>
      <c r="C80" s="16">
        <v>45</v>
      </c>
      <c r="D80" s="17">
        <v>87</v>
      </c>
    </row>
    <row r="81" spans="1:4" ht="18" customHeight="1" x14ac:dyDescent="0.2">
      <c r="A81" s="14">
        <v>63</v>
      </c>
      <c r="B81" s="15">
        <v>36</v>
      </c>
      <c r="C81" s="16">
        <v>43</v>
      </c>
      <c r="D81" s="17">
        <v>79</v>
      </c>
    </row>
    <row r="82" spans="1:4" ht="18" customHeight="1" x14ac:dyDescent="0.2">
      <c r="A82" s="14">
        <v>64</v>
      </c>
      <c r="B82" s="15">
        <v>33</v>
      </c>
      <c r="C82" s="16">
        <v>38</v>
      </c>
      <c r="D82" s="17">
        <v>71</v>
      </c>
    </row>
    <row r="83" spans="1:4" ht="18" customHeight="1" x14ac:dyDescent="0.2">
      <c r="A83" s="18" t="s">
        <v>61</v>
      </c>
      <c r="B83" s="15">
        <v>183</v>
      </c>
      <c r="C83" s="16">
        <v>200</v>
      </c>
      <c r="D83" s="17">
        <v>383</v>
      </c>
    </row>
    <row r="84" spans="1:4" ht="18" customHeight="1" x14ac:dyDescent="0.2">
      <c r="A84" s="18" t="s">
        <v>62</v>
      </c>
      <c r="B84" s="15">
        <v>1629</v>
      </c>
      <c r="C84" s="16">
        <v>1527</v>
      </c>
      <c r="D84" s="17">
        <v>3156</v>
      </c>
    </row>
    <row r="85" spans="1:4" ht="18" customHeight="1" x14ac:dyDescent="0.2">
      <c r="A85" s="14">
        <v>65</v>
      </c>
      <c r="B85" s="15">
        <v>44</v>
      </c>
      <c r="C85" s="16">
        <v>49</v>
      </c>
      <c r="D85" s="17">
        <v>93</v>
      </c>
    </row>
    <row r="86" spans="1:4" ht="18" customHeight="1" x14ac:dyDescent="0.2">
      <c r="A86" s="14">
        <v>66</v>
      </c>
      <c r="B86" s="15">
        <v>40</v>
      </c>
      <c r="C86" s="16">
        <v>41</v>
      </c>
      <c r="D86" s="17">
        <v>81</v>
      </c>
    </row>
    <row r="87" spans="1:4" ht="18" customHeight="1" x14ac:dyDescent="0.2">
      <c r="A87" s="14">
        <v>67</v>
      </c>
      <c r="B87" s="15">
        <v>47</v>
      </c>
      <c r="C87" s="16">
        <v>43</v>
      </c>
      <c r="D87" s="17">
        <v>90</v>
      </c>
    </row>
    <row r="88" spans="1:4" ht="18" customHeight="1" x14ac:dyDescent="0.2">
      <c r="A88" s="14">
        <v>68</v>
      </c>
      <c r="B88" s="15">
        <v>66</v>
      </c>
      <c r="C88" s="16">
        <v>59</v>
      </c>
      <c r="D88" s="17">
        <v>125</v>
      </c>
    </row>
    <row r="89" spans="1:4" ht="18" customHeight="1" x14ac:dyDescent="0.2">
      <c r="A89" s="14">
        <v>69</v>
      </c>
      <c r="B89" s="15">
        <v>73</v>
      </c>
      <c r="C89" s="16">
        <v>77</v>
      </c>
      <c r="D89" s="17">
        <v>150</v>
      </c>
    </row>
    <row r="90" spans="1:4" ht="18" customHeight="1" x14ac:dyDescent="0.2">
      <c r="A90" s="18" t="s">
        <v>63</v>
      </c>
      <c r="B90" s="15">
        <v>270</v>
      </c>
      <c r="C90" s="16">
        <v>269</v>
      </c>
      <c r="D90" s="17">
        <v>539</v>
      </c>
    </row>
    <row r="91" spans="1:4" ht="18" customHeight="1" x14ac:dyDescent="0.2">
      <c r="A91" s="14">
        <v>70</v>
      </c>
      <c r="B91" s="15">
        <v>56</v>
      </c>
      <c r="C91" s="16">
        <v>60</v>
      </c>
      <c r="D91" s="17">
        <v>116</v>
      </c>
    </row>
    <row r="92" spans="1:4" ht="18" customHeight="1" x14ac:dyDescent="0.2">
      <c r="A92" s="14">
        <v>71</v>
      </c>
      <c r="B92" s="15">
        <v>60</v>
      </c>
      <c r="C92" s="16">
        <v>82</v>
      </c>
      <c r="D92" s="17">
        <v>142</v>
      </c>
    </row>
    <row r="93" spans="1:4" ht="18" customHeight="1" x14ac:dyDescent="0.2">
      <c r="A93" s="14">
        <v>72</v>
      </c>
      <c r="B93" s="15">
        <v>38</v>
      </c>
      <c r="C93" s="16">
        <v>44</v>
      </c>
      <c r="D93" s="17">
        <v>82</v>
      </c>
    </row>
    <row r="94" spans="1:4" ht="18" customHeight="1" x14ac:dyDescent="0.2">
      <c r="A94" s="14">
        <v>73</v>
      </c>
      <c r="B94" s="15">
        <v>37</v>
      </c>
      <c r="C94" s="16">
        <v>48</v>
      </c>
      <c r="D94" s="17">
        <v>85</v>
      </c>
    </row>
    <row r="95" spans="1:4" ht="18" customHeight="1" x14ac:dyDescent="0.2">
      <c r="A95" s="14">
        <v>74</v>
      </c>
      <c r="B95" s="15">
        <v>48</v>
      </c>
      <c r="C95" s="16">
        <v>64</v>
      </c>
      <c r="D95" s="17">
        <v>112</v>
      </c>
    </row>
    <row r="96" spans="1:4" ht="18" customHeight="1" x14ac:dyDescent="0.2">
      <c r="A96" s="18" t="s">
        <v>64</v>
      </c>
      <c r="B96" s="15">
        <v>239</v>
      </c>
      <c r="C96" s="16">
        <v>298</v>
      </c>
      <c r="D96" s="17">
        <v>537</v>
      </c>
    </row>
    <row r="97" spans="1:4" ht="18" customHeight="1" x14ac:dyDescent="0.2">
      <c r="A97" s="14">
        <v>75</v>
      </c>
      <c r="B97" s="15">
        <v>55</v>
      </c>
      <c r="C97" s="16">
        <v>62</v>
      </c>
      <c r="D97" s="17">
        <v>117</v>
      </c>
    </row>
    <row r="98" spans="1:4" ht="18" customHeight="1" x14ac:dyDescent="0.2">
      <c r="A98" s="14">
        <v>76</v>
      </c>
      <c r="B98" s="15">
        <v>43</v>
      </c>
      <c r="C98" s="16">
        <v>54</v>
      </c>
      <c r="D98" s="17">
        <v>97</v>
      </c>
    </row>
    <row r="99" spans="1:4" ht="18" customHeight="1" x14ac:dyDescent="0.2">
      <c r="A99" s="14">
        <v>77</v>
      </c>
      <c r="B99" s="15">
        <v>51</v>
      </c>
      <c r="C99" s="16">
        <v>42</v>
      </c>
      <c r="D99" s="17">
        <v>93</v>
      </c>
    </row>
    <row r="100" spans="1:4" ht="18" customHeight="1" x14ac:dyDescent="0.2">
      <c r="A100" s="14">
        <v>78</v>
      </c>
      <c r="B100" s="15">
        <v>38</v>
      </c>
      <c r="C100" s="16">
        <v>51</v>
      </c>
      <c r="D100" s="17">
        <v>89</v>
      </c>
    </row>
    <row r="101" spans="1:4" ht="18" customHeight="1" x14ac:dyDescent="0.2">
      <c r="A101" s="14">
        <v>79</v>
      </c>
      <c r="B101" s="15">
        <v>35</v>
      </c>
      <c r="C101" s="16">
        <v>29</v>
      </c>
      <c r="D101" s="17">
        <v>64</v>
      </c>
    </row>
    <row r="102" spans="1:4" ht="18" customHeight="1" x14ac:dyDescent="0.2">
      <c r="A102" s="18" t="s">
        <v>65</v>
      </c>
      <c r="B102" s="15">
        <v>222</v>
      </c>
      <c r="C102" s="16">
        <v>238</v>
      </c>
      <c r="D102" s="17">
        <v>460</v>
      </c>
    </row>
    <row r="103" spans="1:4" ht="18" customHeight="1" x14ac:dyDescent="0.2">
      <c r="A103" s="14">
        <v>80</v>
      </c>
      <c r="B103" s="15">
        <v>28</v>
      </c>
      <c r="C103" s="16">
        <v>30</v>
      </c>
      <c r="D103" s="17">
        <v>58</v>
      </c>
    </row>
    <row r="104" spans="1:4" ht="18" customHeight="1" x14ac:dyDescent="0.2">
      <c r="A104" s="14">
        <v>81</v>
      </c>
      <c r="B104" s="15">
        <v>33</v>
      </c>
      <c r="C104" s="16">
        <v>39</v>
      </c>
      <c r="D104" s="17">
        <v>72</v>
      </c>
    </row>
    <row r="105" spans="1:4" ht="18" customHeight="1" x14ac:dyDescent="0.2">
      <c r="A105" s="14">
        <v>82</v>
      </c>
      <c r="B105" s="15">
        <v>30</v>
      </c>
      <c r="C105" s="16">
        <v>35</v>
      </c>
      <c r="D105" s="17">
        <v>65</v>
      </c>
    </row>
    <row r="106" spans="1:4" ht="18" customHeight="1" x14ac:dyDescent="0.2">
      <c r="A106" s="14">
        <v>83</v>
      </c>
      <c r="B106" s="15">
        <v>18</v>
      </c>
      <c r="C106" s="16">
        <v>30</v>
      </c>
      <c r="D106" s="17">
        <v>48</v>
      </c>
    </row>
    <row r="107" spans="1:4" ht="18" customHeight="1" x14ac:dyDescent="0.2">
      <c r="A107" s="14">
        <v>84</v>
      </c>
      <c r="B107" s="15">
        <v>29</v>
      </c>
      <c r="C107" s="16">
        <v>23</v>
      </c>
      <c r="D107" s="17">
        <v>52</v>
      </c>
    </row>
    <row r="108" spans="1:4" ht="18" customHeight="1" x14ac:dyDescent="0.2">
      <c r="A108" s="18" t="s">
        <v>66</v>
      </c>
      <c r="B108" s="15">
        <v>138</v>
      </c>
      <c r="C108" s="16">
        <v>157</v>
      </c>
      <c r="D108" s="17">
        <v>295</v>
      </c>
    </row>
    <row r="109" spans="1:4" ht="18" customHeight="1" x14ac:dyDescent="0.2">
      <c r="A109" s="14">
        <v>85</v>
      </c>
      <c r="B109" s="15">
        <v>11</v>
      </c>
      <c r="C109" s="16">
        <v>36</v>
      </c>
      <c r="D109" s="17">
        <v>47</v>
      </c>
    </row>
    <row r="110" spans="1:4" ht="18" customHeight="1" x14ac:dyDescent="0.2">
      <c r="A110" s="14">
        <v>86</v>
      </c>
      <c r="B110" s="15">
        <v>12</v>
      </c>
      <c r="C110" s="16">
        <v>34</v>
      </c>
      <c r="D110" s="17">
        <v>46</v>
      </c>
    </row>
    <row r="111" spans="1:4" ht="18" customHeight="1" x14ac:dyDescent="0.2">
      <c r="A111" s="14">
        <v>87</v>
      </c>
      <c r="B111" s="15">
        <v>12</v>
      </c>
      <c r="C111" s="16">
        <v>16</v>
      </c>
      <c r="D111" s="17">
        <v>28</v>
      </c>
    </row>
    <row r="112" spans="1:4" ht="18" customHeight="1" x14ac:dyDescent="0.2">
      <c r="A112" s="14">
        <v>88</v>
      </c>
      <c r="B112" s="15">
        <v>6</v>
      </c>
      <c r="C112" s="16">
        <v>25</v>
      </c>
      <c r="D112" s="17">
        <v>31</v>
      </c>
    </row>
    <row r="113" spans="1:4" ht="18" customHeight="1" x14ac:dyDescent="0.2">
      <c r="A113" s="14">
        <v>89</v>
      </c>
      <c r="B113" s="15">
        <v>8</v>
      </c>
      <c r="C113" s="16">
        <v>29</v>
      </c>
      <c r="D113" s="17">
        <v>37</v>
      </c>
    </row>
    <row r="114" spans="1:4" ht="18" customHeight="1" x14ac:dyDescent="0.2">
      <c r="A114" s="18" t="s">
        <v>67</v>
      </c>
      <c r="B114" s="15">
        <v>49</v>
      </c>
      <c r="C114" s="16">
        <v>140</v>
      </c>
      <c r="D114" s="17">
        <v>189</v>
      </c>
    </row>
    <row r="115" spans="1:4" ht="18" customHeight="1" x14ac:dyDescent="0.2">
      <c r="A115" s="14">
        <v>90</v>
      </c>
      <c r="B115" s="15">
        <v>19</v>
      </c>
      <c r="C115" s="16">
        <v>24</v>
      </c>
      <c r="D115" s="17">
        <v>43</v>
      </c>
    </row>
    <row r="116" spans="1:4" ht="18" customHeight="1" x14ac:dyDescent="0.2">
      <c r="A116" s="14">
        <v>91</v>
      </c>
      <c r="B116" s="15">
        <v>10</v>
      </c>
      <c r="C116" s="16">
        <v>18</v>
      </c>
      <c r="D116" s="17">
        <v>28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35</v>
      </c>
      <c r="C120" s="16">
        <v>65</v>
      </c>
      <c r="D120" s="17">
        <v>100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69</v>
      </c>
      <c r="B126" s="15">
        <v>5</v>
      </c>
      <c r="C126" s="16">
        <v>24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958</v>
      </c>
      <c r="C130" s="5">
        <v>1192</v>
      </c>
      <c r="D130" s="6">
        <v>2150</v>
      </c>
    </row>
    <row r="131" spans="1:4" ht="18" customHeight="1" x14ac:dyDescent="0.2">
      <c r="A131" s="20" t="s">
        <v>47</v>
      </c>
      <c r="B131" s="7">
        <v>2903</v>
      </c>
      <c r="C131" s="8">
        <v>3036</v>
      </c>
      <c r="D131" s="9">
        <v>59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4</v>
      </c>
      <c r="C5" s="12">
        <v>66</v>
      </c>
      <c r="D5" s="13">
        <v>120</v>
      </c>
    </row>
    <row r="6" spans="1:10" ht="18" customHeight="1" x14ac:dyDescent="0.2">
      <c r="A6" s="14">
        <v>1</v>
      </c>
      <c r="B6" s="15">
        <v>67</v>
      </c>
      <c r="C6" s="16">
        <v>60</v>
      </c>
      <c r="D6" s="17">
        <v>127</v>
      </c>
    </row>
    <row r="7" spans="1:10" ht="18" customHeight="1" x14ac:dyDescent="0.2">
      <c r="A7" s="14">
        <v>2</v>
      </c>
      <c r="B7" s="15">
        <v>69</v>
      </c>
      <c r="C7" s="16">
        <v>61</v>
      </c>
      <c r="D7" s="17">
        <v>130</v>
      </c>
    </row>
    <row r="8" spans="1:10" ht="18" customHeight="1" x14ac:dyDescent="0.2">
      <c r="A8" s="14">
        <v>3</v>
      </c>
      <c r="B8" s="15">
        <v>72</v>
      </c>
      <c r="C8" s="16">
        <v>60</v>
      </c>
      <c r="D8" s="17">
        <v>132</v>
      </c>
    </row>
    <row r="9" spans="1:10" ht="18" customHeight="1" x14ac:dyDescent="0.2">
      <c r="A9" s="14">
        <v>4</v>
      </c>
      <c r="B9" s="15">
        <v>61</v>
      </c>
      <c r="C9" s="16">
        <v>53</v>
      </c>
      <c r="D9" s="17">
        <v>114</v>
      </c>
    </row>
    <row r="10" spans="1:10" ht="18" customHeight="1" x14ac:dyDescent="0.2">
      <c r="A10" s="18" t="s">
        <v>48</v>
      </c>
      <c r="B10" s="15">
        <v>323</v>
      </c>
      <c r="C10" s="16">
        <v>300</v>
      </c>
      <c r="D10" s="17">
        <v>623</v>
      </c>
    </row>
    <row r="11" spans="1:10" ht="18" customHeight="1" x14ac:dyDescent="0.2">
      <c r="A11" s="14">
        <v>5</v>
      </c>
      <c r="B11" s="15">
        <v>58</v>
      </c>
      <c r="C11" s="16">
        <v>64</v>
      </c>
      <c r="D11" s="17">
        <v>122</v>
      </c>
    </row>
    <row r="12" spans="1:10" ht="18" customHeight="1" x14ac:dyDescent="0.2">
      <c r="A12" s="14">
        <v>6</v>
      </c>
      <c r="B12" s="15">
        <v>62</v>
      </c>
      <c r="C12" s="16">
        <v>54</v>
      </c>
      <c r="D12" s="17">
        <v>116</v>
      </c>
    </row>
    <row r="13" spans="1:10" ht="18" customHeight="1" x14ac:dyDescent="0.2">
      <c r="A13" s="14">
        <v>7</v>
      </c>
      <c r="B13" s="15">
        <v>66</v>
      </c>
      <c r="C13" s="16">
        <v>62</v>
      </c>
      <c r="D13" s="17">
        <v>128</v>
      </c>
    </row>
    <row r="14" spans="1:10" ht="18" customHeight="1" x14ac:dyDescent="0.2">
      <c r="A14" s="14">
        <v>8</v>
      </c>
      <c r="B14" s="15">
        <v>73</v>
      </c>
      <c r="C14" s="16">
        <v>67</v>
      </c>
      <c r="D14" s="17">
        <v>140</v>
      </c>
    </row>
    <row r="15" spans="1:10" ht="18" customHeight="1" x14ac:dyDescent="0.2">
      <c r="A15" s="14">
        <v>9</v>
      </c>
      <c r="B15" s="15">
        <v>53</v>
      </c>
      <c r="C15" s="16">
        <v>64</v>
      </c>
      <c r="D15" s="17">
        <v>117</v>
      </c>
    </row>
    <row r="16" spans="1:10" ht="18" customHeight="1" x14ac:dyDescent="0.2">
      <c r="A16" s="18" t="s">
        <v>49</v>
      </c>
      <c r="B16" s="15">
        <v>312</v>
      </c>
      <c r="C16" s="16">
        <v>311</v>
      </c>
      <c r="D16" s="17">
        <v>623</v>
      </c>
    </row>
    <row r="17" spans="1:4" ht="18" customHeight="1" x14ac:dyDescent="0.2">
      <c r="A17" s="14">
        <v>10</v>
      </c>
      <c r="B17" s="15">
        <v>52</v>
      </c>
      <c r="C17" s="16">
        <v>58</v>
      </c>
      <c r="D17" s="17">
        <v>110</v>
      </c>
    </row>
    <row r="18" spans="1:4" ht="18" customHeight="1" x14ac:dyDescent="0.2">
      <c r="A18" s="14">
        <v>11</v>
      </c>
      <c r="B18" s="15">
        <v>73</v>
      </c>
      <c r="C18" s="16">
        <v>63</v>
      </c>
      <c r="D18" s="17">
        <v>136</v>
      </c>
    </row>
    <row r="19" spans="1:4" ht="18" customHeight="1" x14ac:dyDescent="0.2">
      <c r="A19" s="14">
        <v>12</v>
      </c>
      <c r="B19" s="15">
        <v>76</v>
      </c>
      <c r="C19" s="16">
        <v>46</v>
      </c>
      <c r="D19" s="17">
        <v>122</v>
      </c>
    </row>
    <row r="20" spans="1:4" ht="18" customHeight="1" x14ac:dyDescent="0.2">
      <c r="A20" s="14">
        <v>13</v>
      </c>
      <c r="B20" s="15">
        <v>53</v>
      </c>
      <c r="C20" s="16">
        <v>68</v>
      </c>
      <c r="D20" s="17">
        <v>121</v>
      </c>
    </row>
    <row r="21" spans="1:4" ht="18" customHeight="1" x14ac:dyDescent="0.2">
      <c r="A21" s="14">
        <v>14</v>
      </c>
      <c r="B21" s="15">
        <v>52</v>
      </c>
      <c r="C21" s="16">
        <v>61</v>
      </c>
      <c r="D21" s="17">
        <v>113</v>
      </c>
    </row>
    <row r="22" spans="1:4" ht="18" customHeight="1" x14ac:dyDescent="0.2">
      <c r="A22" s="18" t="s">
        <v>50</v>
      </c>
      <c r="B22" s="15">
        <v>306</v>
      </c>
      <c r="C22" s="16">
        <v>296</v>
      </c>
      <c r="D22" s="17">
        <v>602</v>
      </c>
    </row>
    <row r="23" spans="1:4" ht="18" customHeight="1" x14ac:dyDescent="0.2">
      <c r="A23" s="18" t="s">
        <v>51</v>
      </c>
      <c r="B23" s="15">
        <v>941</v>
      </c>
      <c r="C23" s="16">
        <v>907</v>
      </c>
      <c r="D23" s="17">
        <v>1848</v>
      </c>
    </row>
    <row r="24" spans="1:4" ht="18" customHeight="1" x14ac:dyDescent="0.2">
      <c r="A24" s="14">
        <v>15</v>
      </c>
      <c r="B24" s="15">
        <v>40</v>
      </c>
      <c r="C24" s="16">
        <v>62</v>
      </c>
      <c r="D24" s="17">
        <v>102</v>
      </c>
    </row>
    <row r="25" spans="1:4" ht="18" customHeight="1" x14ac:dyDescent="0.2">
      <c r="A25" s="14">
        <v>16</v>
      </c>
      <c r="B25" s="15">
        <v>62</v>
      </c>
      <c r="C25" s="16">
        <v>64</v>
      </c>
      <c r="D25" s="17">
        <v>126</v>
      </c>
    </row>
    <row r="26" spans="1:4" ht="18" customHeight="1" x14ac:dyDescent="0.2">
      <c r="A26" s="14">
        <v>17</v>
      </c>
      <c r="B26" s="15">
        <v>64</v>
      </c>
      <c r="C26" s="16">
        <v>72</v>
      </c>
      <c r="D26" s="17">
        <v>136</v>
      </c>
    </row>
    <row r="27" spans="1:4" ht="18" customHeight="1" x14ac:dyDescent="0.2">
      <c r="A27" s="14">
        <v>18</v>
      </c>
      <c r="B27" s="15">
        <v>61</v>
      </c>
      <c r="C27" s="16">
        <v>67</v>
      </c>
      <c r="D27" s="17">
        <v>128</v>
      </c>
    </row>
    <row r="28" spans="1:4" ht="18" customHeight="1" x14ac:dyDescent="0.2">
      <c r="A28" s="14">
        <v>19</v>
      </c>
      <c r="B28" s="15">
        <v>59</v>
      </c>
      <c r="C28" s="16">
        <v>53</v>
      </c>
      <c r="D28" s="17">
        <v>112</v>
      </c>
    </row>
    <row r="29" spans="1:4" ht="18" customHeight="1" x14ac:dyDescent="0.2">
      <c r="A29" s="18" t="s">
        <v>52</v>
      </c>
      <c r="B29" s="15">
        <v>286</v>
      </c>
      <c r="C29" s="16">
        <v>318</v>
      </c>
      <c r="D29" s="17">
        <v>604</v>
      </c>
    </row>
    <row r="30" spans="1:4" ht="18" customHeight="1" x14ac:dyDescent="0.2">
      <c r="A30" s="14">
        <v>20</v>
      </c>
      <c r="B30" s="15">
        <v>56</v>
      </c>
      <c r="C30" s="16">
        <v>51</v>
      </c>
      <c r="D30" s="17">
        <v>107</v>
      </c>
    </row>
    <row r="31" spans="1:4" ht="18" customHeight="1" x14ac:dyDescent="0.2">
      <c r="A31" s="14">
        <v>21</v>
      </c>
      <c r="B31" s="15">
        <v>62</v>
      </c>
      <c r="C31" s="16">
        <v>59</v>
      </c>
      <c r="D31" s="17">
        <v>121</v>
      </c>
    </row>
    <row r="32" spans="1:4" ht="18" customHeight="1" x14ac:dyDescent="0.2">
      <c r="A32" s="14">
        <v>22</v>
      </c>
      <c r="B32" s="15">
        <v>55</v>
      </c>
      <c r="C32" s="16">
        <v>64</v>
      </c>
      <c r="D32" s="17">
        <v>119</v>
      </c>
    </row>
    <row r="33" spans="1:4" ht="18" customHeight="1" x14ac:dyDescent="0.2">
      <c r="A33" s="14">
        <v>23</v>
      </c>
      <c r="B33" s="15">
        <v>76</v>
      </c>
      <c r="C33" s="16">
        <v>68</v>
      </c>
      <c r="D33" s="17">
        <v>144</v>
      </c>
    </row>
    <row r="34" spans="1:4" ht="18" customHeight="1" x14ac:dyDescent="0.2">
      <c r="A34" s="14">
        <v>24</v>
      </c>
      <c r="B34" s="15">
        <v>72</v>
      </c>
      <c r="C34" s="16">
        <v>73</v>
      </c>
      <c r="D34" s="17">
        <v>145</v>
      </c>
    </row>
    <row r="35" spans="1:4" ht="18" customHeight="1" x14ac:dyDescent="0.2">
      <c r="A35" s="18" t="s">
        <v>53</v>
      </c>
      <c r="B35" s="15">
        <v>321</v>
      </c>
      <c r="C35" s="16">
        <v>315</v>
      </c>
      <c r="D35" s="17">
        <v>636</v>
      </c>
    </row>
    <row r="36" spans="1:4" ht="18" customHeight="1" x14ac:dyDescent="0.2">
      <c r="A36" s="14">
        <v>25</v>
      </c>
      <c r="B36" s="15">
        <v>88</v>
      </c>
      <c r="C36" s="16">
        <v>57</v>
      </c>
      <c r="D36" s="17">
        <v>145</v>
      </c>
    </row>
    <row r="37" spans="1:4" ht="18" customHeight="1" x14ac:dyDescent="0.2">
      <c r="A37" s="14">
        <v>26</v>
      </c>
      <c r="B37" s="15">
        <v>74</v>
      </c>
      <c r="C37" s="16">
        <v>92</v>
      </c>
      <c r="D37" s="17">
        <v>166</v>
      </c>
    </row>
    <row r="38" spans="1:4" ht="18" customHeight="1" x14ac:dyDescent="0.2">
      <c r="A38" s="14">
        <v>27</v>
      </c>
      <c r="B38" s="15">
        <v>89</v>
      </c>
      <c r="C38" s="16">
        <v>74</v>
      </c>
      <c r="D38" s="17">
        <v>163</v>
      </c>
    </row>
    <row r="39" spans="1:4" ht="18" customHeight="1" x14ac:dyDescent="0.2">
      <c r="A39" s="14">
        <v>28</v>
      </c>
      <c r="B39" s="15">
        <v>111</v>
      </c>
      <c r="C39" s="16">
        <v>89</v>
      </c>
      <c r="D39" s="17">
        <v>200</v>
      </c>
    </row>
    <row r="40" spans="1:4" ht="18" customHeight="1" x14ac:dyDescent="0.2">
      <c r="A40" s="14">
        <v>29</v>
      </c>
      <c r="B40" s="15">
        <v>98</v>
      </c>
      <c r="C40" s="16">
        <v>82</v>
      </c>
      <c r="D40" s="17">
        <v>180</v>
      </c>
    </row>
    <row r="41" spans="1:4" ht="18" customHeight="1" x14ac:dyDescent="0.2">
      <c r="A41" s="18" t="s">
        <v>54</v>
      </c>
      <c r="B41" s="15">
        <v>460</v>
      </c>
      <c r="C41" s="16">
        <v>394</v>
      </c>
      <c r="D41" s="17">
        <v>854</v>
      </c>
    </row>
    <row r="42" spans="1:4" ht="18" customHeight="1" x14ac:dyDescent="0.2">
      <c r="A42" s="14">
        <v>30</v>
      </c>
      <c r="B42" s="15">
        <v>82</v>
      </c>
      <c r="C42" s="16">
        <v>93</v>
      </c>
      <c r="D42" s="17">
        <v>175</v>
      </c>
    </row>
    <row r="43" spans="1:4" ht="18" customHeight="1" x14ac:dyDescent="0.2">
      <c r="A43" s="14">
        <v>31</v>
      </c>
      <c r="B43" s="15">
        <v>84</v>
      </c>
      <c r="C43" s="16">
        <v>77</v>
      </c>
      <c r="D43" s="17">
        <v>161</v>
      </c>
    </row>
    <row r="44" spans="1:4" ht="18" customHeight="1" x14ac:dyDescent="0.2">
      <c r="A44" s="14">
        <v>32</v>
      </c>
      <c r="B44" s="15">
        <v>103</v>
      </c>
      <c r="C44" s="16">
        <v>79</v>
      </c>
      <c r="D44" s="17">
        <v>182</v>
      </c>
    </row>
    <row r="45" spans="1:4" ht="18" customHeight="1" x14ac:dyDescent="0.2">
      <c r="A45" s="14">
        <v>33</v>
      </c>
      <c r="B45" s="15">
        <v>109</v>
      </c>
      <c r="C45" s="16">
        <v>88</v>
      </c>
      <c r="D45" s="17">
        <v>197</v>
      </c>
    </row>
    <row r="46" spans="1:4" ht="18" customHeight="1" x14ac:dyDescent="0.2">
      <c r="A46" s="14">
        <v>34</v>
      </c>
      <c r="B46" s="15">
        <v>104</v>
      </c>
      <c r="C46" s="16">
        <v>83</v>
      </c>
      <c r="D46" s="17">
        <v>187</v>
      </c>
    </row>
    <row r="47" spans="1:4" ht="18" customHeight="1" x14ac:dyDescent="0.2">
      <c r="A47" s="18" t="s">
        <v>55</v>
      </c>
      <c r="B47" s="15">
        <v>482</v>
      </c>
      <c r="C47" s="16">
        <v>420</v>
      </c>
      <c r="D47" s="17">
        <v>902</v>
      </c>
    </row>
    <row r="48" spans="1:4" ht="18" customHeight="1" x14ac:dyDescent="0.2">
      <c r="A48" s="14">
        <v>35</v>
      </c>
      <c r="B48" s="15">
        <v>98</v>
      </c>
      <c r="C48" s="16">
        <v>71</v>
      </c>
      <c r="D48" s="17">
        <v>169</v>
      </c>
    </row>
    <row r="49" spans="1:4" ht="18" customHeight="1" x14ac:dyDescent="0.2">
      <c r="A49" s="14">
        <v>36</v>
      </c>
      <c r="B49" s="15">
        <v>109</v>
      </c>
      <c r="C49" s="16">
        <v>94</v>
      </c>
      <c r="D49" s="17">
        <v>203</v>
      </c>
    </row>
    <row r="50" spans="1:4" ht="18" customHeight="1" x14ac:dyDescent="0.2">
      <c r="A50" s="14">
        <v>37</v>
      </c>
      <c r="B50" s="15">
        <v>96</v>
      </c>
      <c r="C50" s="16">
        <v>97</v>
      </c>
      <c r="D50" s="17">
        <v>193</v>
      </c>
    </row>
    <row r="51" spans="1:4" ht="18" customHeight="1" x14ac:dyDescent="0.2">
      <c r="A51" s="14">
        <v>38</v>
      </c>
      <c r="B51" s="15">
        <v>96</v>
      </c>
      <c r="C51" s="16">
        <v>98</v>
      </c>
      <c r="D51" s="17">
        <v>194</v>
      </c>
    </row>
    <row r="52" spans="1:4" ht="18" customHeight="1" x14ac:dyDescent="0.2">
      <c r="A52" s="14">
        <v>39</v>
      </c>
      <c r="B52" s="15">
        <v>101</v>
      </c>
      <c r="C52" s="16">
        <v>90</v>
      </c>
      <c r="D52" s="17">
        <v>191</v>
      </c>
    </row>
    <row r="53" spans="1:4" ht="18" customHeight="1" x14ac:dyDescent="0.2">
      <c r="A53" s="18" t="s">
        <v>56</v>
      </c>
      <c r="B53" s="15">
        <v>500</v>
      </c>
      <c r="C53" s="16">
        <v>450</v>
      </c>
      <c r="D53" s="17">
        <v>950</v>
      </c>
    </row>
    <row r="54" spans="1:4" ht="18" customHeight="1" x14ac:dyDescent="0.2">
      <c r="A54" s="14">
        <v>40</v>
      </c>
      <c r="B54" s="15">
        <v>116</v>
      </c>
      <c r="C54" s="16">
        <v>109</v>
      </c>
      <c r="D54" s="17">
        <v>225</v>
      </c>
    </row>
    <row r="55" spans="1:4" ht="18" customHeight="1" x14ac:dyDescent="0.2">
      <c r="A55" s="14">
        <v>41</v>
      </c>
      <c r="B55" s="15">
        <v>113</v>
      </c>
      <c r="C55" s="16">
        <v>87</v>
      </c>
      <c r="D55" s="17">
        <v>200</v>
      </c>
    </row>
    <row r="56" spans="1:4" ht="18" customHeight="1" x14ac:dyDescent="0.2">
      <c r="A56" s="14">
        <v>42</v>
      </c>
      <c r="B56" s="15">
        <v>108</v>
      </c>
      <c r="C56" s="16">
        <v>105</v>
      </c>
      <c r="D56" s="17">
        <v>213</v>
      </c>
    </row>
    <row r="57" spans="1:4" ht="18" customHeight="1" x14ac:dyDescent="0.2">
      <c r="A57" s="14">
        <v>43</v>
      </c>
      <c r="B57" s="15">
        <v>135</v>
      </c>
      <c r="C57" s="16">
        <v>120</v>
      </c>
      <c r="D57" s="17">
        <v>255</v>
      </c>
    </row>
    <row r="58" spans="1:4" ht="18" customHeight="1" x14ac:dyDescent="0.2">
      <c r="A58" s="14">
        <v>44</v>
      </c>
      <c r="B58" s="15">
        <v>115</v>
      </c>
      <c r="C58" s="16">
        <v>124</v>
      </c>
      <c r="D58" s="17">
        <v>239</v>
      </c>
    </row>
    <row r="59" spans="1:4" ht="18" customHeight="1" x14ac:dyDescent="0.2">
      <c r="A59" s="18" t="s">
        <v>57</v>
      </c>
      <c r="B59" s="15">
        <v>587</v>
      </c>
      <c r="C59" s="16">
        <v>545</v>
      </c>
      <c r="D59" s="17">
        <v>1132</v>
      </c>
    </row>
    <row r="60" spans="1:4" ht="18" customHeight="1" x14ac:dyDescent="0.2">
      <c r="A60" s="14">
        <v>45</v>
      </c>
      <c r="B60" s="15">
        <v>131</v>
      </c>
      <c r="C60" s="16">
        <v>117</v>
      </c>
      <c r="D60" s="17">
        <v>248</v>
      </c>
    </row>
    <row r="61" spans="1:4" ht="18" customHeight="1" x14ac:dyDescent="0.2">
      <c r="A61" s="14">
        <v>46</v>
      </c>
      <c r="B61" s="15">
        <v>113</v>
      </c>
      <c r="C61" s="16">
        <v>121</v>
      </c>
      <c r="D61" s="17">
        <v>234</v>
      </c>
    </row>
    <row r="62" spans="1:4" ht="18" customHeight="1" x14ac:dyDescent="0.2">
      <c r="A62" s="14">
        <v>47</v>
      </c>
      <c r="B62" s="15">
        <v>113</v>
      </c>
      <c r="C62" s="16">
        <v>100</v>
      </c>
      <c r="D62" s="17">
        <v>213</v>
      </c>
    </row>
    <row r="63" spans="1:4" ht="18" customHeight="1" x14ac:dyDescent="0.2">
      <c r="A63" s="14">
        <v>48</v>
      </c>
      <c r="B63" s="15">
        <v>109</v>
      </c>
      <c r="C63" s="16">
        <v>95</v>
      </c>
      <c r="D63" s="17">
        <v>204</v>
      </c>
    </row>
    <row r="64" spans="1:4" ht="18" customHeight="1" x14ac:dyDescent="0.2">
      <c r="A64" s="14">
        <v>49</v>
      </c>
      <c r="B64" s="15">
        <v>102</v>
      </c>
      <c r="C64" s="16">
        <v>97</v>
      </c>
      <c r="D64" s="17">
        <v>199</v>
      </c>
    </row>
    <row r="65" spans="1:4" ht="18" customHeight="1" x14ac:dyDescent="0.2">
      <c r="A65" s="18" t="s">
        <v>58</v>
      </c>
      <c r="B65" s="15">
        <v>568</v>
      </c>
      <c r="C65" s="16">
        <v>530</v>
      </c>
      <c r="D65" s="17">
        <v>1098</v>
      </c>
    </row>
    <row r="66" spans="1:4" ht="18" customHeight="1" x14ac:dyDescent="0.2">
      <c r="A66" s="14">
        <v>50</v>
      </c>
      <c r="B66" s="15">
        <v>92</v>
      </c>
      <c r="C66" s="16">
        <v>80</v>
      </c>
      <c r="D66" s="17">
        <v>172</v>
      </c>
    </row>
    <row r="67" spans="1:4" ht="18" customHeight="1" x14ac:dyDescent="0.2">
      <c r="A67" s="14">
        <v>51</v>
      </c>
      <c r="B67" s="15">
        <v>96</v>
      </c>
      <c r="C67" s="16">
        <v>95</v>
      </c>
      <c r="D67" s="17">
        <v>191</v>
      </c>
    </row>
    <row r="68" spans="1:4" ht="18" customHeight="1" x14ac:dyDescent="0.2">
      <c r="A68" s="14">
        <v>52</v>
      </c>
      <c r="B68" s="15">
        <v>67</v>
      </c>
      <c r="C68" s="16">
        <v>85</v>
      </c>
      <c r="D68" s="17">
        <v>152</v>
      </c>
    </row>
    <row r="69" spans="1:4" ht="18" customHeight="1" x14ac:dyDescent="0.2">
      <c r="A69" s="14">
        <v>53</v>
      </c>
      <c r="B69" s="15">
        <v>93</v>
      </c>
      <c r="C69" s="16">
        <v>91</v>
      </c>
      <c r="D69" s="17">
        <v>184</v>
      </c>
    </row>
    <row r="70" spans="1:4" ht="18" customHeight="1" x14ac:dyDescent="0.2">
      <c r="A70" s="14">
        <v>54</v>
      </c>
      <c r="B70" s="15">
        <v>95</v>
      </c>
      <c r="C70" s="16">
        <v>103</v>
      </c>
      <c r="D70" s="17">
        <v>198</v>
      </c>
    </row>
    <row r="71" spans="1:4" ht="18" customHeight="1" x14ac:dyDescent="0.2">
      <c r="A71" s="18" t="s">
        <v>59</v>
      </c>
      <c r="B71" s="15">
        <v>443</v>
      </c>
      <c r="C71" s="16">
        <v>454</v>
      </c>
      <c r="D71" s="17">
        <v>897</v>
      </c>
    </row>
    <row r="72" spans="1:4" ht="18" customHeight="1" x14ac:dyDescent="0.2">
      <c r="A72" s="14">
        <v>55</v>
      </c>
      <c r="B72" s="15">
        <v>81</v>
      </c>
      <c r="C72" s="16">
        <v>88</v>
      </c>
      <c r="D72" s="17">
        <v>169</v>
      </c>
    </row>
    <row r="73" spans="1:4" ht="18" customHeight="1" x14ac:dyDescent="0.2">
      <c r="A73" s="14">
        <v>56</v>
      </c>
      <c r="B73" s="15">
        <v>66</v>
      </c>
      <c r="C73" s="16">
        <v>64</v>
      </c>
      <c r="D73" s="17">
        <v>130</v>
      </c>
    </row>
    <row r="74" spans="1:4" ht="18" customHeight="1" x14ac:dyDescent="0.2">
      <c r="A74" s="14">
        <v>57</v>
      </c>
      <c r="B74" s="15">
        <v>57</v>
      </c>
      <c r="C74" s="16">
        <v>58</v>
      </c>
      <c r="D74" s="17">
        <v>115</v>
      </c>
    </row>
    <row r="75" spans="1:4" ht="18" customHeight="1" x14ac:dyDescent="0.2">
      <c r="A75" s="14">
        <v>58</v>
      </c>
      <c r="B75" s="15">
        <v>84</v>
      </c>
      <c r="C75" s="16">
        <v>82</v>
      </c>
      <c r="D75" s="17">
        <v>166</v>
      </c>
    </row>
    <row r="76" spans="1:4" ht="18" customHeight="1" x14ac:dyDescent="0.2">
      <c r="A76" s="14">
        <v>59</v>
      </c>
      <c r="B76" s="15">
        <v>73</v>
      </c>
      <c r="C76" s="16">
        <v>90</v>
      </c>
      <c r="D76" s="17">
        <v>163</v>
      </c>
    </row>
    <row r="77" spans="1:4" ht="18" customHeight="1" x14ac:dyDescent="0.2">
      <c r="A77" s="18" t="s">
        <v>60</v>
      </c>
      <c r="B77" s="15">
        <v>361</v>
      </c>
      <c r="C77" s="16">
        <v>382</v>
      </c>
      <c r="D77" s="17">
        <v>743</v>
      </c>
    </row>
    <row r="78" spans="1:4" ht="18" customHeight="1" x14ac:dyDescent="0.2">
      <c r="A78" s="14">
        <v>60</v>
      </c>
      <c r="B78" s="15">
        <v>67</v>
      </c>
      <c r="C78" s="16">
        <v>69</v>
      </c>
      <c r="D78" s="17">
        <v>136</v>
      </c>
    </row>
    <row r="79" spans="1:4" ht="18" customHeight="1" x14ac:dyDescent="0.2">
      <c r="A79" s="14">
        <v>61</v>
      </c>
      <c r="B79" s="15">
        <v>79</v>
      </c>
      <c r="C79" s="16">
        <v>61</v>
      </c>
      <c r="D79" s="17">
        <v>140</v>
      </c>
    </row>
    <row r="80" spans="1:4" ht="18" customHeight="1" x14ac:dyDescent="0.2">
      <c r="A80" s="14">
        <v>62</v>
      </c>
      <c r="B80" s="15">
        <v>65</v>
      </c>
      <c r="C80" s="16">
        <v>74</v>
      </c>
      <c r="D80" s="17">
        <v>139</v>
      </c>
    </row>
    <row r="81" spans="1:4" ht="18" customHeight="1" x14ac:dyDescent="0.2">
      <c r="A81" s="14">
        <v>63</v>
      </c>
      <c r="B81" s="15">
        <v>76</v>
      </c>
      <c r="C81" s="16">
        <v>81</v>
      </c>
      <c r="D81" s="17">
        <v>157</v>
      </c>
    </row>
    <row r="82" spans="1:4" ht="18" customHeight="1" x14ac:dyDescent="0.2">
      <c r="A82" s="14">
        <v>64</v>
      </c>
      <c r="B82" s="15">
        <v>64</v>
      </c>
      <c r="C82" s="16">
        <v>94</v>
      </c>
      <c r="D82" s="17">
        <v>158</v>
      </c>
    </row>
    <row r="83" spans="1:4" ht="18" customHeight="1" x14ac:dyDescent="0.2">
      <c r="A83" s="18" t="s">
        <v>61</v>
      </c>
      <c r="B83" s="15">
        <v>351</v>
      </c>
      <c r="C83" s="16">
        <v>379</v>
      </c>
      <c r="D83" s="17">
        <v>730</v>
      </c>
    </row>
    <row r="84" spans="1:4" ht="18" customHeight="1" x14ac:dyDescent="0.2">
      <c r="A84" s="18" t="s">
        <v>62</v>
      </c>
      <c r="B84" s="15">
        <v>4359</v>
      </c>
      <c r="C84" s="16">
        <v>4187</v>
      </c>
      <c r="D84" s="17">
        <v>8546</v>
      </c>
    </row>
    <row r="85" spans="1:4" ht="18" customHeight="1" x14ac:dyDescent="0.2">
      <c r="A85" s="14">
        <v>65</v>
      </c>
      <c r="B85" s="15">
        <v>78</v>
      </c>
      <c r="C85" s="16">
        <v>88</v>
      </c>
      <c r="D85" s="17">
        <v>166</v>
      </c>
    </row>
    <row r="86" spans="1:4" ht="18" customHeight="1" x14ac:dyDescent="0.2">
      <c r="A86" s="14">
        <v>66</v>
      </c>
      <c r="B86" s="15">
        <v>78</v>
      </c>
      <c r="C86" s="16">
        <v>65</v>
      </c>
      <c r="D86" s="17">
        <v>143</v>
      </c>
    </row>
    <row r="87" spans="1:4" ht="18" customHeight="1" x14ac:dyDescent="0.2">
      <c r="A87" s="14">
        <v>67</v>
      </c>
      <c r="B87" s="15">
        <v>95</v>
      </c>
      <c r="C87" s="16">
        <v>83</v>
      </c>
      <c r="D87" s="17">
        <v>178</v>
      </c>
    </row>
    <row r="88" spans="1:4" ht="18" customHeight="1" x14ac:dyDescent="0.2">
      <c r="A88" s="14">
        <v>68</v>
      </c>
      <c r="B88" s="15">
        <v>86</v>
      </c>
      <c r="C88" s="16">
        <v>98</v>
      </c>
      <c r="D88" s="17">
        <v>184</v>
      </c>
    </row>
    <row r="89" spans="1:4" ht="18" customHeight="1" x14ac:dyDescent="0.2">
      <c r="A89" s="14">
        <v>69</v>
      </c>
      <c r="B89" s="15">
        <v>98</v>
      </c>
      <c r="C89" s="16">
        <v>87</v>
      </c>
      <c r="D89" s="17">
        <v>185</v>
      </c>
    </row>
    <row r="90" spans="1:4" ht="18" customHeight="1" x14ac:dyDescent="0.2">
      <c r="A90" s="18" t="s">
        <v>63</v>
      </c>
      <c r="B90" s="15">
        <v>435</v>
      </c>
      <c r="C90" s="16">
        <v>421</v>
      </c>
      <c r="D90" s="17">
        <v>856</v>
      </c>
    </row>
    <row r="91" spans="1:4" ht="18" customHeight="1" x14ac:dyDescent="0.2">
      <c r="A91" s="14">
        <v>70</v>
      </c>
      <c r="B91" s="15">
        <v>95</v>
      </c>
      <c r="C91" s="16">
        <v>94</v>
      </c>
      <c r="D91" s="17">
        <v>189</v>
      </c>
    </row>
    <row r="92" spans="1:4" ht="18" customHeight="1" x14ac:dyDescent="0.2">
      <c r="A92" s="14">
        <v>71</v>
      </c>
      <c r="B92" s="15">
        <v>104</v>
      </c>
      <c r="C92" s="16">
        <v>114</v>
      </c>
      <c r="D92" s="17">
        <v>218</v>
      </c>
    </row>
    <row r="93" spans="1:4" ht="18" customHeight="1" x14ac:dyDescent="0.2">
      <c r="A93" s="14">
        <v>72</v>
      </c>
      <c r="B93" s="15">
        <v>54</v>
      </c>
      <c r="C93" s="16">
        <v>65</v>
      </c>
      <c r="D93" s="17">
        <v>119</v>
      </c>
    </row>
    <row r="94" spans="1:4" ht="18" customHeight="1" x14ac:dyDescent="0.2">
      <c r="A94" s="14">
        <v>73</v>
      </c>
      <c r="B94" s="15">
        <v>71</v>
      </c>
      <c r="C94" s="16">
        <v>72</v>
      </c>
      <c r="D94" s="17">
        <v>143</v>
      </c>
    </row>
    <row r="95" spans="1:4" ht="18" customHeight="1" x14ac:dyDescent="0.2">
      <c r="A95" s="14">
        <v>74</v>
      </c>
      <c r="B95" s="15">
        <v>67</v>
      </c>
      <c r="C95" s="16">
        <v>94</v>
      </c>
      <c r="D95" s="17">
        <v>161</v>
      </c>
    </row>
    <row r="96" spans="1:4" ht="18" customHeight="1" x14ac:dyDescent="0.2">
      <c r="A96" s="18" t="s">
        <v>64</v>
      </c>
      <c r="B96" s="15">
        <v>391</v>
      </c>
      <c r="C96" s="16">
        <v>439</v>
      </c>
      <c r="D96" s="17">
        <v>830</v>
      </c>
    </row>
    <row r="97" spans="1:4" ht="18" customHeight="1" x14ac:dyDescent="0.2">
      <c r="A97" s="14">
        <v>75</v>
      </c>
      <c r="B97" s="15">
        <v>53</v>
      </c>
      <c r="C97" s="16">
        <v>100</v>
      </c>
      <c r="D97" s="17">
        <v>153</v>
      </c>
    </row>
    <row r="98" spans="1:4" ht="18" customHeight="1" x14ac:dyDescent="0.2">
      <c r="A98" s="14">
        <v>76</v>
      </c>
      <c r="B98" s="15">
        <v>62</v>
      </c>
      <c r="C98" s="16">
        <v>91</v>
      </c>
      <c r="D98" s="17">
        <v>153</v>
      </c>
    </row>
    <row r="99" spans="1:4" ht="18" customHeight="1" x14ac:dyDescent="0.2">
      <c r="A99" s="14">
        <v>77</v>
      </c>
      <c r="B99" s="15">
        <v>46</v>
      </c>
      <c r="C99" s="16">
        <v>78</v>
      </c>
      <c r="D99" s="17">
        <v>124</v>
      </c>
    </row>
    <row r="100" spans="1:4" ht="18" customHeight="1" x14ac:dyDescent="0.2">
      <c r="A100" s="14">
        <v>78</v>
      </c>
      <c r="B100" s="15">
        <v>68</v>
      </c>
      <c r="C100" s="16">
        <v>94</v>
      </c>
      <c r="D100" s="17">
        <v>162</v>
      </c>
    </row>
    <row r="101" spans="1:4" ht="18" customHeight="1" x14ac:dyDescent="0.2">
      <c r="A101" s="14">
        <v>79</v>
      </c>
      <c r="B101" s="15">
        <v>54</v>
      </c>
      <c r="C101" s="16">
        <v>61</v>
      </c>
      <c r="D101" s="17">
        <v>115</v>
      </c>
    </row>
    <row r="102" spans="1:4" ht="18" customHeight="1" x14ac:dyDescent="0.2">
      <c r="A102" s="18" t="s">
        <v>65</v>
      </c>
      <c r="B102" s="15">
        <v>283</v>
      </c>
      <c r="C102" s="16">
        <v>424</v>
      </c>
      <c r="D102" s="17">
        <v>707</v>
      </c>
    </row>
    <row r="103" spans="1:4" ht="18" customHeight="1" x14ac:dyDescent="0.2">
      <c r="A103" s="14">
        <v>80</v>
      </c>
      <c r="B103" s="15">
        <v>38</v>
      </c>
      <c r="C103" s="16">
        <v>61</v>
      </c>
      <c r="D103" s="17">
        <v>99</v>
      </c>
    </row>
    <row r="104" spans="1:4" ht="18" customHeight="1" x14ac:dyDescent="0.2">
      <c r="A104" s="14">
        <v>81</v>
      </c>
      <c r="B104" s="15">
        <v>37</v>
      </c>
      <c r="C104" s="16">
        <v>74</v>
      </c>
      <c r="D104" s="17">
        <v>111</v>
      </c>
    </row>
    <row r="105" spans="1:4" ht="18" customHeight="1" x14ac:dyDescent="0.2">
      <c r="A105" s="14">
        <v>82</v>
      </c>
      <c r="B105" s="15">
        <v>49</v>
      </c>
      <c r="C105" s="16">
        <v>69</v>
      </c>
      <c r="D105" s="17">
        <v>118</v>
      </c>
    </row>
    <row r="106" spans="1:4" ht="18" customHeight="1" x14ac:dyDescent="0.2">
      <c r="A106" s="14">
        <v>83</v>
      </c>
      <c r="B106" s="15">
        <v>40</v>
      </c>
      <c r="C106" s="16">
        <v>56</v>
      </c>
      <c r="D106" s="17">
        <v>96</v>
      </c>
    </row>
    <row r="107" spans="1:4" ht="18" customHeight="1" x14ac:dyDescent="0.2">
      <c r="A107" s="14">
        <v>84</v>
      </c>
      <c r="B107" s="15">
        <v>30</v>
      </c>
      <c r="C107" s="16">
        <v>39</v>
      </c>
      <c r="D107" s="17">
        <v>69</v>
      </c>
    </row>
    <row r="108" spans="1:4" ht="18" customHeight="1" x14ac:dyDescent="0.2">
      <c r="A108" s="18" t="s">
        <v>66</v>
      </c>
      <c r="B108" s="15">
        <v>194</v>
      </c>
      <c r="C108" s="16">
        <v>299</v>
      </c>
      <c r="D108" s="17">
        <v>493</v>
      </c>
    </row>
    <row r="109" spans="1:4" ht="18" customHeight="1" x14ac:dyDescent="0.2">
      <c r="A109" s="14">
        <v>85</v>
      </c>
      <c r="B109" s="15">
        <v>25</v>
      </c>
      <c r="C109" s="16">
        <v>64</v>
      </c>
      <c r="D109" s="17">
        <v>89</v>
      </c>
    </row>
    <row r="110" spans="1:4" ht="18" customHeight="1" x14ac:dyDescent="0.2">
      <c r="A110" s="14">
        <v>86</v>
      </c>
      <c r="B110" s="15">
        <v>33</v>
      </c>
      <c r="C110" s="16">
        <v>59</v>
      </c>
      <c r="D110" s="17">
        <v>92</v>
      </c>
    </row>
    <row r="111" spans="1:4" ht="18" customHeight="1" x14ac:dyDescent="0.2">
      <c r="A111" s="14">
        <v>87</v>
      </c>
      <c r="B111" s="15">
        <v>18</v>
      </c>
      <c r="C111" s="16">
        <v>38</v>
      </c>
      <c r="D111" s="17">
        <v>56</v>
      </c>
    </row>
    <row r="112" spans="1:4" ht="18" customHeight="1" x14ac:dyDescent="0.2">
      <c r="A112" s="14">
        <v>88</v>
      </c>
      <c r="B112" s="15">
        <v>19</v>
      </c>
      <c r="C112" s="16">
        <v>40</v>
      </c>
      <c r="D112" s="17">
        <v>59</v>
      </c>
    </row>
    <row r="113" spans="1:4" ht="18" customHeight="1" x14ac:dyDescent="0.2">
      <c r="A113" s="14">
        <v>89</v>
      </c>
      <c r="B113" s="15">
        <v>11</v>
      </c>
      <c r="C113" s="16">
        <v>36</v>
      </c>
      <c r="D113" s="17">
        <v>47</v>
      </c>
    </row>
    <row r="114" spans="1:4" ht="18" customHeight="1" x14ac:dyDescent="0.2">
      <c r="A114" s="18" t="s">
        <v>67</v>
      </c>
      <c r="B114" s="15">
        <v>106</v>
      </c>
      <c r="C114" s="16">
        <v>237</v>
      </c>
      <c r="D114" s="17">
        <v>343</v>
      </c>
    </row>
    <row r="115" spans="1:4" ht="18" customHeight="1" x14ac:dyDescent="0.2">
      <c r="A115" s="14">
        <v>90</v>
      </c>
      <c r="B115" s="15">
        <v>13</v>
      </c>
      <c r="C115" s="16">
        <v>24</v>
      </c>
      <c r="D115" s="17">
        <v>37</v>
      </c>
    </row>
    <row r="116" spans="1:4" ht="18" customHeight="1" x14ac:dyDescent="0.2">
      <c r="A116" s="14">
        <v>91</v>
      </c>
      <c r="B116" s="15">
        <v>13</v>
      </c>
      <c r="C116" s="16">
        <v>20</v>
      </c>
      <c r="D116" s="17">
        <v>33</v>
      </c>
    </row>
    <row r="117" spans="1:4" ht="18" customHeight="1" x14ac:dyDescent="0.2">
      <c r="A117" s="14">
        <v>92</v>
      </c>
      <c r="B117" s="15">
        <v>7</v>
      </c>
      <c r="C117" s="16">
        <v>18</v>
      </c>
      <c r="D117" s="17">
        <v>25</v>
      </c>
    </row>
    <row r="118" spans="1:4" ht="18" customHeight="1" x14ac:dyDescent="0.2">
      <c r="A118" s="14">
        <v>93</v>
      </c>
      <c r="B118" s="15">
        <v>4</v>
      </c>
      <c r="C118" s="16">
        <v>18</v>
      </c>
      <c r="D118" s="17">
        <v>22</v>
      </c>
    </row>
    <row r="119" spans="1:4" ht="18" customHeight="1" x14ac:dyDescent="0.2">
      <c r="A119" s="14">
        <v>94</v>
      </c>
      <c r="B119" s="15">
        <v>5</v>
      </c>
      <c r="C119" s="16">
        <v>13</v>
      </c>
      <c r="D119" s="17">
        <v>18</v>
      </c>
    </row>
    <row r="120" spans="1:4" ht="18" customHeight="1" x14ac:dyDescent="0.2">
      <c r="A120" s="18" t="s">
        <v>68</v>
      </c>
      <c r="B120" s="15">
        <v>42</v>
      </c>
      <c r="C120" s="16">
        <v>93</v>
      </c>
      <c r="D120" s="17">
        <v>135</v>
      </c>
    </row>
    <row r="121" spans="1:4" ht="18" customHeight="1" x14ac:dyDescent="0.2">
      <c r="A121" s="14">
        <v>95</v>
      </c>
      <c r="B121" s="15">
        <v>0</v>
      </c>
      <c r="C121" s="16">
        <v>13</v>
      </c>
      <c r="D121" s="17">
        <v>13</v>
      </c>
    </row>
    <row r="122" spans="1:4" ht="18" customHeight="1" x14ac:dyDescent="0.2">
      <c r="A122" s="14">
        <v>96</v>
      </c>
      <c r="B122" s="15">
        <v>4</v>
      </c>
      <c r="C122" s="16">
        <v>9</v>
      </c>
      <c r="D122" s="17">
        <v>13</v>
      </c>
    </row>
    <row r="123" spans="1:4" ht="18" customHeight="1" x14ac:dyDescent="0.2">
      <c r="A123" s="14">
        <v>97</v>
      </c>
      <c r="B123" s="15">
        <v>4</v>
      </c>
      <c r="C123" s="16">
        <v>8</v>
      </c>
      <c r="D123" s="17">
        <v>12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2</v>
      </c>
      <c r="C125" s="16">
        <v>1</v>
      </c>
      <c r="D125" s="17">
        <v>3</v>
      </c>
    </row>
    <row r="126" spans="1:4" ht="18" customHeight="1" x14ac:dyDescent="0.2">
      <c r="A126" s="18" t="s">
        <v>69</v>
      </c>
      <c r="B126" s="15">
        <v>11</v>
      </c>
      <c r="C126" s="16">
        <v>34</v>
      </c>
      <c r="D126" s="17">
        <v>45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1</v>
      </c>
      <c r="C129" s="16">
        <v>8</v>
      </c>
      <c r="D129" s="17">
        <v>9</v>
      </c>
    </row>
    <row r="130" spans="1:4" ht="18" customHeight="1" x14ac:dyDescent="0.2">
      <c r="A130" s="18" t="s">
        <v>72</v>
      </c>
      <c r="B130" s="4">
        <v>1463</v>
      </c>
      <c r="C130" s="5">
        <v>1955</v>
      </c>
      <c r="D130" s="6">
        <v>3418</v>
      </c>
    </row>
    <row r="131" spans="1:4" ht="18" customHeight="1" x14ac:dyDescent="0.2">
      <c r="A131" s="20" t="s">
        <v>47</v>
      </c>
      <c r="B131" s="7">
        <v>6763</v>
      </c>
      <c r="C131" s="8">
        <v>7049</v>
      </c>
      <c r="D131" s="9">
        <v>138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2</v>
      </c>
      <c r="C5" s="12">
        <v>39</v>
      </c>
      <c r="D5" s="13">
        <v>81</v>
      </c>
    </row>
    <row r="6" spans="1:10" ht="18" customHeight="1" x14ac:dyDescent="0.2">
      <c r="A6" s="14">
        <v>1</v>
      </c>
      <c r="B6" s="15">
        <v>46</v>
      </c>
      <c r="C6" s="16">
        <v>46</v>
      </c>
      <c r="D6" s="17">
        <v>92</v>
      </c>
    </row>
    <row r="7" spans="1:10" ht="18" customHeight="1" x14ac:dyDescent="0.2">
      <c r="A7" s="14">
        <v>2</v>
      </c>
      <c r="B7" s="15">
        <v>44</v>
      </c>
      <c r="C7" s="16">
        <v>34</v>
      </c>
      <c r="D7" s="17">
        <v>78</v>
      </c>
    </row>
    <row r="8" spans="1:10" ht="18" customHeight="1" x14ac:dyDescent="0.2">
      <c r="A8" s="14">
        <v>3</v>
      </c>
      <c r="B8" s="15">
        <v>44</v>
      </c>
      <c r="C8" s="16">
        <v>38</v>
      </c>
      <c r="D8" s="17">
        <v>82</v>
      </c>
    </row>
    <row r="9" spans="1:10" ht="18" customHeight="1" x14ac:dyDescent="0.2">
      <c r="A9" s="14">
        <v>4</v>
      </c>
      <c r="B9" s="15">
        <v>32</v>
      </c>
      <c r="C9" s="16">
        <v>31</v>
      </c>
      <c r="D9" s="17">
        <v>63</v>
      </c>
    </row>
    <row r="10" spans="1:10" ht="18" customHeight="1" x14ac:dyDescent="0.2">
      <c r="A10" s="18" t="s">
        <v>48</v>
      </c>
      <c r="B10" s="15">
        <v>208</v>
      </c>
      <c r="C10" s="16">
        <v>188</v>
      </c>
      <c r="D10" s="17">
        <v>396</v>
      </c>
    </row>
    <row r="11" spans="1:10" ht="18" customHeight="1" x14ac:dyDescent="0.2">
      <c r="A11" s="14">
        <v>5</v>
      </c>
      <c r="B11" s="15">
        <v>25</v>
      </c>
      <c r="C11" s="16">
        <v>33</v>
      </c>
      <c r="D11" s="17">
        <v>58</v>
      </c>
    </row>
    <row r="12" spans="1:10" ht="18" customHeight="1" x14ac:dyDescent="0.2">
      <c r="A12" s="14">
        <v>6</v>
      </c>
      <c r="B12" s="15">
        <v>25</v>
      </c>
      <c r="C12" s="16">
        <v>29</v>
      </c>
      <c r="D12" s="17">
        <v>54</v>
      </c>
    </row>
    <row r="13" spans="1:10" ht="18" customHeight="1" x14ac:dyDescent="0.2">
      <c r="A13" s="14">
        <v>7</v>
      </c>
      <c r="B13" s="15">
        <v>24</v>
      </c>
      <c r="C13" s="16">
        <v>29</v>
      </c>
      <c r="D13" s="17">
        <v>53</v>
      </c>
    </row>
    <row r="14" spans="1:10" ht="18" customHeight="1" x14ac:dyDescent="0.2">
      <c r="A14" s="14">
        <v>8</v>
      </c>
      <c r="B14" s="15">
        <v>16</v>
      </c>
      <c r="C14" s="16">
        <v>13</v>
      </c>
      <c r="D14" s="17">
        <v>29</v>
      </c>
    </row>
    <row r="15" spans="1:10" ht="18" customHeight="1" x14ac:dyDescent="0.2">
      <c r="A15" s="14">
        <v>9</v>
      </c>
      <c r="B15" s="15">
        <v>19</v>
      </c>
      <c r="C15" s="16">
        <v>20</v>
      </c>
      <c r="D15" s="17">
        <v>39</v>
      </c>
    </row>
    <row r="16" spans="1:10" ht="18" customHeight="1" x14ac:dyDescent="0.2">
      <c r="A16" s="18" t="s">
        <v>49</v>
      </c>
      <c r="B16" s="15">
        <v>109</v>
      </c>
      <c r="C16" s="16">
        <v>124</v>
      </c>
      <c r="D16" s="17">
        <v>233</v>
      </c>
    </row>
    <row r="17" spans="1:4" ht="18" customHeight="1" x14ac:dyDescent="0.2">
      <c r="A17" s="14">
        <v>10</v>
      </c>
      <c r="B17" s="15">
        <v>29</v>
      </c>
      <c r="C17" s="16">
        <v>17</v>
      </c>
      <c r="D17" s="17">
        <v>46</v>
      </c>
    </row>
    <row r="18" spans="1:4" ht="18" customHeight="1" x14ac:dyDescent="0.2">
      <c r="A18" s="14">
        <v>11</v>
      </c>
      <c r="B18" s="15">
        <v>31</v>
      </c>
      <c r="C18" s="16">
        <v>14</v>
      </c>
      <c r="D18" s="17">
        <v>45</v>
      </c>
    </row>
    <row r="19" spans="1:4" ht="18" customHeight="1" x14ac:dyDescent="0.2">
      <c r="A19" s="14">
        <v>12</v>
      </c>
      <c r="B19" s="15">
        <v>12</v>
      </c>
      <c r="C19" s="16">
        <v>23</v>
      </c>
      <c r="D19" s="17">
        <v>35</v>
      </c>
    </row>
    <row r="20" spans="1:4" ht="18" customHeight="1" x14ac:dyDescent="0.2">
      <c r="A20" s="14">
        <v>13</v>
      </c>
      <c r="B20" s="15">
        <v>15</v>
      </c>
      <c r="C20" s="16">
        <v>15</v>
      </c>
      <c r="D20" s="17">
        <v>30</v>
      </c>
    </row>
    <row r="21" spans="1:4" ht="18" customHeight="1" x14ac:dyDescent="0.2">
      <c r="A21" s="14">
        <v>14</v>
      </c>
      <c r="B21" s="15">
        <v>22</v>
      </c>
      <c r="C21" s="16">
        <v>22</v>
      </c>
      <c r="D21" s="17">
        <v>44</v>
      </c>
    </row>
    <row r="22" spans="1:4" ht="18" customHeight="1" x14ac:dyDescent="0.2">
      <c r="A22" s="18" t="s">
        <v>50</v>
      </c>
      <c r="B22" s="15">
        <v>109</v>
      </c>
      <c r="C22" s="16">
        <v>91</v>
      </c>
      <c r="D22" s="17">
        <v>200</v>
      </c>
    </row>
    <row r="23" spans="1:4" ht="18" customHeight="1" x14ac:dyDescent="0.2">
      <c r="A23" s="18" t="s">
        <v>51</v>
      </c>
      <c r="B23" s="15">
        <v>426</v>
      </c>
      <c r="C23" s="16">
        <v>403</v>
      </c>
      <c r="D23" s="17">
        <v>829</v>
      </c>
    </row>
    <row r="24" spans="1:4" ht="18" customHeight="1" x14ac:dyDescent="0.2">
      <c r="A24" s="14">
        <v>15</v>
      </c>
      <c r="B24" s="15">
        <v>20</v>
      </c>
      <c r="C24" s="16">
        <v>17</v>
      </c>
      <c r="D24" s="17">
        <v>37</v>
      </c>
    </row>
    <row r="25" spans="1:4" ht="18" customHeight="1" x14ac:dyDescent="0.2">
      <c r="A25" s="14">
        <v>16</v>
      </c>
      <c r="B25" s="15">
        <v>26</v>
      </c>
      <c r="C25" s="16">
        <v>15</v>
      </c>
      <c r="D25" s="17">
        <v>41</v>
      </c>
    </row>
    <row r="26" spans="1:4" ht="18" customHeight="1" x14ac:dyDescent="0.2">
      <c r="A26" s="14">
        <v>17</v>
      </c>
      <c r="B26" s="15">
        <v>26</v>
      </c>
      <c r="C26" s="16">
        <v>16</v>
      </c>
      <c r="D26" s="17">
        <v>42</v>
      </c>
    </row>
    <row r="27" spans="1:4" ht="18" customHeight="1" x14ac:dyDescent="0.2">
      <c r="A27" s="14">
        <v>18</v>
      </c>
      <c r="B27" s="15">
        <v>21</v>
      </c>
      <c r="C27" s="16">
        <v>21</v>
      </c>
      <c r="D27" s="17">
        <v>42</v>
      </c>
    </row>
    <row r="28" spans="1:4" ht="18" customHeight="1" x14ac:dyDescent="0.2">
      <c r="A28" s="14">
        <v>19</v>
      </c>
      <c r="B28" s="15">
        <v>18</v>
      </c>
      <c r="C28" s="16">
        <v>26</v>
      </c>
      <c r="D28" s="17">
        <v>44</v>
      </c>
    </row>
    <row r="29" spans="1:4" ht="18" customHeight="1" x14ac:dyDescent="0.2">
      <c r="A29" s="18" t="s">
        <v>52</v>
      </c>
      <c r="B29" s="15">
        <v>111</v>
      </c>
      <c r="C29" s="16">
        <v>95</v>
      </c>
      <c r="D29" s="17">
        <v>206</v>
      </c>
    </row>
    <row r="30" spans="1:4" ht="18" customHeight="1" x14ac:dyDescent="0.2">
      <c r="A30" s="14">
        <v>20</v>
      </c>
      <c r="B30" s="15">
        <v>22</v>
      </c>
      <c r="C30" s="16">
        <v>25</v>
      </c>
      <c r="D30" s="17">
        <v>47</v>
      </c>
    </row>
    <row r="31" spans="1:4" ht="18" customHeight="1" x14ac:dyDescent="0.2">
      <c r="A31" s="14">
        <v>21</v>
      </c>
      <c r="B31" s="15">
        <v>23</v>
      </c>
      <c r="C31" s="16">
        <v>33</v>
      </c>
      <c r="D31" s="17">
        <v>56</v>
      </c>
    </row>
    <row r="32" spans="1:4" ht="18" customHeight="1" x14ac:dyDescent="0.2">
      <c r="A32" s="14">
        <v>22</v>
      </c>
      <c r="B32" s="15">
        <v>23</v>
      </c>
      <c r="C32" s="16">
        <v>19</v>
      </c>
      <c r="D32" s="17">
        <v>42</v>
      </c>
    </row>
    <row r="33" spans="1:4" ht="18" customHeight="1" x14ac:dyDescent="0.2">
      <c r="A33" s="14">
        <v>23</v>
      </c>
      <c r="B33" s="15">
        <v>39</v>
      </c>
      <c r="C33" s="16">
        <v>24</v>
      </c>
      <c r="D33" s="17">
        <v>63</v>
      </c>
    </row>
    <row r="34" spans="1:4" ht="18" customHeight="1" x14ac:dyDescent="0.2">
      <c r="A34" s="14">
        <v>24</v>
      </c>
      <c r="B34" s="15">
        <v>27</v>
      </c>
      <c r="C34" s="16">
        <v>33</v>
      </c>
      <c r="D34" s="17">
        <v>60</v>
      </c>
    </row>
    <row r="35" spans="1:4" ht="18" customHeight="1" x14ac:dyDescent="0.2">
      <c r="A35" s="18" t="s">
        <v>53</v>
      </c>
      <c r="B35" s="15">
        <v>134</v>
      </c>
      <c r="C35" s="16">
        <v>134</v>
      </c>
      <c r="D35" s="17">
        <v>268</v>
      </c>
    </row>
    <row r="36" spans="1:4" ht="18" customHeight="1" x14ac:dyDescent="0.2">
      <c r="A36" s="14">
        <v>25</v>
      </c>
      <c r="B36" s="15">
        <v>37</v>
      </c>
      <c r="C36" s="16">
        <v>23</v>
      </c>
      <c r="D36" s="17">
        <v>60</v>
      </c>
    </row>
    <row r="37" spans="1:4" ht="18" customHeight="1" x14ac:dyDescent="0.2">
      <c r="A37" s="14">
        <v>26</v>
      </c>
      <c r="B37" s="15">
        <v>34</v>
      </c>
      <c r="C37" s="16">
        <v>41</v>
      </c>
      <c r="D37" s="17">
        <v>75</v>
      </c>
    </row>
    <row r="38" spans="1:4" ht="18" customHeight="1" x14ac:dyDescent="0.2">
      <c r="A38" s="14">
        <v>27</v>
      </c>
      <c r="B38" s="15">
        <v>31</v>
      </c>
      <c r="C38" s="16">
        <v>53</v>
      </c>
      <c r="D38" s="17">
        <v>84</v>
      </c>
    </row>
    <row r="39" spans="1:4" ht="18" customHeight="1" x14ac:dyDescent="0.2">
      <c r="A39" s="14">
        <v>28</v>
      </c>
      <c r="B39" s="15">
        <v>41</v>
      </c>
      <c r="C39" s="16">
        <v>39</v>
      </c>
      <c r="D39" s="17">
        <v>80</v>
      </c>
    </row>
    <row r="40" spans="1:4" ht="18" customHeight="1" x14ac:dyDescent="0.2">
      <c r="A40" s="14">
        <v>29</v>
      </c>
      <c r="B40" s="15">
        <v>46</v>
      </c>
      <c r="C40" s="16">
        <v>50</v>
      </c>
      <c r="D40" s="17">
        <v>96</v>
      </c>
    </row>
    <row r="41" spans="1:4" ht="18" customHeight="1" x14ac:dyDescent="0.2">
      <c r="A41" s="18" t="s">
        <v>54</v>
      </c>
      <c r="B41" s="15">
        <v>189</v>
      </c>
      <c r="C41" s="16">
        <v>206</v>
      </c>
      <c r="D41" s="17">
        <v>395</v>
      </c>
    </row>
    <row r="42" spans="1:4" ht="18" customHeight="1" x14ac:dyDescent="0.2">
      <c r="A42" s="14">
        <v>30</v>
      </c>
      <c r="B42" s="15">
        <v>54</v>
      </c>
      <c r="C42" s="16">
        <v>43</v>
      </c>
      <c r="D42" s="17">
        <v>97</v>
      </c>
    </row>
    <row r="43" spans="1:4" ht="18" customHeight="1" x14ac:dyDescent="0.2">
      <c r="A43" s="14">
        <v>31</v>
      </c>
      <c r="B43" s="15">
        <v>42</v>
      </c>
      <c r="C43" s="16">
        <v>48</v>
      </c>
      <c r="D43" s="17">
        <v>90</v>
      </c>
    </row>
    <row r="44" spans="1:4" ht="18" customHeight="1" x14ac:dyDescent="0.2">
      <c r="A44" s="14">
        <v>32</v>
      </c>
      <c r="B44" s="15">
        <v>64</v>
      </c>
      <c r="C44" s="16">
        <v>53</v>
      </c>
      <c r="D44" s="17">
        <v>117</v>
      </c>
    </row>
    <row r="45" spans="1:4" ht="18" customHeight="1" x14ac:dyDescent="0.2">
      <c r="A45" s="14">
        <v>33</v>
      </c>
      <c r="B45" s="15">
        <v>46</v>
      </c>
      <c r="C45" s="16">
        <v>42</v>
      </c>
      <c r="D45" s="17">
        <v>88</v>
      </c>
    </row>
    <row r="46" spans="1:4" ht="18" customHeight="1" x14ac:dyDescent="0.2">
      <c r="A46" s="14">
        <v>34</v>
      </c>
      <c r="B46" s="15">
        <v>57</v>
      </c>
      <c r="C46" s="16">
        <v>31</v>
      </c>
      <c r="D46" s="17">
        <v>88</v>
      </c>
    </row>
    <row r="47" spans="1:4" ht="18" customHeight="1" x14ac:dyDescent="0.2">
      <c r="A47" s="18" t="s">
        <v>55</v>
      </c>
      <c r="B47" s="15">
        <v>263</v>
      </c>
      <c r="C47" s="16">
        <v>217</v>
      </c>
      <c r="D47" s="17">
        <v>480</v>
      </c>
    </row>
    <row r="48" spans="1:4" ht="18" customHeight="1" x14ac:dyDescent="0.2">
      <c r="A48" s="14">
        <v>35</v>
      </c>
      <c r="B48" s="15">
        <v>54</v>
      </c>
      <c r="C48" s="16">
        <v>45</v>
      </c>
      <c r="D48" s="17">
        <v>99</v>
      </c>
    </row>
    <row r="49" spans="1:4" ht="18" customHeight="1" x14ac:dyDescent="0.2">
      <c r="A49" s="14">
        <v>36</v>
      </c>
      <c r="B49" s="15">
        <v>40</v>
      </c>
      <c r="C49" s="16">
        <v>30</v>
      </c>
      <c r="D49" s="17">
        <v>70</v>
      </c>
    </row>
    <row r="50" spans="1:4" ht="18" customHeight="1" x14ac:dyDescent="0.2">
      <c r="A50" s="14">
        <v>37</v>
      </c>
      <c r="B50" s="15">
        <v>51</v>
      </c>
      <c r="C50" s="16">
        <v>37</v>
      </c>
      <c r="D50" s="17">
        <v>88</v>
      </c>
    </row>
    <row r="51" spans="1:4" ht="18" customHeight="1" x14ac:dyDescent="0.2">
      <c r="A51" s="14">
        <v>38</v>
      </c>
      <c r="B51" s="15">
        <v>32</v>
      </c>
      <c r="C51" s="16">
        <v>52</v>
      </c>
      <c r="D51" s="17">
        <v>84</v>
      </c>
    </row>
    <row r="52" spans="1:4" ht="18" customHeight="1" x14ac:dyDescent="0.2">
      <c r="A52" s="14">
        <v>39</v>
      </c>
      <c r="B52" s="15">
        <v>52</v>
      </c>
      <c r="C52" s="16">
        <v>45</v>
      </c>
      <c r="D52" s="17">
        <v>97</v>
      </c>
    </row>
    <row r="53" spans="1:4" ht="18" customHeight="1" x14ac:dyDescent="0.2">
      <c r="A53" s="18" t="s">
        <v>56</v>
      </c>
      <c r="B53" s="15">
        <v>229</v>
      </c>
      <c r="C53" s="16">
        <v>209</v>
      </c>
      <c r="D53" s="17">
        <v>438</v>
      </c>
    </row>
    <row r="54" spans="1:4" ht="18" customHeight="1" x14ac:dyDescent="0.2">
      <c r="A54" s="14">
        <v>40</v>
      </c>
      <c r="B54" s="15">
        <v>58</v>
      </c>
      <c r="C54" s="16">
        <v>45</v>
      </c>
      <c r="D54" s="17">
        <v>103</v>
      </c>
    </row>
    <row r="55" spans="1:4" ht="18" customHeight="1" x14ac:dyDescent="0.2">
      <c r="A55" s="14">
        <v>41</v>
      </c>
      <c r="B55" s="15">
        <v>43</v>
      </c>
      <c r="C55" s="16">
        <v>42</v>
      </c>
      <c r="D55" s="17">
        <v>85</v>
      </c>
    </row>
    <row r="56" spans="1:4" ht="18" customHeight="1" x14ac:dyDescent="0.2">
      <c r="A56" s="14">
        <v>42</v>
      </c>
      <c r="B56" s="15">
        <v>58</v>
      </c>
      <c r="C56" s="16">
        <v>37</v>
      </c>
      <c r="D56" s="17">
        <v>95</v>
      </c>
    </row>
    <row r="57" spans="1:4" ht="18" customHeight="1" x14ac:dyDescent="0.2">
      <c r="A57" s="14">
        <v>43</v>
      </c>
      <c r="B57" s="15">
        <v>49</v>
      </c>
      <c r="C57" s="16">
        <v>44</v>
      </c>
      <c r="D57" s="17">
        <v>93</v>
      </c>
    </row>
    <row r="58" spans="1:4" ht="18" customHeight="1" x14ac:dyDescent="0.2">
      <c r="A58" s="14">
        <v>44</v>
      </c>
      <c r="B58" s="15">
        <v>59</v>
      </c>
      <c r="C58" s="16">
        <v>41</v>
      </c>
      <c r="D58" s="17">
        <v>100</v>
      </c>
    </row>
    <row r="59" spans="1:4" ht="18" customHeight="1" x14ac:dyDescent="0.2">
      <c r="A59" s="18" t="s">
        <v>57</v>
      </c>
      <c r="B59" s="15">
        <v>267</v>
      </c>
      <c r="C59" s="16">
        <v>209</v>
      </c>
      <c r="D59" s="17">
        <v>476</v>
      </c>
    </row>
    <row r="60" spans="1:4" ht="18" customHeight="1" x14ac:dyDescent="0.2">
      <c r="A60" s="14">
        <v>45</v>
      </c>
      <c r="B60" s="15">
        <v>46</v>
      </c>
      <c r="C60" s="16">
        <v>40</v>
      </c>
      <c r="D60" s="17">
        <v>86</v>
      </c>
    </row>
    <row r="61" spans="1:4" ht="18" customHeight="1" x14ac:dyDescent="0.2">
      <c r="A61" s="14">
        <v>46</v>
      </c>
      <c r="B61" s="15">
        <v>35</v>
      </c>
      <c r="C61" s="16">
        <v>39</v>
      </c>
      <c r="D61" s="17">
        <v>74</v>
      </c>
    </row>
    <row r="62" spans="1:4" ht="18" customHeight="1" x14ac:dyDescent="0.2">
      <c r="A62" s="14">
        <v>47</v>
      </c>
      <c r="B62" s="15">
        <v>40</v>
      </c>
      <c r="C62" s="16">
        <v>33</v>
      </c>
      <c r="D62" s="17">
        <v>73</v>
      </c>
    </row>
    <row r="63" spans="1:4" ht="18" customHeight="1" x14ac:dyDescent="0.2">
      <c r="A63" s="14">
        <v>48</v>
      </c>
      <c r="B63" s="15">
        <v>32</v>
      </c>
      <c r="C63" s="16">
        <v>29</v>
      </c>
      <c r="D63" s="17">
        <v>61</v>
      </c>
    </row>
    <row r="64" spans="1:4" ht="18" customHeight="1" x14ac:dyDescent="0.2">
      <c r="A64" s="14">
        <v>49</v>
      </c>
      <c r="B64" s="15">
        <v>48</v>
      </c>
      <c r="C64" s="16">
        <v>26</v>
      </c>
      <c r="D64" s="17">
        <v>74</v>
      </c>
    </row>
    <row r="65" spans="1:4" ht="18" customHeight="1" x14ac:dyDescent="0.2">
      <c r="A65" s="18" t="s">
        <v>58</v>
      </c>
      <c r="B65" s="15">
        <v>201</v>
      </c>
      <c r="C65" s="16">
        <v>167</v>
      </c>
      <c r="D65" s="17">
        <v>368</v>
      </c>
    </row>
    <row r="66" spans="1:4" ht="18" customHeight="1" x14ac:dyDescent="0.2">
      <c r="A66" s="14">
        <v>50</v>
      </c>
      <c r="B66" s="15">
        <v>34</v>
      </c>
      <c r="C66" s="16">
        <v>39</v>
      </c>
      <c r="D66" s="17">
        <v>73</v>
      </c>
    </row>
    <row r="67" spans="1:4" ht="18" customHeight="1" x14ac:dyDescent="0.2">
      <c r="A67" s="14">
        <v>51</v>
      </c>
      <c r="B67" s="15">
        <v>35</v>
      </c>
      <c r="C67" s="16">
        <v>30</v>
      </c>
      <c r="D67" s="17">
        <v>65</v>
      </c>
    </row>
    <row r="68" spans="1:4" ht="18" customHeight="1" x14ac:dyDescent="0.2">
      <c r="A68" s="14">
        <v>52</v>
      </c>
      <c r="B68" s="15">
        <v>14</v>
      </c>
      <c r="C68" s="16">
        <v>17</v>
      </c>
      <c r="D68" s="17">
        <v>31</v>
      </c>
    </row>
    <row r="69" spans="1:4" ht="18" customHeight="1" x14ac:dyDescent="0.2">
      <c r="A69" s="14">
        <v>53</v>
      </c>
      <c r="B69" s="15">
        <v>23</v>
      </c>
      <c r="C69" s="16">
        <v>28</v>
      </c>
      <c r="D69" s="17">
        <v>51</v>
      </c>
    </row>
    <row r="70" spans="1:4" ht="18" customHeight="1" x14ac:dyDescent="0.2">
      <c r="A70" s="14">
        <v>54</v>
      </c>
      <c r="B70" s="15">
        <v>28</v>
      </c>
      <c r="C70" s="16">
        <v>30</v>
      </c>
      <c r="D70" s="17">
        <v>58</v>
      </c>
    </row>
    <row r="71" spans="1:4" ht="18" customHeight="1" x14ac:dyDescent="0.2">
      <c r="A71" s="18" t="s">
        <v>59</v>
      </c>
      <c r="B71" s="15">
        <v>134</v>
      </c>
      <c r="C71" s="16">
        <v>144</v>
      </c>
      <c r="D71" s="17">
        <v>278</v>
      </c>
    </row>
    <row r="72" spans="1:4" ht="18" customHeight="1" x14ac:dyDescent="0.2">
      <c r="A72" s="14">
        <v>55</v>
      </c>
      <c r="B72" s="15">
        <v>26</v>
      </c>
      <c r="C72" s="16">
        <v>27</v>
      </c>
      <c r="D72" s="17">
        <v>53</v>
      </c>
    </row>
    <row r="73" spans="1:4" ht="18" customHeight="1" x14ac:dyDescent="0.2">
      <c r="A73" s="14">
        <v>56</v>
      </c>
      <c r="B73" s="15">
        <v>23</v>
      </c>
      <c r="C73" s="16">
        <v>11</v>
      </c>
      <c r="D73" s="17">
        <v>34</v>
      </c>
    </row>
    <row r="74" spans="1:4" ht="18" customHeight="1" x14ac:dyDescent="0.2">
      <c r="A74" s="14">
        <v>57</v>
      </c>
      <c r="B74" s="15">
        <v>22</v>
      </c>
      <c r="C74" s="16">
        <v>31</v>
      </c>
      <c r="D74" s="17">
        <v>53</v>
      </c>
    </row>
    <row r="75" spans="1:4" ht="18" customHeight="1" x14ac:dyDescent="0.2">
      <c r="A75" s="14">
        <v>58</v>
      </c>
      <c r="B75" s="15">
        <v>18</v>
      </c>
      <c r="C75" s="16">
        <v>25</v>
      </c>
      <c r="D75" s="17">
        <v>43</v>
      </c>
    </row>
    <row r="76" spans="1:4" ht="18" customHeight="1" x14ac:dyDescent="0.2">
      <c r="A76" s="14">
        <v>59</v>
      </c>
      <c r="B76" s="15">
        <v>19</v>
      </c>
      <c r="C76" s="16">
        <v>20</v>
      </c>
      <c r="D76" s="17">
        <v>39</v>
      </c>
    </row>
    <row r="77" spans="1:4" ht="18" customHeight="1" x14ac:dyDescent="0.2">
      <c r="A77" s="18" t="s">
        <v>60</v>
      </c>
      <c r="B77" s="15">
        <v>108</v>
      </c>
      <c r="C77" s="16">
        <v>114</v>
      </c>
      <c r="D77" s="17">
        <v>222</v>
      </c>
    </row>
    <row r="78" spans="1:4" ht="18" customHeight="1" x14ac:dyDescent="0.2">
      <c r="A78" s="14">
        <v>60</v>
      </c>
      <c r="B78" s="15">
        <v>23</v>
      </c>
      <c r="C78" s="16">
        <v>24</v>
      </c>
      <c r="D78" s="17">
        <v>47</v>
      </c>
    </row>
    <row r="79" spans="1:4" ht="18" customHeight="1" x14ac:dyDescent="0.2">
      <c r="A79" s="14">
        <v>61</v>
      </c>
      <c r="B79" s="15">
        <v>18</v>
      </c>
      <c r="C79" s="16">
        <v>20</v>
      </c>
      <c r="D79" s="17">
        <v>38</v>
      </c>
    </row>
    <row r="80" spans="1:4" ht="18" customHeight="1" x14ac:dyDescent="0.2">
      <c r="A80" s="14">
        <v>62</v>
      </c>
      <c r="B80" s="15">
        <v>24</v>
      </c>
      <c r="C80" s="16">
        <v>13</v>
      </c>
      <c r="D80" s="17">
        <v>37</v>
      </c>
    </row>
    <row r="81" spans="1:4" ht="18" customHeight="1" x14ac:dyDescent="0.2">
      <c r="A81" s="14">
        <v>63</v>
      </c>
      <c r="B81" s="15">
        <v>32</v>
      </c>
      <c r="C81" s="16">
        <v>27</v>
      </c>
      <c r="D81" s="17">
        <v>59</v>
      </c>
    </row>
    <row r="82" spans="1:4" ht="18" customHeight="1" x14ac:dyDescent="0.2">
      <c r="A82" s="14">
        <v>64</v>
      </c>
      <c r="B82" s="15">
        <v>24</v>
      </c>
      <c r="C82" s="16">
        <v>28</v>
      </c>
      <c r="D82" s="17">
        <v>52</v>
      </c>
    </row>
    <row r="83" spans="1:4" ht="18" customHeight="1" x14ac:dyDescent="0.2">
      <c r="A83" s="18" t="s">
        <v>61</v>
      </c>
      <c r="B83" s="15">
        <v>121</v>
      </c>
      <c r="C83" s="16">
        <v>112</v>
      </c>
      <c r="D83" s="17">
        <v>233</v>
      </c>
    </row>
    <row r="84" spans="1:4" ht="18" customHeight="1" x14ac:dyDescent="0.2">
      <c r="A84" s="18" t="s">
        <v>62</v>
      </c>
      <c r="B84" s="15">
        <v>1757</v>
      </c>
      <c r="C84" s="16">
        <v>1607</v>
      </c>
      <c r="D84" s="17">
        <v>3364</v>
      </c>
    </row>
    <row r="85" spans="1:4" ht="18" customHeight="1" x14ac:dyDescent="0.2">
      <c r="A85" s="14">
        <v>65</v>
      </c>
      <c r="B85" s="15">
        <v>25</v>
      </c>
      <c r="C85" s="16">
        <v>27</v>
      </c>
      <c r="D85" s="17">
        <v>52</v>
      </c>
    </row>
    <row r="86" spans="1:4" ht="18" customHeight="1" x14ac:dyDescent="0.2">
      <c r="A86" s="14">
        <v>66</v>
      </c>
      <c r="B86" s="15">
        <v>33</v>
      </c>
      <c r="C86" s="16">
        <v>27</v>
      </c>
      <c r="D86" s="17">
        <v>60</v>
      </c>
    </row>
    <row r="87" spans="1:4" ht="18" customHeight="1" x14ac:dyDescent="0.2">
      <c r="A87" s="14">
        <v>67</v>
      </c>
      <c r="B87" s="15">
        <v>25</v>
      </c>
      <c r="C87" s="16">
        <v>30</v>
      </c>
      <c r="D87" s="17">
        <v>55</v>
      </c>
    </row>
    <row r="88" spans="1:4" ht="18" customHeight="1" x14ac:dyDescent="0.2">
      <c r="A88" s="14">
        <v>68</v>
      </c>
      <c r="B88" s="15">
        <v>32</v>
      </c>
      <c r="C88" s="16">
        <v>30</v>
      </c>
      <c r="D88" s="17">
        <v>62</v>
      </c>
    </row>
    <row r="89" spans="1:4" ht="18" customHeight="1" x14ac:dyDescent="0.2">
      <c r="A89" s="14">
        <v>69</v>
      </c>
      <c r="B89" s="15">
        <v>34</v>
      </c>
      <c r="C89" s="16">
        <v>32</v>
      </c>
      <c r="D89" s="17">
        <v>66</v>
      </c>
    </row>
    <row r="90" spans="1:4" ht="18" customHeight="1" x14ac:dyDescent="0.2">
      <c r="A90" s="18" t="s">
        <v>63</v>
      </c>
      <c r="B90" s="15">
        <v>149</v>
      </c>
      <c r="C90" s="16">
        <v>146</v>
      </c>
      <c r="D90" s="17">
        <v>295</v>
      </c>
    </row>
    <row r="91" spans="1:4" ht="18" customHeight="1" x14ac:dyDescent="0.2">
      <c r="A91" s="14">
        <v>70</v>
      </c>
      <c r="B91" s="15">
        <v>32</v>
      </c>
      <c r="C91" s="16">
        <v>26</v>
      </c>
      <c r="D91" s="17">
        <v>58</v>
      </c>
    </row>
    <row r="92" spans="1:4" ht="18" customHeight="1" x14ac:dyDescent="0.2">
      <c r="A92" s="14">
        <v>71</v>
      </c>
      <c r="B92" s="15">
        <v>34</v>
      </c>
      <c r="C92" s="16">
        <v>38</v>
      </c>
      <c r="D92" s="17">
        <v>72</v>
      </c>
    </row>
    <row r="93" spans="1:4" ht="18" customHeight="1" x14ac:dyDescent="0.2">
      <c r="A93" s="14">
        <v>72</v>
      </c>
      <c r="B93" s="15">
        <v>16</v>
      </c>
      <c r="C93" s="16">
        <v>15</v>
      </c>
      <c r="D93" s="17">
        <v>31</v>
      </c>
    </row>
    <row r="94" spans="1:4" ht="18" customHeight="1" x14ac:dyDescent="0.2">
      <c r="A94" s="14">
        <v>73</v>
      </c>
      <c r="B94" s="15">
        <v>7</v>
      </c>
      <c r="C94" s="16">
        <v>22</v>
      </c>
      <c r="D94" s="17">
        <v>29</v>
      </c>
    </row>
    <row r="95" spans="1:4" ht="18" customHeight="1" x14ac:dyDescent="0.2">
      <c r="A95" s="14">
        <v>74</v>
      </c>
      <c r="B95" s="15">
        <v>16</v>
      </c>
      <c r="C95" s="16">
        <v>24</v>
      </c>
      <c r="D95" s="17">
        <v>40</v>
      </c>
    </row>
    <row r="96" spans="1:4" ht="18" customHeight="1" x14ac:dyDescent="0.2">
      <c r="A96" s="18" t="s">
        <v>64</v>
      </c>
      <c r="B96" s="15">
        <v>105</v>
      </c>
      <c r="C96" s="16">
        <v>125</v>
      </c>
      <c r="D96" s="17">
        <v>230</v>
      </c>
    </row>
    <row r="97" spans="1:4" ht="18" customHeight="1" x14ac:dyDescent="0.2">
      <c r="A97" s="14">
        <v>75</v>
      </c>
      <c r="B97" s="15">
        <v>14</v>
      </c>
      <c r="C97" s="16">
        <v>25</v>
      </c>
      <c r="D97" s="17">
        <v>39</v>
      </c>
    </row>
    <row r="98" spans="1:4" ht="18" customHeight="1" x14ac:dyDescent="0.2">
      <c r="A98" s="14">
        <v>76</v>
      </c>
      <c r="B98" s="15">
        <v>19</v>
      </c>
      <c r="C98" s="16">
        <v>24</v>
      </c>
      <c r="D98" s="17">
        <v>43</v>
      </c>
    </row>
    <row r="99" spans="1:4" ht="18" customHeight="1" x14ac:dyDescent="0.2">
      <c r="A99" s="14">
        <v>77</v>
      </c>
      <c r="B99" s="15">
        <v>18</v>
      </c>
      <c r="C99" s="16">
        <v>24</v>
      </c>
      <c r="D99" s="17">
        <v>42</v>
      </c>
    </row>
    <row r="100" spans="1:4" ht="18" customHeight="1" x14ac:dyDescent="0.2">
      <c r="A100" s="14">
        <v>78</v>
      </c>
      <c r="B100" s="15">
        <v>12</v>
      </c>
      <c r="C100" s="16">
        <v>22</v>
      </c>
      <c r="D100" s="17">
        <v>34</v>
      </c>
    </row>
    <row r="101" spans="1:4" ht="18" customHeight="1" x14ac:dyDescent="0.2">
      <c r="A101" s="14">
        <v>79</v>
      </c>
      <c r="B101" s="15">
        <v>16</v>
      </c>
      <c r="C101" s="16">
        <v>14</v>
      </c>
      <c r="D101" s="17">
        <v>30</v>
      </c>
    </row>
    <row r="102" spans="1:4" ht="18" customHeight="1" x14ac:dyDescent="0.2">
      <c r="A102" s="18" t="s">
        <v>65</v>
      </c>
      <c r="B102" s="15">
        <v>79</v>
      </c>
      <c r="C102" s="16">
        <v>109</v>
      </c>
      <c r="D102" s="17">
        <v>188</v>
      </c>
    </row>
    <row r="103" spans="1:4" ht="18" customHeight="1" x14ac:dyDescent="0.2">
      <c r="A103" s="14">
        <v>80</v>
      </c>
      <c r="B103" s="15">
        <v>15</v>
      </c>
      <c r="C103" s="16">
        <v>17</v>
      </c>
      <c r="D103" s="17">
        <v>32</v>
      </c>
    </row>
    <row r="104" spans="1:4" ht="18" customHeight="1" x14ac:dyDescent="0.2">
      <c r="A104" s="14">
        <v>81</v>
      </c>
      <c r="B104" s="15">
        <v>11</v>
      </c>
      <c r="C104" s="16">
        <v>17</v>
      </c>
      <c r="D104" s="17">
        <v>28</v>
      </c>
    </row>
    <row r="105" spans="1:4" ht="18" customHeight="1" x14ac:dyDescent="0.2">
      <c r="A105" s="14">
        <v>82</v>
      </c>
      <c r="B105" s="15">
        <v>18</v>
      </c>
      <c r="C105" s="16">
        <v>19</v>
      </c>
      <c r="D105" s="17">
        <v>37</v>
      </c>
    </row>
    <row r="106" spans="1:4" ht="18" customHeight="1" x14ac:dyDescent="0.2">
      <c r="A106" s="14">
        <v>83</v>
      </c>
      <c r="B106" s="15">
        <v>11</v>
      </c>
      <c r="C106" s="16">
        <v>15</v>
      </c>
      <c r="D106" s="17">
        <v>26</v>
      </c>
    </row>
    <row r="107" spans="1:4" ht="18" customHeight="1" x14ac:dyDescent="0.2">
      <c r="A107" s="14">
        <v>84</v>
      </c>
      <c r="B107" s="15">
        <v>6</v>
      </c>
      <c r="C107" s="16">
        <v>19</v>
      </c>
      <c r="D107" s="17">
        <v>25</v>
      </c>
    </row>
    <row r="108" spans="1:4" ht="18" customHeight="1" x14ac:dyDescent="0.2">
      <c r="A108" s="18" t="s">
        <v>66</v>
      </c>
      <c r="B108" s="15">
        <v>61</v>
      </c>
      <c r="C108" s="16">
        <v>87</v>
      </c>
      <c r="D108" s="17">
        <v>148</v>
      </c>
    </row>
    <row r="109" spans="1:4" ht="18" customHeight="1" x14ac:dyDescent="0.2">
      <c r="A109" s="14">
        <v>85</v>
      </c>
      <c r="B109" s="15">
        <v>4</v>
      </c>
      <c r="C109" s="16">
        <v>21</v>
      </c>
      <c r="D109" s="17">
        <v>25</v>
      </c>
    </row>
    <row r="110" spans="1:4" ht="18" customHeight="1" x14ac:dyDescent="0.2">
      <c r="A110" s="14">
        <v>86</v>
      </c>
      <c r="B110" s="15">
        <v>7</v>
      </c>
      <c r="C110" s="16">
        <v>12</v>
      </c>
      <c r="D110" s="17">
        <v>19</v>
      </c>
    </row>
    <row r="111" spans="1:4" ht="18" customHeight="1" x14ac:dyDescent="0.2">
      <c r="A111" s="14">
        <v>87</v>
      </c>
      <c r="B111" s="15">
        <v>9</v>
      </c>
      <c r="C111" s="16">
        <v>13</v>
      </c>
      <c r="D111" s="17">
        <v>22</v>
      </c>
    </row>
    <row r="112" spans="1:4" ht="18" customHeight="1" x14ac:dyDescent="0.2">
      <c r="A112" s="14">
        <v>88</v>
      </c>
      <c r="B112" s="15">
        <v>6</v>
      </c>
      <c r="C112" s="16">
        <v>15</v>
      </c>
      <c r="D112" s="17">
        <v>21</v>
      </c>
    </row>
    <row r="113" spans="1:4" ht="18" customHeight="1" x14ac:dyDescent="0.2">
      <c r="A113" s="14">
        <v>89</v>
      </c>
      <c r="B113" s="15">
        <v>6</v>
      </c>
      <c r="C113" s="16">
        <v>10</v>
      </c>
      <c r="D113" s="17">
        <v>16</v>
      </c>
    </row>
    <row r="114" spans="1:4" ht="18" customHeight="1" x14ac:dyDescent="0.2">
      <c r="A114" s="18" t="s">
        <v>67</v>
      </c>
      <c r="B114" s="15">
        <v>32</v>
      </c>
      <c r="C114" s="16">
        <v>71</v>
      </c>
      <c r="D114" s="17">
        <v>103</v>
      </c>
    </row>
    <row r="115" spans="1:4" ht="18" customHeight="1" x14ac:dyDescent="0.2">
      <c r="A115" s="14">
        <v>90</v>
      </c>
      <c r="B115" s="15">
        <v>4</v>
      </c>
      <c r="C115" s="16">
        <v>13</v>
      </c>
      <c r="D115" s="17">
        <v>17</v>
      </c>
    </row>
    <row r="116" spans="1:4" ht="18" customHeight="1" x14ac:dyDescent="0.2">
      <c r="A116" s="14">
        <v>91</v>
      </c>
      <c r="B116" s="15">
        <v>0</v>
      </c>
      <c r="C116" s="16">
        <v>8</v>
      </c>
      <c r="D116" s="17">
        <v>8</v>
      </c>
    </row>
    <row r="117" spans="1:4" ht="18" customHeight="1" x14ac:dyDescent="0.2">
      <c r="A117" s="14">
        <v>92</v>
      </c>
      <c r="B117" s="15">
        <v>5</v>
      </c>
      <c r="C117" s="16">
        <v>12</v>
      </c>
      <c r="D117" s="17">
        <v>17</v>
      </c>
    </row>
    <row r="118" spans="1:4" ht="18" customHeight="1" x14ac:dyDescent="0.2">
      <c r="A118" s="14">
        <v>93</v>
      </c>
      <c r="B118" s="15">
        <v>1</v>
      </c>
      <c r="C118" s="16">
        <v>8</v>
      </c>
      <c r="D118" s="17">
        <v>9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1</v>
      </c>
      <c r="C120" s="16">
        <v>46</v>
      </c>
      <c r="D120" s="17">
        <v>57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1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40</v>
      </c>
      <c r="C130" s="5">
        <v>595</v>
      </c>
      <c r="D130" s="6">
        <v>1035</v>
      </c>
    </row>
    <row r="131" spans="1:4" ht="18" customHeight="1" x14ac:dyDescent="0.2">
      <c r="A131" s="20" t="s">
        <v>47</v>
      </c>
      <c r="B131" s="7">
        <v>2623</v>
      </c>
      <c r="C131" s="8">
        <v>2605</v>
      </c>
      <c r="D131" s="9">
        <v>52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8</v>
      </c>
      <c r="C5" s="12">
        <v>14</v>
      </c>
      <c r="D5" s="13">
        <v>32</v>
      </c>
    </row>
    <row r="6" spans="1:10" ht="18" customHeight="1" x14ac:dyDescent="0.2">
      <c r="A6" s="14">
        <v>1</v>
      </c>
      <c r="B6" s="15">
        <v>21</v>
      </c>
      <c r="C6" s="16">
        <v>16</v>
      </c>
      <c r="D6" s="17">
        <v>37</v>
      </c>
    </row>
    <row r="7" spans="1:10" ht="18" customHeight="1" x14ac:dyDescent="0.2">
      <c r="A7" s="14">
        <v>2</v>
      </c>
      <c r="B7" s="15">
        <v>22</v>
      </c>
      <c r="C7" s="16">
        <v>19</v>
      </c>
      <c r="D7" s="17">
        <v>41</v>
      </c>
    </row>
    <row r="8" spans="1:10" ht="18" customHeight="1" x14ac:dyDescent="0.2">
      <c r="A8" s="14">
        <v>3</v>
      </c>
      <c r="B8" s="15">
        <v>27</v>
      </c>
      <c r="C8" s="16">
        <v>21</v>
      </c>
      <c r="D8" s="17">
        <v>48</v>
      </c>
    </row>
    <row r="9" spans="1:10" ht="18" customHeight="1" x14ac:dyDescent="0.2">
      <c r="A9" s="14">
        <v>4</v>
      </c>
      <c r="B9" s="15">
        <v>31</v>
      </c>
      <c r="C9" s="16">
        <v>18</v>
      </c>
      <c r="D9" s="17">
        <v>49</v>
      </c>
    </row>
    <row r="10" spans="1:10" ht="18" customHeight="1" x14ac:dyDescent="0.2">
      <c r="A10" s="18" t="s">
        <v>48</v>
      </c>
      <c r="B10" s="15">
        <v>119</v>
      </c>
      <c r="C10" s="16">
        <v>88</v>
      </c>
      <c r="D10" s="17">
        <v>207</v>
      </c>
    </row>
    <row r="11" spans="1:10" ht="18" customHeight="1" x14ac:dyDescent="0.2">
      <c r="A11" s="14">
        <v>5</v>
      </c>
      <c r="B11" s="15">
        <v>17</v>
      </c>
      <c r="C11" s="16">
        <v>23</v>
      </c>
      <c r="D11" s="17">
        <v>40</v>
      </c>
    </row>
    <row r="12" spans="1:10" ht="18" customHeight="1" x14ac:dyDescent="0.2">
      <c r="A12" s="14">
        <v>6</v>
      </c>
      <c r="B12" s="15">
        <v>35</v>
      </c>
      <c r="C12" s="16">
        <v>19</v>
      </c>
      <c r="D12" s="17">
        <v>54</v>
      </c>
    </row>
    <row r="13" spans="1:10" ht="18" customHeight="1" x14ac:dyDescent="0.2">
      <c r="A13" s="14">
        <v>7</v>
      </c>
      <c r="B13" s="15">
        <v>29</v>
      </c>
      <c r="C13" s="16">
        <v>38</v>
      </c>
      <c r="D13" s="17">
        <v>67</v>
      </c>
    </row>
    <row r="14" spans="1:10" ht="18" customHeight="1" x14ac:dyDescent="0.2">
      <c r="A14" s="14">
        <v>8</v>
      </c>
      <c r="B14" s="15">
        <v>38</v>
      </c>
      <c r="C14" s="16">
        <v>34</v>
      </c>
      <c r="D14" s="17">
        <v>72</v>
      </c>
    </row>
    <row r="15" spans="1:10" ht="18" customHeight="1" x14ac:dyDescent="0.2">
      <c r="A15" s="14">
        <v>9</v>
      </c>
      <c r="B15" s="15">
        <v>38</v>
      </c>
      <c r="C15" s="16">
        <v>39</v>
      </c>
      <c r="D15" s="17">
        <v>77</v>
      </c>
    </row>
    <row r="16" spans="1:10" ht="18" customHeight="1" x14ac:dyDescent="0.2">
      <c r="A16" s="18" t="s">
        <v>49</v>
      </c>
      <c r="B16" s="15">
        <v>157</v>
      </c>
      <c r="C16" s="16">
        <v>153</v>
      </c>
      <c r="D16" s="17">
        <v>310</v>
      </c>
    </row>
    <row r="17" spans="1:4" ht="18" customHeight="1" x14ac:dyDescent="0.2">
      <c r="A17" s="14">
        <v>10</v>
      </c>
      <c r="B17" s="15">
        <v>33</v>
      </c>
      <c r="C17" s="16">
        <v>41</v>
      </c>
      <c r="D17" s="17">
        <v>74</v>
      </c>
    </row>
    <row r="18" spans="1:4" ht="18" customHeight="1" x14ac:dyDescent="0.2">
      <c r="A18" s="14">
        <v>11</v>
      </c>
      <c r="B18" s="15">
        <v>41</v>
      </c>
      <c r="C18" s="16">
        <v>36</v>
      </c>
      <c r="D18" s="17">
        <v>77</v>
      </c>
    </row>
    <row r="19" spans="1:4" ht="18" customHeight="1" x14ac:dyDescent="0.2">
      <c r="A19" s="14">
        <v>12</v>
      </c>
      <c r="B19" s="15">
        <v>36</v>
      </c>
      <c r="C19" s="16">
        <v>38</v>
      </c>
      <c r="D19" s="17">
        <v>74</v>
      </c>
    </row>
    <row r="20" spans="1:4" ht="18" customHeight="1" x14ac:dyDescent="0.2">
      <c r="A20" s="14">
        <v>13</v>
      </c>
      <c r="B20" s="15">
        <v>41</v>
      </c>
      <c r="C20" s="16">
        <v>40</v>
      </c>
      <c r="D20" s="17">
        <v>81</v>
      </c>
    </row>
    <row r="21" spans="1:4" ht="18" customHeight="1" x14ac:dyDescent="0.2">
      <c r="A21" s="14">
        <v>14</v>
      </c>
      <c r="B21" s="15">
        <v>50</v>
      </c>
      <c r="C21" s="16">
        <v>48</v>
      </c>
      <c r="D21" s="17">
        <v>98</v>
      </c>
    </row>
    <row r="22" spans="1:4" ht="18" customHeight="1" x14ac:dyDescent="0.2">
      <c r="A22" s="18" t="s">
        <v>50</v>
      </c>
      <c r="B22" s="15">
        <v>201</v>
      </c>
      <c r="C22" s="16">
        <v>203</v>
      </c>
      <c r="D22" s="17">
        <v>404</v>
      </c>
    </row>
    <row r="23" spans="1:4" ht="18" customHeight="1" x14ac:dyDescent="0.2">
      <c r="A23" s="18" t="s">
        <v>51</v>
      </c>
      <c r="B23" s="15">
        <v>477</v>
      </c>
      <c r="C23" s="16">
        <v>444</v>
      </c>
      <c r="D23" s="17">
        <v>921</v>
      </c>
    </row>
    <row r="24" spans="1:4" ht="18" customHeight="1" x14ac:dyDescent="0.2">
      <c r="A24" s="14">
        <v>15</v>
      </c>
      <c r="B24" s="15">
        <v>35</v>
      </c>
      <c r="C24" s="16">
        <v>35</v>
      </c>
      <c r="D24" s="17">
        <v>70</v>
      </c>
    </row>
    <row r="25" spans="1:4" ht="18" customHeight="1" x14ac:dyDescent="0.2">
      <c r="A25" s="14">
        <v>16</v>
      </c>
      <c r="B25" s="15">
        <v>40</v>
      </c>
      <c r="C25" s="16">
        <v>43</v>
      </c>
      <c r="D25" s="17">
        <v>83</v>
      </c>
    </row>
    <row r="26" spans="1:4" ht="18" customHeight="1" x14ac:dyDescent="0.2">
      <c r="A26" s="14">
        <v>17</v>
      </c>
      <c r="B26" s="15">
        <v>37</v>
      </c>
      <c r="C26" s="16">
        <v>51</v>
      </c>
      <c r="D26" s="17">
        <v>88</v>
      </c>
    </row>
    <row r="27" spans="1:4" ht="18" customHeight="1" x14ac:dyDescent="0.2">
      <c r="A27" s="14">
        <v>18</v>
      </c>
      <c r="B27" s="15">
        <v>47</v>
      </c>
      <c r="C27" s="16">
        <v>39</v>
      </c>
      <c r="D27" s="17">
        <v>86</v>
      </c>
    </row>
    <row r="28" spans="1:4" ht="18" customHeight="1" x14ac:dyDescent="0.2">
      <c r="A28" s="14">
        <v>19</v>
      </c>
      <c r="B28" s="15">
        <v>38</v>
      </c>
      <c r="C28" s="16">
        <v>31</v>
      </c>
      <c r="D28" s="17">
        <v>69</v>
      </c>
    </row>
    <row r="29" spans="1:4" ht="18" customHeight="1" x14ac:dyDescent="0.2">
      <c r="A29" s="18" t="s">
        <v>52</v>
      </c>
      <c r="B29" s="15">
        <v>197</v>
      </c>
      <c r="C29" s="16">
        <v>199</v>
      </c>
      <c r="D29" s="17">
        <v>396</v>
      </c>
    </row>
    <row r="30" spans="1:4" ht="18" customHeight="1" x14ac:dyDescent="0.2">
      <c r="A30" s="14">
        <v>20</v>
      </c>
      <c r="B30" s="15">
        <v>31</v>
      </c>
      <c r="C30" s="16">
        <v>38</v>
      </c>
      <c r="D30" s="17">
        <v>69</v>
      </c>
    </row>
    <row r="31" spans="1:4" ht="18" customHeight="1" x14ac:dyDescent="0.2">
      <c r="A31" s="14">
        <v>21</v>
      </c>
      <c r="B31" s="15">
        <v>46</v>
      </c>
      <c r="C31" s="16">
        <v>38</v>
      </c>
      <c r="D31" s="17">
        <v>84</v>
      </c>
    </row>
    <row r="32" spans="1:4" ht="18" customHeight="1" x14ac:dyDescent="0.2">
      <c r="A32" s="14">
        <v>22</v>
      </c>
      <c r="B32" s="15">
        <v>25</v>
      </c>
      <c r="C32" s="16">
        <v>29</v>
      </c>
      <c r="D32" s="17">
        <v>54</v>
      </c>
    </row>
    <row r="33" spans="1:4" ht="18" customHeight="1" x14ac:dyDescent="0.2">
      <c r="A33" s="14">
        <v>23</v>
      </c>
      <c r="B33" s="15">
        <v>29</v>
      </c>
      <c r="C33" s="16">
        <v>32</v>
      </c>
      <c r="D33" s="17">
        <v>61</v>
      </c>
    </row>
    <row r="34" spans="1:4" ht="18" customHeight="1" x14ac:dyDescent="0.2">
      <c r="A34" s="14">
        <v>24</v>
      </c>
      <c r="B34" s="15">
        <v>21</v>
      </c>
      <c r="C34" s="16">
        <v>19</v>
      </c>
      <c r="D34" s="17">
        <v>40</v>
      </c>
    </row>
    <row r="35" spans="1:4" ht="18" customHeight="1" x14ac:dyDescent="0.2">
      <c r="A35" s="18" t="s">
        <v>53</v>
      </c>
      <c r="B35" s="15">
        <v>152</v>
      </c>
      <c r="C35" s="16">
        <v>156</v>
      </c>
      <c r="D35" s="17">
        <v>308</v>
      </c>
    </row>
    <row r="36" spans="1:4" ht="18" customHeight="1" x14ac:dyDescent="0.2">
      <c r="A36" s="14">
        <v>25</v>
      </c>
      <c r="B36" s="15">
        <v>29</v>
      </c>
      <c r="C36" s="16">
        <v>19</v>
      </c>
      <c r="D36" s="17">
        <v>48</v>
      </c>
    </row>
    <row r="37" spans="1:4" ht="18" customHeight="1" x14ac:dyDescent="0.2">
      <c r="A37" s="14">
        <v>26</v>
      </c>
      <c r="B37" s="15">
        <v>34</v>
      </c>
      <c r="C37" s="16">
        <v>27</v>
      </c>
      <c r="D37" s="17">
        <v>61</v>
      </c>
    </row>
    <row r="38" spans="1:4" ht="18" customHeight="1" x14ac:dyDescent="0.2">
      <c r="A38" s="14">
        <v>27</v>
      </c>
      <c r="B38" s="15">
        <v>21</v>
      </c>
      <c r="C38" s="16">
        <v>25</v>
      </c>
      <c r="D38" s="17">
        <v>46</v>
      </c>
    </row>
    <row r="39" spans="1:4" ht="18" customHeight="1" x14ac:dyDescent="0.2">
      <c r="A39" s="14">
        <v>28</v>
      </c>
      <c r="B39" s="15">
        <v>23</v>
      </c>
      <c r="C39" s="16">
        <v>21</v>
      </c>
      <c r="D39" s="17">
        <v>44</v>
      </c>
    </row>
    <row r="40" spans="1:4" ht="18" customHeight="1" x14ac:dyDescent="0.2">
      <c r="A40" s="14">
        <v>29</v>
      </c>
      <c r="B40" s="15">
        <v>29</v>
      </c>
      <c r="C40" s="16">
        <v>31</v>
      </c>
      <c r="D40" s="17">
        <v>60</v>
      </c>
    </row>
    <row r="41" spans="1:4" ht="18" customHeight="1" x14ac:dyDescent="0.2">
      <c r="A41" s="18" t="s">
        <v>54</v>
      </c>
      <c r="B41" s="15">
        <v>136</v>
      </c>
      <c r="C41" s="16">
        <v>123</v>
      </c>
      <c r="D41" s="17">
        <v>259</v>
      </c>
    </row>
    <row r="42" spans="1:4" ht="18" customHeight="1" x14ac:dyDescent="0.2">
      <c r="A42" s="14">
        <v>30</v>
      </c>
      <c r="B42" s="15">
        <v>22</v>
      </c>
      <c r="C42" s="16">
        <v>23</v>
      </c>
      <c r="D42" s="17">
        <v>45</v>
      </c>
    </row>
    <row r="43" spans="1:4" ht="18" customHeight="1" x14ac:dyDescent="0.2">
      <c r="A43" s="14">
        <v>31</v>
      </c>
      <c r="B43" s="15">
        <v>22</v>
      </c>
      <c r="C43" s="16">
        <v>27</v>
      </c>
      <c r="D43" s="17">
        <v>49</v>
      </c>
    </row>
    <row r="44" spans="1:4" ht="18" customHeight="1" x14ac:dyDescent="0.2">
      <c r="A44" s="14">
        <v>32</v>
      </c>
      <c r="B44" s="15">
        <v>31</v>
      </c>
      <c r="C44" s="16">
        <v>35</v>
      </c>
      <c r="D44" s="17">
        <v>66</v>
      </c>
    </row>
    <row r="45" spans="1:4" ht="18" customHeight="1" x14ac:dyDescent="0.2">
      <c r="A45" s="14">
        <v>33</v>
      </c>
      <c r="B45" s="15">
        <v>30</v>
      </c>
      <c r="C45" s="16">
        <v>38</v>
      </c>
      <c r="D45" s="17">
        <v>68</v>
      </c>
    </row>
    <row r="46" spans="1:4" ht="18" customHeight="1" x14ac:dyDescent="0.2">
      <c r="A46" s="14">
        <v>34</v>
      </c>
      <c r="B46" s="15">
        <v>34</v>
      </c>
      <c r="C46" s="16">
        <v>32</v>
      </c>
      <c r="D46" s="17">
        <v>66</v>
      </c>
    </row>
    <row r="47" spans="1:4" ht="18" customHeight="1" x14ac:dyDescent="0.2">
      <c r="A47" s="18" t="s">
        <v>55</v>
      </c>
      <c r="B47" s="15">
        <v>139</v>
      </c>
      <c r="C47" s="16">
        <v>155</v>
      </c>
      <c r="D47" s="17">
        <v>294</v>
      </c>
    </row>
    <row r="48" spans="1:4" ht="18" customHeight="1" x14ac:dyDescent="0.2">
      <c r="A48" s="14">
        <v>35</v>
      </c>
      <c r="B48" s="15">
        <v>28</v>
      </c>
      <c r="C48" s="16">
        <v>23</v>
      </c>
      <c r="D48" s="17">
        <v>51</v>
      </c>
    </row>
    <row r="49" spans="1:4" ht="18" customHeight="1" x14ac:dyDescent="0.2">
      <c r="A49" s="14">
        <v>36</v>
      </c>
      <c r="B49" s="15">
        <v>34</v>
      </c>
      <c r="C49" s="16">
        <v>34</v>
      </c>
      <c r="D49" s="17">
        <v>68</v>
      </c>
    </row>
    <row r="50" spans="1:4" ht="18" customHeight="1" x14ac:dyDescent="0.2">
      <c r="A50" s="14">
        <v>37</v>
      </c>
      <c r="B50" s="15">
        <v>38</v>
      </c>
      <c r="C50" s="16">
        <v>34</v>
      </c>
      <c r="D50" s="17">
        <v>72</v>
      </c>
    </row>
    <row r="51" spans="1:4" ht="18" customHeight="1" x14ac:dyDescent="0.2">
      <c r="A51" s="14">
        <v>38</v>
      </c>
      <c r="B51" s="15">
        <v>44</v>
      </c>
      <c r="C51" s="16">
        <v>32</v>
      </c>
      <c r="D51" s="17">
        <v>76</v>
      </c>
    </row>
    <row r="52" spans="1:4" ht="18" customHeight="1" x14ac:dyDescent="0.2">
      <c r="A52" s="14">
        <v>39</v>
      </c>
      <c r="B52" s="15">
        <v>42</v>
      </c>
      <c r="C52" s="16">
        <v>46</v>
      </c>
      <c r="D52" s="17">
        <v>88</v>
      </c>
    </row>
    <row r="53" spans="1:4" ht="18" customHeight="1" x14ac:dyDescent="0.2">
      <c r="A53" s="18" t="s">
        <v>56</v>
      </c>
      <c r="B53" s="15">
        <v>186</v>
      </c>
      <c r="C53" s="16">
        <v>169</v>
      </c>
      <c r="D53" s="17">
        <v>355</v>
      </c>
    </row>
    <row r="54" spans="1:4" ht="18" customHeight="1" x14ac:dyDescent="0.2">
      <c r="A54" s="14">
        <v>40</v>
      </c>
      <c r="B54" s="15">
        <v>52</v>
      </c>
      <c r="C54" s="16">
        <v>47</v>
      </c>
      <c r="D54" s="17">
        <v>99</v>
      </c>
    </row>
    <row r="55" spans="1:4" ht="18" customHeight="1" x14ac:dyDescent="0.2">
      <c r="A55" s="14">
        <v>41</v>
      </c>
      <c r="B55" s="15">
        <v>55</v>
      </c>
      <c r="C55" s="16">
        <v>50</v>
      </c>
      <c r="D55" s="17">
        <v>105</v>
      </c>
    </row>
    <row r="56" spans="1:4" ht="18" customHeight="1" x14ac:dyDescent="0.2">
      <c r="A56" s="14">
        <v>42</v>
      </c>
      <c r="B56" s="15">
        <v>52</v>
      </c>
      <c r="C56" s="16">
        <v>50</v>
      </c>
      <c r="D56" s="17">
        <v>102</v>
      </c>
    </row>
    <row r="57" spans="1:4" ht="18" customHeight="1" x14ac:dyDescent="0.2">
      <c r="A57" s="14">
        <v>43</v>
      </c>
      <c r="B57" s="15">
        <v>57</v>
      </c>
      <c r="C57" s="16">
        <v>52</v>
      </c>
      <c r="D57" s="17">
        <v>109</v>
      </c>
    </row>
    <row r="58" spans="1:4" ht="18" customHeight="1" x14ac:dyDescent="0.2">
      <c r="A58" s="14">
        <v>44</v>
      </c>
      <c r="B58" s="15">
        <v>75</v>
      </c>
      <c r="C58" s="16">
        <v>71</v>
      </c>
      <c r="D58" s="17">
        <v>146</v>
      </c>
    </row>
    <row r="59" spans="1:4" ht="18" customHeight="1" x14ac:dyDescent="0.2">
      <c r="A59" s="18" t="s">
        <v>57</v>
      </c>
      <c r="B59" s="15">
        <v>291</v>
      </c>
      <c r="C59" s="16">
        <v>270</v>
      </c>
      <c r="D59" s="17">
        <v>561</v>
      </c>
    </row>
    <row r="60" spans="1:4" ht="18" customHeight="1" x14ac:dyDescent="0.2">
      <c r="A60" s="14">
        <v>45</v>
      </c>
      <c r="B60" s="15">
        <v>75</v>
      </c>
      <c r="C60" s="16">
        <v>85</v>
      </c>
      <c r="D60" s="17">
        <v>160</v>
      </c>
    </row>
    <row r="61" spans="1:4" ht="18" customHeight="1" x14ac:dyDescent="0.2">
      <c r="A61" s="14">
        <v>46</v>
      </c>
      <c r="B61" s="15">
        <v>71</v>
      </c>
      <c r="C61" s="16">
        <v>77</v>
      </c>
      <c r="D61" s="17">
        <v>148</v>
      </c>
    </row>
    <row r="62" spans="1:4" ht="18" customHeight="1" x14ac:dyDescent="0.2">
      <c r="A62" s="14">
        <v>47</v>
      </c>
      <c r="B62" s="15">
        <v>49</v>
      </c>
      <c r="C62" s="16">
        <v>71</v>
      </c>
      <c r="D62" s="17">
        <v>120</v>
      </c>
    </row>
    <row r="63" spans="1:4" ht="18" customHeight="1" x14ac:dyDescent="0.2">
      <c r="A63" s="14">
        <v>48</v>
      </c>
      <c r="B63" s="15">
        <v>69</v>
      </c>
      <c r="C63" s="16">
        <v>51</v>
      </c>
      <c r="D63" s="17">
        <v>120</v>
      </c>
    </row>
    <row r="64" spans="1:4" ht="18" customHeight="1" x14ac:dyDescent="0.2">
      <c r="A64" s="14">
        <v>49</v>
      </c>
      <c r="B64" s="15">
        <v>55</v>
      </c>
      <c r="C64" s="16">
        <v>43</v>
      </c>
      <c r="D64" s="17">
        <v>98</v>
      </c>
    </row>
    <row r="65" spans="1:4" ht="18" customHeight="1" x14ac:dyDescent="0.2">
      <c r="A65" s="18" t="s">
        <v>58</v>
      </c>
      <c r="B65" s="15">
        <v>319</v>
      </c>
      <c r="C65" s="16">
        <v>327</v>
      </c>
      <c r="D65" s="17">
        <v>646</v>
      </c>
    </row>
    <row r="66" spans="1:4" ht="18" customHeight="1" x14ac:dyDescent="0.2">
      <c r="A66" s="14">
        <v>50</v>
      </c>
      <c r="B66" s="15">
        <v>50</v>
      </c>
      <c r="C66" s="16">
        <v>42</v>
      </c>
      <c r="D66" s="17">
        <v>92</v>
      </c>
    </row>
    <row r="67" spans="1:4" ht="18" customHeight="1" x14ac:dyDescent="0.2">
      <c r="A67" s="14">
        <v>51</v>
      </c>
      <c r="B67" s="15">
        <v>60</v>
      </c>
      <c r="C67" s="16">
        <v>57</v>
      </c>
      <c r="D67" s="17">
        <v>117</v>
      </c>
    </row>
    <row r="68" spans="1:4" ht="18" customHeight="1" x14ac:dyDescent="0.2">
      <c r="A68" s="14">
        <v>52</v>
      </c>
      <c r="B68" s="15">
        <v>34</v>
      </c>
      <c r="C68" s="16">
        <v>32</v>
      </c>
      <c r="D68" s="17">
        <v>66</v>
      </c>
    </row>
    <row r="69" spans="1:4" ht="18" customHeight="1" x14ac:dyDescent="0.2">
      <c r="A69" s="14">
        <v>53</v>
      </c>
      <c r="B69" s="15">
        <v>48</v>
      </c>
      <c r="C69" s="16">
        <v>53</v>
      </c>
      <c r="D69" s="17">
        <v>101</v>
      </c>
    </row>
    <row r="70" spans="1:4" ht="18" customHeight="1" x14ac:dyDescent="0.2">
      <c r="A70" s="14">
        <v>54</v>
      </c>
      <c r="B70" s="15">
        <v>44</v>
      </c>
      <c r="C70" s="16">
        <v>44</v>
      </c>
      <c r="D70" s="17">
        <v>88</v>
      </c>
    </row>
    <row r="71" spans="1:4" ht="18" customHeight="1" x14ac:dyDescent="0.2">
      <c r="A71" s="18" t="s">
        <v>59</v>
      </c>
      <c r="B71" s="15">
        <v>236</v>
      </c>
      <c r="C71" s="16">
        <v>228</v>
      </c>
      <c r="D71" s="17">
        <v>464</v>
      </c>
    </row>
    <row r="72" spans="1:4" ht="18" customHeight="1" x14ac:dyDescent="0.2">
      <c r="A72" s="14">
        <v>55</v>
      </c>
      <c r="B72" s="15">
        <v>30</v>
      </c>
      <c r="C72" s="16">
        <v>35</v>
      </c>
      <c r="D72" s="17">
        <v>65</v>
      </c>
    </row>
    <row r="73" spans="1:4" ht="18" customHeight="1" x14ac:dyDescent="0.2">
      <c r="A73" s="14">
        <v>56</v>
      </c>
      <c r="B73" s="15">
        <v>44</v>
      </c>
      <c r="C73" s="16">
        <v>36</v>
      </c>
      <c r="D73" s="17">
        <v>80</v>
      </c>
    </row>
    <row r="74" spans="1:4" ht="18" customHeight="1" x14ac:dyDescent="0.2">
      <c r="A74" s="14">
        <v>57</v>
      </c>
      <c r="B74" s="15">
        <v>39</v>
      </c>
      <c r="C74" s="16">
        <v>43</v>
      </c>
      <c r="D74" s="17">
        <v>82</v>
      </c>
    </row>
    <row r="75" spans="1:4" ht="18" customHeight="1" x14ac:dyDescent="0.2">
      <c r="A75" s="14">
        <v>58</v>
      </c>
      <c r="B75" s="15">
        <v>46</v>
      </c>
      <c r="C75" s="16">
        <v>43</v>
      </c>
      <c r="D75" s="17">
        <v>89</v>
      </c>
    </row>
    <row r="76" spans="1:4" ht="18" customHeight="1" x14ac:dyDescent="0.2">
      <c r="A76" s="14">
        <v>59</v>
      </c>
      <c r="B76" s="15">
        <v>39</v>
      </c>
      <c r="C76" s="16">
        <v>49</v>
      </c>
      <c r="D76" s="17">
        <v>88</v>
      </c>
    </row>
    <row r="77" spans="1:4" ht="18" customHeight="1" x14ac:dyDescent="0.2">
      <c r="A77" s="18" t="s">
        <v>60</v>
      </c>
      <c r="B77" s="15">
        <v>198</v>
      </c>
      <c r="C77" s="16">
        <v>206</v>
      </c>
      <c r="D77" s="17">
        <v>404</v>
      </c>
    </row>
    <row r="78" spans="1:4" ht="18" customHeight="1" x14ac:dyDescent="0.2">
      <c r="A78" s="14">
        <v>60</v>
      </c>
      <c r="B78" s="15">
        <v>49</v>
      </c>
      <c r="C78" s="16">
        <v>47</v>
      </c>
      <c r="D78" s="17">
        <v>96</v>
      </c>
    </row>
    <row r="79" spans="1:4" ht="18" customHeight="1" x14ac:dyDescent="0.2">
      <c r="A79" s="14">
        <v>61</v>
      </c>
      <c r="B79" s="15">
        <v>46</v>
      </c>
      <c r="C79" s="16">
        <v>43</v>
      </c>
      <c r="D79" s="17">
        <v>89</v>
      </c>
    </row>
    <row r="80" spans="1:4" ht="18" customHeight="1" x14ac:dyDescent="0.2">
      <c r="A80" s="14">
        <v>62</v>
      </c>
      <c r="B80" s="15">
        <v>35</v>
      </c>
      <c r="C80" s="16">
        <v>45</v>
      </c>
      <c r="D80" s="17">
        <v>80</v>
      </c>
    </row>
    <row r="81" spans="1:4" ht="18" customHeight="1" x14ac:dyDescent="0.2">
      <c r="A81" s="14">
        <v>63</v>
      </c>
      <c r="B81" s="15">
        <v>29</v>
      </c>
      <c r="C81" s="16">
        <v>51</v>
      </c>
      <c r="D81" s="17">
        <v>80</v>
      </c>
    </row>
    <row r="82" spans="1:4" ht="18" customHeight="1" x14ac:dyDescent="0.2">
      <c r="A82" s="14">
        <v>64</v>
      </c>
      <c r="B82" s="15">
        <v>54</v>
      </c>
      <c r="C82" s="16">
        <v>46</v>
      </c>
      <c r="D82" s="17">
        <v>100</v>
      </c>
    </row>
    <row r="83" spans="1:4" ht="18" customHeight="1" x14ac:dyDescent="0.2">
      <c r="A83" s="18" t="s">
        <v>61</v>
      </c>
      <c r="B83" s="15">
        <v>213</v>
      </c>
      <c r="C83" s="16">
        <v>232</v>
      </c>
      <c r="D83" s="17">
        <v>445</v>
      </c>
    </row>
    <row r="84" spans="1:4" ht="18" customHeight="1" x14ac:dyDescent="0.2">
      <c r="A84" s="18" t="s">
        <v>62</v>
      </c>
      <c r="B84" s="15">
        <v>2067</v>
      </c>
      <c r="C84" s="16">
        <v>2065</v>
      </c>
      <c r="D84" s="17">
        <v>4132</v>
      </c>
    </row>
    <row r="85" spans="1:4" ht="18" customHeight="1" x14ac:dyDescent="0.2">
      <c r="A85" s="14">
        <v>65</v>
      </c>
      <c r="B85" s="15">
        <v>54</v>
      </c>
      <c r="C85" s="16">
        <v>44</v>
      </c>
      <c r="D85" s="17">
        <v>98</v>
      </c>
    </row>
    <row r="86" spans="1:4" ht="18" customHeight="1" x14ac:dyDescent="0.2">
      <c r="A86" s="14">
        <v>66</v>
      </c>
      <c r="B86" s="15">
        <v>52</v>
      </c>
      <c r="C86" s="16">
        <v>59</v>
      </c>
      <c r="D86" s="17">
        <v>111</v>
      </c>
    </row>
    <row r="87" spans="1:4" ht="18" customHeight="1" x14ac:dyDescent="0.2">
      <c r="A87" s="14">
        <v>67</v>
      </c>
      <c r="B87" s="15">
        <v>35</v>
      </c>
      <c r="C87" s="16">
        <v>50</v>
      </c>
      <c r="D87" s="17">
        <v>85</v>
      </c>
    </row>
    <row r="88" spans="1:4" ht="18" customHeight="1" x14ac:dyDescent="0.2">
      <c r="A88" s="14">
        <v>68</v>
      </c>
      <c r="B88" s="15">
        <v>56</v>
      </c>
      <c r="C88" s="16">
        <v>60</v>
      </c>
      <c r="D88" s="17">
        <v>116</v>
      </c>
    </row>
    <row r="89" spans="1:4" ht="18" customHeight="1" x14ac:dyDescent="0.2">
      <c r="A89" s="14">
        <v>69</v>
      </c>
      <c r="B89" s="15">
        <v>68</v>
      </c>
      <c r="C89" s="16">
        <v>90</v>
      </c>
      <c r="D89" s="17">
        <v>158</v>
      </c>
    </row>
    <row r="90" spans="1:4" ht="18" customHeight="1" x14ac:dyDescent="0.2">
      <c r="A90" s="18" t="s">
        <v>63</v>
      </c>
      <c r="B90" s="15">
        <v>265</v>
      </c>
      <c r="C90" s="16">
        <v>303</v>
      </c>
      <c r="D90" s="17">
        <v>568</v>
      </c>
    </row>
    <row r="91" spans="1:4" ht="18" customHeight="1" x14ac:dyDescent="0.2">
      <c r="A91" s="14">
        <v>70</v>
      </c>
      <c r="B91" s="15">
        <v>77</v>
      </c>
      <c r="C91" s="16">
        <v>71</v>
      </c>
      <c r="D91" s="17">
        <v>148</v>
      </c>
    </row>
    <row r="92" spans="1:4" ht="18" customHeight="1" x14ac:dyDescent="0.2">
      <c r="A92" s="14">
        <v>71</v>
      </c>
      <c r="B92" s="15">
        <v>68</v>
      </c>
      <c r="C92" s="16">
        <v>87</v>
      </c>
      <c r="D92" s="17">
        <v>155</v>
      </c>
    </row>
    <row r="93" spans="1:4" ht="18" customHeight="1" x14ac:dyDescent="0.2">
      <c r="A93" s="14">
        <v>72</v>
      </c>
      <c r="B93" s="15">
        <v>39</v>
      </c>
      <c r="C93" s="16">
        <v>33</v>
      </c>
      <c r="D93" s="17">
        <v>72</v>
      </c>
    </row>
    <row r="94" spans="1:4" ht="18" customHeight="1" x14ac:dyDescent="0.2">
      <c r="A94" s="14">
        <v>73</v>
      </c>
      <c r="B94" s="15">
        <v>28</v>
      </c>
      <c r="C94" s="16">
        <v>50</v>
      </c>
      <c r="D94" s="17">
        <v>78</v>
      </c>
    </row>
    <row r="95" spans="1:4" ht="18" customHeight="1" x14ac:dyDescent="0.2">
      <c r="A95" s="14">
        <v>74</v>
      </c>
      <c r="B95" s="15">
        <v>49</v>
      </c>
      <c r="C95" s="16">
        <v>76</v>
      </c>
      <c r="D95" s="17">
        <v>125</v>
      </c>
    </row>
    <row r="96" spans="1:4" ht="18" customHeight="1" x14ac:dyDescent="0.2">
      <c r="A96" s="18" t="s">
        <v>64</v>
      </c>
      <c r="B96" s="15">
        <v>261</v>
      </c>
      <c r="C96" s="16">
        <v>317</v>
      </c>
      <c r="D96" s="17">
        <v>578</v>
      </c>
    </row>
    <row r="97" spans="1:4" ht="18" customHeight="1" x14ac:dyDescent="0.2">
      <c r="A97" s="14">
        <v>75</v>
      </c>
      <c r="B97" s="15">
        <v>50</v>
      </c>
      <c r="C97" s="16">
        <v>56</v>
      </c>
      <c r="D97" s="17">
        <v>106</v>
      </c>
    </row>
    <row r="98" spans="1:4" ht="18" customHeight="1" x14ac:dyDescent="0.2">
      <c r="A98" s="14">
        <v>76</v>
      </c>
      <c r="B98" s="15">
        <v>49</v>
      </c>
      <c r="C98" s="16">
        <v>57</v>
      </c>
      <c r="D98" s="17">
        <v>106</v>
      </c>
    </row>
    <row r="99" spans="1:4" ht="18" customHeight="1" x14ac:dyDescent="0.2">
      <c r="A99" s="14">
        <v>77</v>
      </c>
      <c r="B99" s="15">
        <v>41</v>
      </c>
      <c r="C99" s="16">
        <v>46</v>
      </c>
      <c r="D99" s="17">
        <v>87</v>
      </c>
    </row>
    <row r="100" spans="1:4" ht="18" customHeight="1" x14ac:dyDescent="0.2">
      <c r="A100" s="14">
        <v>78</v>
      </c>
      <c r="B100" s="15">
        <v>48</v>
      </c>
      <c r="C100" s="16">
        <v>45</v>
      </c>
      <c r="D100" s="17">
        <v>93</v>
      </c>
    </row>
    <row r="101" spans="1:4" ht="18" customHeight="1" x14ac:dyDescent="0.2">
      <c r="A101" s="14">
        <v>79</v>
      </c>
      <c r="B101" s="15">
        <v>47</v>
      </c>
      <c r="C101" s="16">
        <v>30</v>
      </c>
      <c r="D101" s="17">
        <v>77</v>
      </c>
    </row>
    <row r="102" spans="1:4" ht="18" customHeight="1" x14ac:dyDescent="0.2">
      <c r="A102" s="18" t="s">
        <v>65</v>
      </c>
      <c r="B102" s="15">
        <v>235</v>
      </c>
      <c r="C102" s="16">
        <v>234</v>
      </c>
      <c r="D102" s="17">
        <v>469</v>
      </c>
    </row>
    <row r="103" spans="1:4" ht="18" customHeight="1" x14ac:dyDescent="0.2">
      <c r="A103" s="14">
        <v>80</v>
      </c>
      <c r="B103" s="15">
        <v>26</v>
      </c>
      <c r="C103" s="16">
        <v>34</v>
      </c>
      <c r="D103" s="17">
        <v>60</v>
      </c>
    </row>
    <row r="104" spans="1:4" ht="18" customHeight="1" x14ac:dyDescent="0.2">
      <c r="A104" s="14">
        <v>81</v>
      </c>
      <c r="B104" s="15">
        <v>39</v>
      </c>
      <c r="C104" s="16">
        <v>46</v>
      </c>
      <c r="D104" s="17">
        <v>85</v>
      </c>
    </row>
    <row r="105" spans="1:4" ht="18" customHeight="1" x14ac:dyDescent="0.2">
      <c r="A105" s="14">
        <v>82</v>
      </c>
      <c r="B105" s="15">
        <v>23</v>
      </c>
      <c r="C105" s="16">
        <v>44</v>
      </c>
      <c r="D105" s="17">
        <v>67</v>
      </c>
    </row>
    <row r="106" spans="1:4" ht="18" customHeight="1" x14ac:dyDescent="0.2">
      <c r="A106" s="14">
        <v>83</v>
      </c>
      <c r="B106" s="15">
        <v>26</v>
      </c>
      <c r="C106" s="16">
        <v>42</v>
      </c>
      <c r="D106" s="17">
        <v>68</v>
      </c>
    </row>
    <row r="107" spans="1:4" ht="18" customHeight="1" x14ac:dyDescent="0.2">
      <c r="A107" s="14">
        <v>84</v>
      </c>
      <c r="B107" s="15">
        <v>15</v>
      </c>
      <c r="C107" s="16">
        <v>33</v>
      </c>
      <c r="D107" s="17">
        <v>48</v>
      </c>
    </row>
    <row r="108" spans="1:4" ht="18" customHeight="1" x14ac:dyDescent="0.2">
      <c r="A108" s="18" t="s">
        <v>66</v>
      </c>
      <c r="B108" s="15">
        <v>129</v>
      </c>
      <c r="C108" s="16">
        <v>199</v>
      </c>
      <c r="D108" s="17">
        <v>328</v>
      </c>
    </row>
    <row r="109" spans="1:4" ht="18" customHeight="1" x14ac:dyDescent="0.2">
      <c r="A109" s="14">
        <v>85</v>
      </c>
      <c r="B109" s="15">
        <v>23</v>
      </c>
      <c r="C109" s="16">
        <v>34</v>
      </c>
      <c r="D109" s="17">
        <v>57</v>
      </c>
    </row>
    <row r="110" spans="1:4" ht="18" customHeight="1" x14ac:dyDescent="0.2">
      <c r="A110" s="14">
        <v>86</v>
      </c>
      <c r="B110" s="15">
        <v>20</v>
      </c>
      <c r="C110" s="16">
        <v>29</v>
      </c>
      <c r="D110" s="17">
        <v>49</v>
      </c>
    </row>
    <row r="111" spans="1:4" ht="18" customHeight="1" x14ac:dyDescent="0.2">
      <c r="A111" s="14">
        <v>87</v>
      </c>
      <c r="B111" s="15">
        <v>13</v>
      </c>
      <c r="C111" s="16">
        <v>27</v>
      </c>
      <c r="D111" s="17">
        <v>40</v>
      </c>
    </row>
    <row r="112" spans="1:4" ht="18" customHeight="1" x14ac:dyDescent="0.2">
      <c r="A112" s="14">
        <v>88</v>
      </c>
      <c r="B112" s="15">
        <v>10</v>
      </c>
      <c r="C112" s="16">
        <v>19</v>
      </c>
      <c r="D112" s="17">
        <v>29</v>
      </c>
    </row>
    <row r="113" spans="1:4" ht="18" customHeight="1" x14ac:dyDescent="0.2">
      <c r="A113" s="14">
        <v>89</v>
      </c>
      <c r="B113" s="15">
        <v>11</v>
      </c>
      <c r="C113" s="16">
        <v>18</v>
      </c>
      <c r="D113" s="17">
        <v>29</v>
      </c>
    </row>
    <row r="114" spans="1:4" ht="18" customHeight="1" x14ac:dyDescent="0.2">
      <c r="A114" s="18" t="s">
        <v>67</v>
      </c>
      <c r="B114" s="15">
        <v>77</v>
      </c>
      <c r="C114" s="16">
        <v>127</v>
      </c>
      <c r="D114" s="17">
        <v>204</v>
      </c>
    </row>
    <row r="115" spans="1:4" ht="18" customHeight="1" x14ac:dyDescent="0.2">
      <c r="A115" s="14">
        <v>90</v>
      </c>
      <c r="B115" s="15">
        <v>8</v>
      </c>
      <c r="C115" s="16">
        <v>13</v>
      </c>
      <c r="D115" s="17">
        <v>21</v>
      </c>
    </row>
    <row r="116" spans="1:4" ht="18" customHeight="1" x14ac:dyDescent="0.2">
      <c r="A116" s="14">
        <v>91</v>
      </c>
      <c r="B116" s="15">
        <v>9</v>
      </c>
      <c r="C116" s="16">
        <v>11</v>
      </c>
      <c r="D116" s="17">
        <v>20</v>
      </c>
    </row>
    <row r="117" spans="1:4" ht="18" customHeight="1" x14ac:dyDescent="0.2">
      <c r="A117" s="14">
        <v>92</v>
      </c>
      <c r="B117" s="15">
        <v>6</v>
      </c>
      <c r="C117" s="16">
        <v>6</v>
      </c>
      <c r="D117" s="17">
        <v>12</v>
      </c>
    </row>
    <row r="118" spans="1:4" ht="18" customHeight="1" x14ac:dyDescent="0.2">
      <c r="A118" s="14">
        <v>93</v>
      </c>
      <c r="B118" s="15">
        <v>3</v>
      </c>
      <c r="C118" s="16">
        <v>16</v>
      </c>
      <c r="D118" s="17">
        <v>19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29</v>
      </c>
      <c r="C120" s="16">
        <v>56</v>
      </c>
      <c r="D120" s="17">
        <v>85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9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21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998</v>
      </c>
      <c r="C130" s="5">
        <v>1257</v>
      </c>
      <c r="D130" s="6">
        <v>2255</v>
      </c>
    </row>
    <row r="131" spans="1:4" ht="18" customHeight="1" x14ac:dyDescent="0.2">
      <c r="A131" s="20" t="s">
        <v>47</v>
      </c>
      <c r="B131" s="7">
        <v>3542</v>
      </c>
      <c r="C131" s="8">
        <v>3766</v>
      </c>
      <c r="D131" s="9">
        <v>730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14</v>
      </c>
      <c r="D5" s="13">
        <v>23</v>
      </c>
    </row>
    <row r="6" spans="1:10" ht="18" customHeight="1" x14ac:dyDescent="0.2">
      <c r="A6" s="14">
        <v>1</v>
      </c>
      <c r="B6" s="15">
        <v>18</v>
      </c>
      <c r="C6" s="16">
        <v>11</v>
      </c>
      <c r="D6" s="17">
        <v>29</v>
      </c>
    </row>
    <row r="7" spans="1:10" ht="18" customHeight="1" x14ac:dyDescent="0.2">
      <c r="A7" s="14">
        <v>2</v>
      </c>
      <c r="B7" s="15">
        <v>25</v>
      </c>
      <c r="C7" s="16">
        <v>9</v>
      </c>
      <c r="D7" s="17">
        <v>34</v>
      </c>
    </row>
    <row r="8" spans="1:10" ht="18" customHeight="1" x14ac:dyDescent="0.2">
      <c r="A8" s="14">
        <v>3</v>
      </c>
      <c r="B8" s="15">
        <v>14</v>
      </c>
      <c r="C8" s="16">
        <v>22</v>
      </c>
      <c r="D8" s="17">
        <v>36</v>
      </c>
    </row>
    <row r="9" spans="1:10" ht="18" customHeight="1" x14ac:dyDescent="0.2">
      <c r="A9" s="14">
        <v>4</v>
      </c>
      <c r="B9" s="15">
        <v>25</v>
      </c>
      <c r="C9" s="16">
        <v>20</v>
      </c>
      <c r="D9" s="17">
        <v>45</v>
      </c>
    </row>
    <row r="10" spans="1:10" ht="18" customHeight="1" x14ac:dyDescent="0.2">
      <c r="A10" s="18" t="s">
        <v>48</v>
      </c>
      <c r="B10" s="15">
        <v>91</v>
      </c>
      <c r="C10" s="16">
        <v>76</v>
      </c>
      <c r="D10" s="17">
        <v>167</v>
      </c>
    </row>
    <row r="11" spans="1:10" ht="18" customHeight="1" x14ac:dyDescent="0.2">
      <c r="A11" s="14">
        <v>5</v>
      </c>
      <c r="B11" s="15">
        <v>15</v>
      </c>
      <c r="C11" s="16">
        <v>21</v>
      </c>
      <c r="D11" s="17">
        <v>36</v>
      </c>
    </row>
    <row r="12" spans="1:10" ht="18" customHeight="1" x14ac:dyDescent="0.2">
      <c r="A12" s="14">
        <v>6</v>
      </c>
      <c r="B12" s="15">
        <v>33</v>
      </c>
      <c r="C12" s="16">
        <v>20</v>
      </c>
      <c r="D12" s="17">
        <v>53</v>
      </c>
    </row>
    <row r="13" spans="1:10" ht="18" customHeight="1" x14ac:dyDescent="0.2">
      <c r="A13" s="14">
        <v>7</v>
      </c>
      <c r="B13" s="15">
        <v>27</v>
      </c>
      <c r="C13" s="16">
        <v>24</v>
      </c>
      <c r="D13" s="17">
        <v>51</v>
      </c>
    </row>
    <row r="14" spans="1:10" ht="18" customHeight="1" x14ac:dyDescent="0.2">
      <c r="A14" s="14">
        <v>8</v>
      </c>
      <c r="B14" s="15">
        <v>23</v>
      </c>
      <c r="C14" s="16">
        <v>35</v>
      </c>
      <c r="D14" s="17">
        <v>58</v>
      </c>
    </row>
    <row r="15" spans="1:10" ht="18" customHeight="1" x14ac:dyDescent="0.2">
      <c r="A15" s="14">
        <v>9</v>
      </c>
      <c r="B15" s="15">
        <v>24</v>
      </c>
      <c r="C15" s="16">
        <v>24</v>
      </c>
      <c r="D15" s="17">
        <v>48</v>
      </c>
    </row>
    <row r="16" spans="1:10" ht="18" customHeight="1" x14ac:dyDescent="0.2">
      <c r="A16" s="18" t="s">
        <v>49</v>
      </c>
      <c r="B16" s="15">
        <v>122</v>
      </c>
      <c r="C16" s="16">
        <v>124</v>
      </c>
      <c r="D16" s="17">
        <v>246</v>
      </c>
    </row>
    <row r="17" spans="1:4" ht="18" customHeight="1" x14ac:dyDescent="0.2">
      <c r="A17" s="14">
        <v>10</v>
      </c>
      <c r="B17" s="15">
        <v>24</v>
      </c>
      <c r="C17" s="16">
        <v>24</v>
      </c>
      <c r="D17" s="17">
        <v>48</v>
      </c>
    </row>
    <row r="18" spans="1:4" ht="18" customHeight="1" x14ac:dyDescent="0.2">
      <c r="A18" s="14">
        <v>11</v>
      </c>
      <c r="B18" s="15">
        <v>32</v>
      </c>
      <c r="C18" s="16">
        <v>36</v>
      </c>
      <c r="D18" s="17">
        <v>68</v>
      </c>
    </row>
    <row r="19" spans="1:4" ht="18" customHeight="1" x14ac:dyDescent="0.2">
      <c r="A19" s="14">
        <v>12</v>
      </c>
      <c r="B19" s="15">
        <v>28</v>
      </c>
      <c r="C19" s="16">
        <v>23</v>
      </c>
      <c r="D19" s="17">
        <v>51</v>
      </c>
    </row>
    <row r="20" spans="1:4" ht="18" customHeight="1" x14ac:dyDescent="0.2">
      <c r="A20" s="14">
        <v>13</v>
      </c>
      <c r="B20" s="15">
        <v>34</v>
      </c>
      <c r="C20" s="16">
        <v>27</v>
      </c>
      <c r="D20" s="17">
        <v>61</v>
      </c>
    </row>
    <row r="21" spans="1:4" ht="18" customHeight="1" x14ac:dyDescent="0.2">
      <c r="A21" s="14">
        <v>14</v>
      </c>
      <c r="B21" s="15">
        <v>30</v>
      </c>
      <c r="C21" s="16">
        <v>28</v>
      </c>
      <c r="D21" s="17">
        <v>58</v>
      </c>
    </row>
    <row r="22" spans="1:4" ht="18" customHeight="1" x14ac:dyDescent="0.2">
      <c r="A22" s="18" t="s">
        <v>50</v>
      </c>
      <c r="B22" s="15">
        <v>148</v>
      </c>
      <c r="C22" s="16">
        <v>138</v>
      </c>
      <c r="D22" s="17">
        <v>286</v>
      </c>
    </row>
    <row r="23" spans="1:4" ht="18" customHeight="1" x14ac:dyDescent="0.2">
      <c r="A23" s="18" t="s">
        <v>51</v>
      </c>
      <c r="B23" s="15">
        <v>361</v>
      </c>
      <c r="C23" s="16">
        <v>338</v>
      </c>
      <c r="D23" s="17">
        <v>699</v>
      </c>
    </row>
    <row r="24" spans="1:4" ht="18" customHeight="1" x14ac:dyDescent="0.2">
      <c r="A24" s="14">
        <v>15</v>
      </c>
      <c r="B24" s="15">
        <v>26</v>
      </c>
      <c r="C24" s="16">
        <v>29</v>
      </c>
      <c r="D24" s="17">
        <v>55</v>
      </c>
    </row>
    <row r="25" spans="1:4" ht="18" customHeight="1" x14ac:dyDescent="0.2">
      <c r="A25" s="14">
        <v>16</v>
      </c>
      <c r="B25" s="15">
        <v>37</v>
      </c>
      <c r="C25" s="16">
        <v>22</v>
      </c>
      <c r="D25" s="17">
        <v>59</v>
      </c>
    </row>
    <row r="26" spans="1:4" ht="18" customHeight="1" x14ac:dyDescent="0.2">
      <c r="A26" s="14">
        <v>17</v>
      </c>
      <c r="B26" s="15">
        <v>39</v>
      </c>
      <c r="C26" s="16">
        <v>36</v>
      </c>
      <c r="D26" s="17">
        <v>75</v>
      </c>
    </row>
    <row r="27" spans="1:4" ht="18" customHeight="1" x14ac:dyDescent="0.2">
      <c r="A27" s="14">
        <v>18</v>
      </c>
      <c r="B27" s="15">
        <v>25</v>
      </c>
      <c r="C27" s="16">
        <v>28</v>
      </c>
      <c r="D27" s="17">
        <v>53</v>
      </c>
    </row>
    <row r="28" spans="1:4" ht="18" customHeight="1" x14ac:dyDescent="0.2">
      <c r="A28" s="14">
        <v>19</v>
      </c>
      <c r="B28" s="15">
        <v>29</v>
      </c>
      <c r="C28" s="16">
        <v>23</v>
      </c>
      <c r="D28" s="17">
        <v>52</v>
      </c>
    </row>
    <row r="29" spans="1:4" ht="18" customHeight="1" x14ac:dyDescent="0.2">
      <c r="A29" s="18" t="s">
        <v>52</v>
      </c>
      <c r="B29" s="15">
        <v>156</v>
      </c>
      <c r="C29" s="16">
        <v>138</v>
      </c>
      <c r="D29" s="17">
        <v>294</v>
      </c>
    </row>
    <row r="30" spans="1:4" ht="18" customHeight="1" x14ac:dyDescent="0.2">
      <c r="A30" s="14">
        <v>20</v>
      </c>
      <c r="B30" s="15">
        <v>33</v>
      </c>
      <c r="C30" s="16">
        <v>29</v>
      </c>
      <c r="D30" s="17">
        <v>62</v>
      </c>
    </row>
    <row r="31" spans="1:4" ht="18" customHeight="1" x14ac:dyDescent="0.2">
      <c r="A31" s="14">
        <v>21</v>
      </c>
      <c r="B31" s="15">
        <v>23</v>
      </c>
      <c r="C31" s="16">
        <v>31</v>
      </c>
      <c r="D31" s="17">
        <v>54</v>
      </c>
    </row>
    <row r="32" spans="1:4" ht="18" customHeight="1" x14ac:dyDescent="0.2">
      <c r="A32" s="14">
        <v>22</v>
      </c>
      <c r="B32" s="15">
        <v>26</v>
      </c>
      <c r="C32" s="16">
        <v>30</v>
      </c>
      <c r="D32" s="17">
        <v>56</v>
      </c>
    </row>
    <row r="33" spans="1:4" ht="18" customHeight="1" x14ac:dyDescent="0.2">
      <c r="A33" s="14">
        <v>23</v>
      </c>
      <c r="B33" s="15">
        <v>27</v>
      </c>
      <c r="C33" s="16">
        <v>24</v>
      </c>
      <c r="D33" s="17">
        <v>51</v>
      </c>
    </row>
    <row r="34" spans="1:4" ht="18" customHeight="1" x14ac:dyDescent="0.2">
      <c r="A34" s="14">
        <v>24</v>
      </c>
      <c r="B34" s="15">
        <v>22</v>
      </c>
      <c r="C34" s="16">
        <v>21</v>
      </c>
      <c r="D34" s="17">
        <v>43</v>
      </c>
    </row>
    <row r="35" spans="1:4" ht="18" customHeight="1" x14ac:dyDescent="0.2">
      <c r="A35" s="18" t="s">
        <v>53</v>
      </c>
      <c r="B35" s="15">
        <v>131</v>
      </c>
      <c r="C35" s="16">
        <v>135</v>
      </c>
      <c r="D35" s="17">
        <v>266</v>
      </c>
    </row>
    <row r="36" spans="1:4" ht="18" customHeight="1" x14ac:dyDescent="0.2">
      <c r="A36" s="14">
        <v>25</v>
      </c>
      <c r="B36" s="15">
        <v>22</v>
      </c>
      <c r="C36" s="16">
        <v>26</v>
      </c>
      <c r="D36" s="17">
        <v>48</v>
      </c>
    </row>
    <row r="37" spans="1:4" ht="18" customHeight="1" x14ac:dyDescent="0.2">
      <c r="A37" s="14">
        <v>26</v>
      </c>
      <c r="B37" s="15">
        <v>18</v>
      </c>
      <c r="C37" s="16">
        <v>17</v>
      </c>
      <c r="D37" s="17">
        <v>35</v>
      </c>
    </row>
    <row r="38" spans="1:4" ht="18" customHeight="1" x14ac:dyDescent="0.2">
      <c r="A38" s="14">
        <v>27</v>
      </c>
      <c r="B38" s="15">
        <v>27</v>
      </c>
      <c r="C38" s="16">
        <v>20</v>
      </c>
      <c r="D38" s="17">
        <v>47</v>
      </c>
    </row>
    <row r="39" spans="1:4" ht="18" customHeight="1" x14ac:dyDescent="0.2">
      <c r="A39" s="14">
        <v>28</v>
      </c>
      <c r="B39" s="15">
        <v>22</v>
      </c>
      <c r="C39" s="16">
        <v>18</v>
      </c>
      <c r="D39" s="17">
        <v>40</v>
      </c>
    </row>
    <row r="40" spans="1:4" ht="18" customHeight="1" x14ac:dyDescent="0.2">
      <c r="A40" s="14">
        <v>29</v>
      </c>
      <c r="B40" s="15">
        <v>17</v>
      </c>
      <c r="C40" s="16">
        <v>21</v>
      </c>
      <c r="D40" s="17">
        <v>38</v>
      </c>
    </row>
    <row r="41" spans="1:4" ht="18" customHeight="1" x14ac:dyDescent="0.2">
      <c r="A41" s="18" t="s">
        <v>54</v>
      </c>
      <c r="B41" s="15">
        <v>106</v>
      </c>
      <c r="C41" s="16">
        <v>102</v>
      </c>
      <c r="D41" s="17">
        <v>208</v>
      </c>
    </row>
    <row r="42" spans="1:4" ht="18" customHeight="1" x14ac:dyDescent="0.2">
      <c r="A42" s="14">
        <v>30</v>
      </c>
      <c r="B42" s="15">
        <v>21</v>
      </c>
      <c r="C42" s="16">
        <v>24</v>
      </c>
      <c r="D42" s="17">
        <v>45</v>
      </c>
    </row>
    <row r="43" spans="1:4" ht="18" customHeight="1" x14ac:dyDescent="0.2">
      <c r="A43" s="14">
        <v>31</v>
      </c>
      <c r="B43" s="15">
        <v>24</v>
      </c>
      <c r="C43" s="16">
        <v>29</v>
      </c>
      <c r="D43" s="17">
        <v>53</v>
      </c>
    </row>
    <row r="44" spans="1:4" ht="18" customHeight="1" x14ac:dyDescent="0.2">
      <c r="A44" s="14">
        <v>32</v>
      </c>
      <c r="B44" s="15">
        <v>22</v>
      </c>
      <c r="C44" s="16">
        <v>26</v>
      </c>
      <c r="D44" s="17">
        <v>48</v>
      </c>
    </row>
    <row r="45" spans="1:4" ht="18" customHeight="1" x14ac:dyDescent="0.2">
      <c r="A45" s="14">
        <v>33</v>
      </c>
      <c r="B45" s="15">
        <v>18</v>
      </c>
      <c r="C45" s="16">
        <v>26</v>
      </c>
      <c r="D45" s="17">
        <v>44</v>
      </c>
    </row>
    <row r="46" spans="1:4" ht="18" customHeight="1" x14ac:dyDescent="0.2">
      <c r="A46" s="14">
        <v>34</v>
      </c>
      <c r="B46" s="15">
        <v>22</v>
      </c>
      <c r="C46" s="16">
        <v>26</v>
      </c>
      <c r="D46" s="17">
        <v>48</v>
      </c>
    </row>
    <row r="47" spans="1:4" ht="18" customHeight="1" x14ac:dyDescent="0.2">
      <c r="A47" s="18" t="s">
        <v>55</v>
      </c>
      <c r="B47" s="15">
        <v>107</v>
      </c>
      <c r="C47" s="16">
        <v>131</v>
      </c>
      <c r="D47" s="17">
        <v>238</v>
      </c>
    </row>
    <row r="48" spans="1:4" ht="18" customHeight="1" x14ac:dyDescent="0.2">
      <c r="A48" s="14">
        <v>35</v>
      </c>
      <c r="B48" s="15">
        <v>28</v>
      </c>
      <c r="C48" s="16">
        <v>24</v>
      </c>
      <c r="D48" s="17">
        <v>52</v>
      </c>
    </row>
    <row r="49" spans="1:4" ht="18" customHeight="1" x14ac:dyDescent="0.2">
      <c r="A49" s="14">
        <v>36</v>
      </c>
      <c r="B49" s="15">
        <v>31</v>
      </c>
      <c r="C49" s="16">
        <v>34</v>
      </c>
      <c r="D49" s="17">
        <v>65</v>
      </c>
    </row>
    <row r="50" spans="1:4" ht="18" customHeight="1" x14ac:dyDescent="0.2">
      <c r="A50" s="14">
        <v>37</v>
      </c>
      <c r="B50" s="15">
        <v>33</v>
      </c>
      <c r="C50" s="16">
        <v>37</v>
      </c>
      <c r="D50" s="17">
        <v>70</v>
      </c>
    </row>
    <row r="51" spans="1:4" ht="18" customHeight="1" x14ac:dyDescent="0.2">
      <c r="A51" s="14">
        <v>38</v>
      </c>
      <c r="B51" s="15">
        <v>40</v>
      </c>
      <c r="C51" s="16">
        <v>38</v>
      </c>
      <c r="D51" s="17">
        <v>78</v>
      </c>
    </row>
    <row r="52" spans="1:4" ht="18" customHeight="1" x14ac:dyDescent="0.2">
      <c r="A52" s="14">
        <v>39</v>
      </c>
      <c r="B52" s="15">
        <v>35</v>
      </c>
      <c r="C52" s="16">
        <v>38</v>
      </c>
      <c r="D52" s="17">
        <v>73</v>
      </c>
    </row>
    <row r="53" spans="1:4" ht="18" customHeight="1" x14ac:dyDescent="0.2">
      <c r="A53" s="18" t="s">
        <v>56</v>
      </c>
      <c r="B53" s="15">
        <v>167</v>
      </c>
      <c r="C53" s="16">
        <v>171</v>
      </c>
      <c r="D53" s="17">
        <v>338</v>
      </c>
    </row>
    <row r="54" spans="1:4" ht="18" customHeight="1" x14ac:dyDescent="0.2">
      <c r="A54" s="14">
        <v>40</v>
      </c>
      <c r="B54" s="15">
        <v>50</v>
      </c>
      <c r="C54" s="16">
        <v>41</v>
      </c>
      <c r="D54" s="17">
        <v>91</v>
      </c>
    </row>
    <row r="55" spans="1:4" ht="18" customHeight="1" x14ac:dyDescent="0.2">
      <c r="A55" s="14">
        <v>41</v>
      </c>
      <c r="B55" s="15">
        <v>47</v>
      </c>
      <c r="C55" s="16">
        <v>37</v>
      </c>
      <c r="D55" s="17">
        <v>84</v>
      </c>
    </row>
    <row r="56" spans="1:4" ht="18" customHeight="1" x14ac:dyDescent="0.2">
      <c r="A56" s="14">
        <v>42</v>
      </c>
      <c r="B56" s="15">
        <v>44</v>
      </c>
      <c r="C56" s="16">
        <v>32</v>
      </c>
      <c r="D56" s="17">
        <v>76</v>
      </c>
    </row>
    <row r="57" spans="1:4" ht="18" customHeight="1" x14ac:dyDescent="0.2">
      <c r="A57" s="14">
        <v>43</v>
      </c>
      <c r="B57" s="15">
        <v>51</v>
      </c>
      <c r="C57" s="16">
        <v>42</v>
      </c>
      <c r="D57" s="17">
        <v>93</v>
      </c>
    </row>
    <row r="58" spans="1:4" ht="18" customHeight="1" x14ac:dyDescent="0.2">
      <c r="A58" s="14">
        <v>44</v>
      </c>
      <c r="B58" s="15">
        <v>46</v>
      </c>
      <c r="C58" s="16">
        <v>48</v>
      </c>
      <c r="D58" s="17">
        <v>94</v>
      </c>
    </row>
    <row r="59" spans="1:4" ht="18" customHeight="1" x14ac:dyDescent="0.2">
      <c r="A59" s="18" t="s">
        <v>57</v>
      </c>
      <c r="B59" s="15">
        <v>238</v>
      </c>
      <c r="C59" s="16">
        <v>200</v>
      </c>
      <c r="D59" s="17">
        <v>438</v>
      </c>
    </row>
    <row r="60" spans="1:4" ht="18" customHeight="1" x14ac:dyDescent="0.2">
      <c r="A60" s="14">
        <v>45</v>
      </c>
      <c r="B60" s="15">
        <v>54</v>
      </c>
      <c r="C60" s="16">
        <v>42</v>
      </c>
      <c r="D60" s="17">
        <v>96</v>
      </c>
    </row>
    <row r="61" spans="1:4" ht="18" customHeight="1" x14ac:dyDescent="0.2">
      <c r="A61" s="14">
        <v>46</v>
      </c>
      <c r="B61" s="15">
        <v>43</v>
      </c>
      <c r="C61" s="16">
        <v>46</v>
      </c>
      <c r="D61" s="17">
        <v>89</v>
      </c>
    </row>
    <row r="62" spans="1:4" ht="18" customHeight="1" x14ac:dyDescent="0.2">
      <c r="A62" s="14">
        <v>47</v>
      </c>
      <c r="B62" s="15">
        <v>42</v>
      </c>
      <c r="C62" s="16">
        <v>58</v>
      </c>
      <c r="D62" s="17">
        <v>100</v>
      </c>
    </row>
    <row r="63" spans="1:4" ht="18" customHeight="1" x14ac:dyDescent="0.2">
      <c r="A63" s="14">
        <v>48</v>
      </c>
      <c r="B63" s="15">
        <v>56</v>
      </c>
      <c r="C63" s="16">
        <v>52</v>
      </c>
      <c r="D63" s="17">
        <v>108</v>
      </c>
    </row>
    <row r="64" spans="1:4" ht="18" customHeight="1" x14ac:dyDescent="0.2">
      <c r="A64" s="14">
        <v>49</v>
      </c>
      <c r="B64" s="15">
        <v>58</v>
      </c>
      <c r="C64" s="16">
        <v>40</v>
      </c>
      <c r="D64" s="17">
        <v>98</v>
      </c>
    </row>
    <row r="65" spans="1:4" ht="18" customHeight="1" x14ac:dyDescent="0.2">
      <c r="A65" s="18" t="s">
        <v>58</v>
      </c>
      <c r="B65" s="15">
        <v>253</v>
      </c>
      <c r="C65" s="16">
        <v>238</v>
      </c>
      <c r="D65" s="17">
        <v>491</v>
      </c>
    </row>
    <row r="66" spans="1:4" ht="18" customHeight="1" x14ac:dyDescent="0.2">
      <c r="A66" s="14">
        <v>50</v>
      </c>
      <c r="B66" s="15">
        <v>44</v>
      </c>
      <c r="C66" s="16">
        <v>35</v>
      </c>
      <c r="D66" s="17">
        <v>79</v>
      </c>
    </row>
    <row r="67" spans="1:4" ht="18" customHeight="1" x14ac:dyDescent="0.2">
      <c r="A67" s="14">
        <v>51</v>
      </c>
      <c r="B67" s="15">
        <v>49</v>
      </c>
      <c r="C67" s="16">
        <v>43</v>
      </c>
      <c r="D67" s="17">
        <v>92</v>
      </c>
    </row>
    <row r="68" spans="1:4" ht="18" customHeight="1" x14ac:dyDescent="0.2">
      <c r="A68" s="14">
        <v>52</v>
      </c>
      <c r="B68" s="15">
        <v>31</v>
      </c>
      <c r="C68" s="16">
        <v>39</v>
      </c>
      <c r="D68" s="17">
        <v>70</v>
      </c>
    </row>
    <row r="69" spans="1:4" ht="18" customHeight="1" x14ac:dyDescent="0.2">
      <c r="A69" s="14">
        <v>53</v>
      </c>
      <c r="B69" s="15">
        <v>44</v>
      </c>
      <c r="C69" s="16">
        <v>38</v>
      </c>
      <c r="D69" s="17">
        <v>82</v>
      </c>
    </row>
    <row r="70" spans="1:4" ht="18" customHeight="1" x14ac:dyDescent="0.2">
      <c r="A70" s="14">
        <v>54</v>
      </c>
      <c r="B70" s="15">
        <v>32</v>
      </c>
      <c r="C70" s="16">
        <v>42</v>
      </c>
      <c r="D70" s="17">
        <v>74</v>
      </c>
    </row>
    <row r="71" spans="1:4" ht="18" customHeight="1" x14ac:dyDescent="0.2">
      <c r="A71" s="18" t="s">
        <v>59</v>
      </c>
      <c r="B71" s="15">
        <v>200</v>
      </c>
      <c r="C71" s="16">
        <v>197</v>
      </c>
      <c r="D71" s="17">
        <v>397</v>
      </c>
    </row>
    <row r="72" spans="1:4" ht="18" customHeight="1" x14ac:dyDescent="0.2">
      <c r="A72" s="14">
        <v>55</v>
      </c>
      <c r="B72" s="15">
        <v>35</v>
      </c>
      <c r="C72" s="16">
        <v>46</v>
      </c>
      <c r="D72" s="17">
        <v>81</v>
      </c>
    </row>
    <row r="73" spans="1:4" ht="18" customHeight="1" x14ac:dyDescent="0.2">
      <c r="A73" s="14">
        <v>56</v>
      </c>
      <c r="B73" s="15">
        <v>33</v>
      </c>
      <c r="C73" s="16">
        <v>37</v>
      </c>
      <c r="D73" s="17">
        <v>70</v>
      </c>
    </row>
    <row r="74" spans="1:4" ht="18" customHeight="1" x14ac:dyDescent="0.2">
      <c r="A74" s="14">
        <v>57</v>
      </c>
      <c r="B74" s="15">
        <v>44</v>
      </c>
      <c r="C74" s="16">
        <v>40</v>
      </c>
      <c r="D74" s="17">
        <v>84</v>
      </c>
    </row>
    <row r="75" spans="1:4" ht="18" customHeight="1" x14ac:dyDescent="0.2">
      <c r="A75" s="14">
        <v>58</v>
      </c>
      <c r="B75" s="15">
        <v>40</v>
      </c>
      <c r="C75" s="16">
        <v>42</v>
      </c>
      <c r="D75" s="17">
        <v>82</v>
      </c>
    </row>
    <row r="76" spans="1:4" ht="18" customHeight="1" x14ac:dyDescent="0.2">
      <c r="A76" s="14">
        <v>59</v>
      </c>
      <c r="B76" s="15">
        <v>26</v>
      </c>
      <c r="C76" s="16">
        <v>35</v>
      </c>
      <c r="D76" s="17">
        <v>61</v>
      </c>
    </row>
    <row r="77" spans="1:4" ht="18" customHeight="1" x14ac:dyDescent="0.2">
      <c r="A77" s="18" t="s">
        <v>60</v>
      </c>
      <c r="B77" s="15">
        <v>178</v>
      </c>
      <c r="C77" s="16">
        <v>200</v>
      </c>
      <c r="D77" s="17">
        <v>378</v>
      </c>
    </row>
    <row r="78" spans="1:4" ht="18" customHeight="1" x14ac:dyDescent="0.2">
      <c r="A78" s="14">
        <v>60</v>
      </c>
      <c r="B78" s="15">
        <v>48</v>
      </c>
      <c r="C78" s="16">
        <v>45</v>
      </c>
      <c r="D78" s="17">
        <v>93</v>
      </c>
    </row>
    <row r="79" spans="1:4" ht="18" customHeight="1" x14ac:dyDescent="0.2">
      <c r="A79" s="14">
        <v>61</v>
      </c>
      <c r="B79" s="15">
        <v>38</v>
      </c>
      <c r="C79" s="16">
        <v>44</v>
      </c>
      <c r="D79" s="17">
        <v>82</v>
      </c>
    </row>
    <row r="80" spans="1:4" ht="18" customHeight="1" x14ac:dyDescent="0.2">
      <c r="A80" s="14">
        <v>62</v>
      </c>
      <c r="B80" s="15">
        <v>33</v>
      </c>
      <c r="C80" s="16">
        <v>36</v>
      </c>
      <c r="D80" s="17">
        <v>69</v>
      </c>
    </row>
    <row r="81" spans="1:4" ht="18" customHeight="1" x14ac:dyDescent="0.2">
      <c r="A81" s="14">
        <v>63</v>
      </c>
      <c r="B81" s="15">
        <v>51</v>
      </c>
      <c r="C81" s="16">
        <v>50</v>
      </c>
      <c r="D81" s="17">
        <v>101</v>
      </c>
    </row>
    <row r="82" spans="1:4" ht="18" customHeight="1" x14ac:dyDescent="0.2">
      <c r="A82" s="14">
        <v>64</v>
      </c>
      <c r="B82" s="15">
        <v>32</v>
      </c>
      <c r="C82" s="16">
        <v>52</v>
      </c>
      <c r="D82" s="17">
        <v>84</v>
      </c>
    </row>
    <row r="83" spans="1:4" ht="18" customHeight="1" x14ac:dyDescent="0.2">
      <c r="A83" s="18" t="s">
        <v>61</v>
      </c>
      <c r="B83" s="15">
        <v>202</v>
      </c>
      <c r="C83" s="16">
        <v>227</v>
      </c>
      <c r="D83" s="17">
        <v>429</v>
      </c>
    </row>
    <row r="84" spans="1:4" ht="18" customHeight="1" x14ac:dyDescent="0.2">
      <c r="A84" s="18" t="s">
        <v>62</v>
      </c>
      <c r="B84" s="15">
        <v>1738</v>
      </c>
      <c r="C84" s="16">
        <v>1739</v>
      </c>
      <c r="D84" s="17">
        <v>3477</v>
      </c>
    </row>
    <row r="85" spans="1:4" ht="18" customHeight="1" x14ac:dyDescent="0.2">
      <c r="A85" s="14">
        <v>65</v>
      </c>
      <c r="B85" s="15">
        <v>42</v>
      </c>
      <c r="C85" s="16">
        <v>66</v>
      </c>
      <c r="D85" s="17">
        <v>108</v>
      </c>
    </row>
    <row r="86" spans="1:4" ht="18" customHeight="1" x14ac:dyDescent="0.2">
      <c r="A86" s="14">
        <v>66</v>
      </c>
      <c r="B86" s="15">
        <v>58</v>
      </c>
      <c r="C86" s="16">
        <v>77</v>
      </c>
      <c r="D86" s="17">
        <v>135</v>
      </c>
    </row>
    <row r="87" spans="1:4" ht="18" customHeight="1" x14ac:dyDescent="0.2">
      <c r="A87" s="14">
        <v>67</v>
      </c>
      <c r="B87" s="15">
        <v>57</v>
      </c>
      <c r="C87" s="16">
        <v>73</v>
      </c>
      <c r="D87" s="17">
        <v>130</v>
      </c>
    </row>
    <row r="88" spans="1:4" ht="18" customHeight="1" x14ac:dyDescent="0.2">
      <c r="A88" s="14">
        <v>68</v>
      </c>
      <c r="B88" s="15">
        <v>80</v>
      </c>
      <c r="C88" s="16">
        <v>79</v>
      </c>
      <c r="D88" s="17">
        <v>159</v>
      </c>
    </row>
    <row r="89" spans="1:4" ht="18" customHeight="1" x14ac:dyDescent="0.2">
      <c r="A89" s="14">
        <v>69</v>
      </c>
      <c r="B89" s="15">
        <v>88</v>
      </c>
      <c r="C89" s="16">
        <v>79</v>
      </c>
      <c r="D89" s="17">
        <v>167</v>
      </c>
    </row>
    <row r="90" spans="1:4" ht="18" customHeight="1" x14ac:dyDescent="0.2">
      <c r="A90" s="18" t="s">
        <v>63</v>
      </c>
      <c r="B90" s="15">
        <v>325</v>
      </c>
      <c r="C90" s="16">
        <v>374</v>
      </c>
      <c r="D90" s="17">
        <v>699</v>
      </c>
    </row>
    <row r="91" spans="1:4" ht="18" customHeight="1" x14ac:dyDescent="0.2">
      <c r="A91" s="14">
        <v>70</v>
      </c>
      <c r="B91" s="15">
        <v>75</v>
      </c>
      <c r="C91" s="16">
        <v>63</v>
      </c>
      <c r="D91" s="17">
        <v>138</v>
      </c>
    </row>
    <row r="92" spans="1:4" ht="18" customHeight="1" x14ac:dyDescent="0.2">
      <c r="A92" s="14">
        <v>71</v>
      </c>
      <c r="B92" s="15">
        <v>86</v>
      </c>
      <c r="C92" s="16">
        <v>109</v>
      </c>
      <c r="D92" s="17">
        <v>195</v>
      </c>
    </row>
    <row r="93" spans="1:4" ht="18" customHeight="1" x14ac:dyDescent="0.2">
      <c r="A93" s="14">
        <v>72</v>
      </c>
      <c r="B93" s="15">
        <v>40</v>
      </c>
      <c r="C93" s="16">
        <v>50</v>
      </c>
      <c r="D93" s="17">
        <v>90</v>
      </c>
    </row>
    <row r="94" spans="1:4" ht="18" customHeight="1" x14ac:dyDescent="0.2">
      <c r="A94" s="14">
        <v>73</v>
      </c>
      <c r="B94" s="15">
        <v>50</v>
      </c>
      <c r="C94" s="16">
        <v>59</v>
      </c>
      <c r="D94" s="17">
        <v>109</v>
      </c>
    </row>
    <row r="95" spans="1:4" ht="18" customHeight="1" x14ac:dyDescent="0.2">
      <c r="A95" s="14">
        <v>74</v>
      </c>
      <c r="B95" s="15">
        <v>60</v>
      </c>
      <c r="C95" s="16">
        <v>64</v>
      </c>
      <c r="D95" s="17">
        <v>124</v>
      </c>
    </row>
    <row r="96" spans="1:4" ht="18" customHeight="1" x14ac:dyDescent="0.2">
      <c r="A96" s="18" t="s">
        <v>64</v>
      </c>
      <c r="B96" s="15">
        <v>311</v>
      </c>
      <c r="C96" s="16">
        <v>345</v>
      </c>
      <c r="D96" s="17">
        <v>656</v>
      </c>
    </row>
    <row r="97" spans="1:4" ht="18" customHeight="1" x14ac:dyDescent="0.2">
      <c r="A97" s="14">
        <v>75</v>
      </c>
      <c r="B97" s="15">
        <v>53</v>
      </c>
      <c r="C97" s="16">
        <v>43</v>
      </c>
      <c r="D97" s="17">
        <v>96</v>
      </c>
    </row>
    <row r="98" spans="1:4" ht="18" customHeight="1" x14ac:dyDescent="0.2">
      <c r="A98" s="14">
        <v>76</v>
      </c>
      <c r="B98" s="15">
        <v>61</v>
      </c>
      <c r="C98" s="16">
        <v>56</v>
      </c>
      <c r="D98" s="17">
        <v>117</v>
      </c>
    </row>
    <row r="99" spans="1:4" ht="18" customHeight="1" x14ac:dyDescent="0.2">
      <c r="A99" s="14">
        <v>77</v>
      </c>
      <c r="B99" s="15">
        <v>42</v>
      </c>
      <c r="C99" s="16">
        <v>62</v>
      </c>
      <c r="D99" s="17">
        <v>104</v>
      </c>
    </row>
    <row r="100" spans="1:4" ht="18" customHeight="1" x14ac:dyDescent="0.2">
      <c r="A100" s="14">
        <v>78</v>
      </c>
      <c r="B100" s="15">
        <v>40</v>
      </c>
      <c r="C100" s="16">
        <v>47</v>
      </c>
      <c r="D100" s="17">
        <v>87</v>
      </c>
    </row>
    <row r="101" spans="1:4" ht="18" customHeight="1" x14ac:dyDescent="0.2">
      <c r="A101" s="14">
        <v>79</v>
      </c>
      <c r="B101" s="15">
        <v>41</v>
      </c>
      <c r="C101" s="16">
        <v>42</v>
      </c>
      <c r="D101" s="17">
        <v>83</v>
      </c>
    </row>
    <row r="102" spans="1:4" ht="18" customHeight="1" x14ac:dyDescent="0.2">
      <c r="A102" s="18" t="s">
        <v>65</v>
      </c>
      <c r="B102" s="15">
        <v>237</v>
      </c>
      <c r="C102" s="16">
        <v>250</v>
      </c>
      <c r="D102" s="17">
        <v>487</v>
      </c>
    </row>
    <row r="103" spans="1:4" ht="18" customHeight="1" x14ac:dyDescent="0.2">
      <c r="A103" s="14">
        <v>80</v>
      </c>
      <c r="B103" s="15">
        <v>34</v>
      </c>
      <c r="C103" s="16">
        <v>28</v>
      </c>
      <c r="D103" s="17">
        <v>62</v>
      </c>
    </row>
    <row r="104" spans="1:4" ht="18" customHeight="1" x14ac:dyDescent="0.2">
      <c r="A104" s="14">
        <v>81</v>
      </c>
      <c r="B104" s="15">
        <v>25</v>
      </c>
      <c r="C104" s="16">
        <v>38</v>
      </c>
      <c r="D104" s="17">
        <v>63</v>
      </c>
    </row>
    <row r="105" spans="1:4" ht="18" customHeight="1" x14ac:dyDescent="0.2">
      <c r="A105" s="14">
        <v>82</v>
      </c>
      <c r="B105" s="15">
        <v>17</v>
      </c>
      <c r="C105" s="16">
        <v>35</v>
      </c>
      <c r="D105" s="17">
        <v>52</v>
      </c>
    </row>
    <row r="106" spans="1:4" ht="18" customHeight="1" x14ac:dyDescent="0.2">
      <c r="A106" s="14">
        <v>83</v>
      </c>
      <c r="B106" s="15">
        <v>26</v>
      </c>
      <c r="C106" s="16">
        <v>34</v>
      </c>
      <c r="D106" s="17">
        <v>60</v>
      </c>
    </row>
    <row r="107" spans="1:4" ht="18" customHeight="1" x14ac:dyDescent="0.2">
      <c r="A107" s="14">
        <v>84</v>
      </c>
      <c r="B107" s="15">
        <v>16</v>
      </c>
      <c r="C107" s="16">
        <v>32</v>
      </c>
      <c r="D107" s="17">
        <v>48</v>
      </c>
    </row>
    <row r="108" spans="1:4" ht="18" customHeight="1" x14ac:dyDescent="0.2">
      <c r="A108" s="18" t="s">
        <v>66</v>
      </c>
      <c r="B108" s="15">
        <v>118</v>
      </c>
      <c r="C108" s="16">
        <v>167</v>
      </c>
      <c r="D108" s="17">
        <v>285</v>
      </c>
    </row>
    <row r="109" spans="1:4" ht="18" customHeight="1" x14ac:dyDescent="0.2">
      <c r="A109" s="14">
        <v>85</v>
      </c>
      <c r="B109" s="15">
        <v>21</v>
      </c>
      <c r="C109" s="16">
        <v>23</v>
      </c>
      <c r="D109" s="17">
        <v>44</v>
      </c>
    </row>
    <row r="110" spans="1:4" ht="18" customHeight="1" x14ac:dyDescent="0.2">
      <c r="A110" s="14">
        <v>86</v>
      </c>
      <c r="B110" s="15">
        <v>16</v>
      </c>
      <c r="C110" s="16">
        <v>36</v>
      </c>
      <c r="D110" s="17">
        <v>52</v>
      </c>
    </row>
    <row r="111" spans="1:4" ht="18" customHeight="1" x14ac:dyDescent="0.2">
      <c r="A111" s="14">
        <v>87</v>
      </c>
      <c r="B111" s="15">
        <v>15</v>
      </c>
      <c r="C111" s="16">
        <v>20</v>
      </c>
      <c r="D111" s="17">
        <v>35</v>
      </c>
    </row>
    <row r="112" spans="1:4" ht="18" customHeight="1" x14ac:dyDescent="0.2">
      <c r="A112" s="14">
        <v>88</v>
      </c>
      <c r="B112" s="15">
        <v>10</v>
      </c>
      <c r="C112" s="16">
        <v>22</v>
      </c>
      <c r="D112" s="17">
        <v>32</v>
      </c>
    </row>
    <row r="113" spans="1:4" ht="18" customHeight="1" x14ac:dyDescent="0.2">
      <c r="A113" s="14">
        <v>89</v>
      </c>
      <c r="B113" s="15">
        <v>7</v>
      </c>
      <c r="C113" s="16">
        <v>30</v>
      </c>
      <c r="D113" s="17">
        <v>37</v>
      </c>
    </row>
    <row r="114" spans="1:4" ht="18" customHeight="1" x14ac:dyDescent="0.2">
      <c r="A114" s="18" t="s">
        <v>67</v>
      </c>
      <c r="B114" s="15">
        <v>69</v>
      </c>
      <c r="C114" s="16">
        <v>131</v>
      </c>
      <c r="D114" s="17">
        <v>200</v>
      </c>
    </row>
    <row r="115" spans="1:4" ht="18" customHeight="1" x14ac:dyDescent="0.2">
      <c r="A115" s="14">
        <v>90</v>
      </c>
      <c r="B115" s="15">
        <v>11</v>
      </c>
      <c r="C115" s="16">
        <v>21</v>
      </c>
      <c r="D115" s="17">
        <v>32</v>
      </c>
    </row>
    <row r="116" spans="1:4" ht="18" customHeight="1" x14ac:dyDescent="0.2">
      <c r="A116" s="14">
        <v>91</v>
      </c>
      <c r="B116" s="15">
        <v>8</v>
      </c>
      <c r="C116" s="16">
        <v>16</v>
      </c>
      <c r="D116" s="17">
        <v>24</v>
      </c>
    </row>
    <row r="117" spans="1:4" ht="18" customHeight="1" x14ac:dyDescent="0.2">
      <c r="A117" s="14">
        <v>92</v>
      </c>
      <c r="B117" s="15">
        <v>5</v>
      </c>
      <c r="C117" s="16">
        <v>13</v>
      </c>
      <c r="D117" s="17">
        <v>18</v>
      </c>
    </row>
    <row r="118" spans="1:4" ht="18" customHeight="1" x14ac:dyDescent="0.2">
      <c r="A118" s="14">
        <v>93</v>
      </c>
      <c r="B118" s="15">
        <v>5</v>
      </c>
      <c r="C118" s="16">
        <v>21</v>
      </c>
      <c r="D118" s="17">
        <v>26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68</v>
      </c>
      <c r="B120" s="15">
        <v>32</v>
      </c>
      <c r="C120" s="16">
        <v>79</v>
      </c>
      <c r="D120" s="17">
        <v>111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93</v>
      </c>
      <c r="C130" s="5">
        <v>1370</v>
      </c>
      <c r="D130" s="6">
        <v>2463</v>
      </c>
    </row>
    <row r="131" spans="1:4" ht="18" customHeight="1" x14ac:dyDescent="0.2">
      <c r="A131" s="20" t="s">
        <v>47</v>
      </c>
      <c r="B131" s="7">
        <v>3192</v>
      </c>
      <c r="C131" s="8">
        <v>3447</v>
      </c>
      <c r="D131" s="9">
        <v>66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</v>
      </c>
      <c r="C5" s="12">
        <v>6</v>
      </c>
      <c r="D5" s="13">
        <v>10</v>
      </c>
    </row>
    <row r="6" spans="1:10" ht="18" customHeight="1" x14ac:dyDescent="0.2">
      <c r="A6" s="14">
        <v>1</v>
      </c>
      <c r="B6" s="15">
        <v>9</v>
      </c>
      <c r="C6" s="16">
        <v>8</v>
      </c>
      <c r="D6" s="17">
        <v>17</v>
      </c>
    </row>
    <row r="7" spans="1:10" ht="18" customHeight="1" x14ac:dyDescent="0.2">
      <c r="A7" s="14">
        <v>2</v>
      </c>
      <c r="B7" s="15">
        <v>5</v>
      </c>
      <c r="C7" s="16">
        <v>5</v>
      </c>
      <c r="D7" s="17">
        <v>10</v>
      </c>
    </row>
    <row r="8" spans="1:10" ht="18" customHeight="1" x14ac:dyDescent="0.2">
      <c r="A8" s="14">
        <v>3</v>
      </c>
      <c r="B8" s="15">
        <v>12</v>
      </c>
      <c r="C8" s="16">
        <v>3</v>
      </c>
      <c r="D8" s="17">
        <v>15</v>
      </c>
    </row>
    <row r="9" spans="1:10" ht="18" customHeight="1" x14ac:dyDescent="0.2">
      <c r="A9" s="14">
        <v>4</v>
      </c>
      <c r="B9" s="15">
        <v>10</v>
      </c>
      <c r="C9" s="16">
        <v>9</v>
      </c>
      <c r="D9" s="17">
        <v>19</v>
      </c>
    </row>
    <row r="10" spans="1:10" ht="18" customHeight="1" x14ac:dyDescent="0.2">
      <c r="A10" s="18" t="s">
        <v>48</v>
      </c>
      <c r="B10" s="15">
        <v>40</v>
      </c>
      <c r="C10" s="16">
        <v>31</v>
      </c>
      <c r="D10" s="17">
        <v>71</v>
      </c>
    </row>
    <row r="11" spans="1:10" ht="18" customHeight="1" x14ac:dyDescent="0.2">
      <c r="A11" s="14">
        <v>5</v>
      </c>
      <c r="B11" s="15">
        <v>16</v>
      </c>
      <c r="C11" s="16">
        <v>9</v>
      </c>
      <c r="D11" s="17">
        <v>25</v>
      </c>
    </row>
    <row r="12" spans="1:10" ht="18" customHeight="1" x14ac:dyDescent="0.2">
      <c r="A12" s="14">
        <v>6</v>
      </c>
      <c r="B12" s="15">
        <v>12</v>
      </c>
      <c r="C12" s="16">
        <v>5</v>
      </c>
      <c r="D12" s="17">
        <v>17</v>
      </c>
    </row>
    <row r="13" spans="1:10" ht="18" customHeight="1" x14ac:dyDescent="0.2">
      <c r="A13" s="14">
        <v>7</v>
      </c>
      <c r="B13" s="15">
        <v>13</v>
      </c>
      <c r="C13" s="16">
        <v>10</v>
      </c>
      <c r="D13" s="17">
        <v>23</v>
      </c>
    </row>
    <row r="14" spans="1:10" ht="18" customHeight="1" x14ac:dyDescent="0.2">
      <c r="A14" s="14">
        <v>8</v>
      </c>
      <c r="B14" s="15">
        <v>16</v>
      </c>
      <c r="C14" s="16">
        <v>18</v>
      </c>
      <c r="D14" s="17">
        <v>34</v>
      </c>
    </row>
    <row r="15" spans="1:10" ht="18" customHeight="1" x14ac:dyDescent="0.2">
      <c r="A15" s="14">
        <v>9</v>
      </c>
      <c r="B15" s="15">
        <v>11</v>
      </c>
      <c r="C15" s="16">
        <v>9</v>
      </c>
      <c r="D15" s="17">
        <v>20</v>
      </c>
    </row>
    <row r="16" spans="1:10" ht="18" customHeight="1" x14ac:dyDescent="0.2">
      <c r="A16" s="18" t="s">
        <v>49</v>
      </c>
      <c r="B16" s="15">
        <v>68</v>
      </c>
      <c r="C16" s="16">
        <v>51</v>
      </c>
      <c r="D16" s="17">
        <v>119</v>
      </c>
    </row>
    <row r="17" spans="1:4" ht="18" customHeight="1" x14ac:dyDescent="0.2">
      <c r="A17" s="14">
        <v>10</v>
      </c>
      <c r="B17" s="15">
        <v>16</v>
      </c>
      <c r="C17" s="16">
        <v>17</v>
      </c>
      <c r="D17" s="17">
        <v>33</v>
      </c>
    </row>
    <row r="18" spans="1:4" ht="18" customHeight="1" x14ac:dyDescent="0.2">
      <c r="A18" s="14">
        <v>11</v>
      </c>
      <c r="B18" s="15">
        <v>20</v>
      </c>
      <c r="C18" s="16">
        <v>17</v>
      </c>
      <c r="D18" s="17">
        <v>37</v>
      </c>
    </row>
    <row r="19" spans="1:4" ht="18" customHeight="1" x14ac:dyDescent="0.2">
      <c r="A19" s="14">
        <v>12</v>
      </c>
      <c r="B19" s="15">
        <v>18</v>
      </c>
      <c r="C19" s="16">
        <v>11</v>
      </c>
      <c r="D19" s="17">
        <v>29</v>
      </c>
    </row>
    <row r="20" spans="1:4" ht="18" customHeight="1" x14ac:dyDescent="0.2">
      <c r="A20" s="14">
        <v>13</v>
      </c>
      <c r="B20" s="15">
        <v>21</v>
      </c>
      <c r="C20" s="16">
        <v>12</v>
      </c>
      <c r="D20" s="17">
        <v>33</v>
      </c>
    </row>
    <row r="21" spans="1:4" ht="18" customHeight="1" x14ac:dyDescent="0.2">
      <c r="A21" s="14">
        <v>14</v>
      </c>
      <c r="B21" s="15">
        <v>21</v>
      </c>
      <c r="C21" s="16">
        <v>23</v>
      </c>
      <c r="D21" s="17">
        <v>44</v>
      </c>
    </row>
    <row r="22" spans="1:4" ht="18" customHeight="1" x14ac:dyDescent="0.2">
      <c r="A22" s="18" t="s">
        <v>50</v>
      </c>
      <c r="B22" s="15">
        <v>96</v>
      </c>
      <c r="C22" s="16">
        <v>80</v>
      </c>
      <c r="D22" s="17">
        <v>176</v>
      </c>
    </row>
    <row r="23" spans="1:4" ht="18" customHeight="1" x14ac:dyDescent="0.2">
      <c r="A23" s="18" t="s">
        <v>51</v>
      </c>
      <c r="B23" s="15">
        <v>204</v>
      </c>
      <c r="C23" s="16">
        <v>162</v>
      </c>
      <c r="D23" s="17">
        <v>366</v>
      </c>
    </row>
    <row r="24" spans="1:4" ht="18" customHeight="1" x14ac:dyDescent="0.2">
      <c r="A24" s="14">
        <v>15</v>
      </c>
      <c r="B24" s="15">
        <v>18</v>
      </c>
      <c r="C24" s="16">
        <v>23</v>
      </c>
      <c r="D24" s="17">
        <v>41</v>
      </c>
    </row>
    <row r="25" spans="1:4" ht="18" customHeight="1" x14ac:dyDescent="0.2">
      <c r="A25" s="14">
        <v>16</v>
      </c>
      <c r="B25" s="15">
        <v>21</v>
      </c>
      <c r="C25" s="16">
        <v>16</v>
      </c>
      <c r="D25" s="17">
        <v>37</v>
      </c>
    </row>
    <row r="26" spans="1:4" ht="18" customHeight="1" x14ac:dyDescent="0.2">
      <c r="A26" s="14">
        <v>17</v>
      </c>
      <c r="B26" s="15">
        <v>24</v>
      </c>
      <c r="C26" s="16">
        <v>19</v>
      </c>
      <c r="D26" s="17">
        <v>43</v>
      </c>
    </row>
    <row r="27" spans="1:4" ht="18" customHeight="1" x14ac:dyDescent="0.2">
      <c r="A27" s="14">
        <v>18</v>
      </c>
      <c r="B27" s="15">
        <v>29</v>
      </c>
      <c r="C27" s="16">
        <v>32</v>
      </c>
      <c r="D27" s="17">
        <v>61</v>
      </c>
    </row>
    <row r="28" spans="1:4" ht="18" customHeight="1" x14ac:dyDescent="0.2">
      <c r="A28" s="14">
        <v>19</v>
      </c>
      <c r="B28" s="15">
        <v>15</v>
      </c>
      <c r="C28" s="16">
        <v>16</v>
      </c>
      <c r="D28" s="17">
        <v>31</v>
      </c>
    </row>
    <row r="29" spans="1:4" ht="18" customHeight="1" x14ac:dyDescent="0.2">
      <c r="A29" s="18" t="s">
        <v>52</v>
      </c>
      <c r="B29" s="15">
        <v>107</v>
      </c>
      <c r="C29" s="16">
        <v>106</v>
      </c>
      <c r="D29" s="17">
        <v>213</v>
      </c>
    </row>
    <row r="30" spans="1:4" ht="18" customHeight="1" x14ac:dyDescent="0.2">
      <c r="A30" s="14">
        <v>20</v>
      </c>
      <c r="B30" s="15">
        <v>20</v>
      </c>
      <c r="C30" s="16">
        <v>18</v>
      </c>
      <c r="D30" s="17">
        <v>38</v>
      </c>
    </row>
    <row r="31" spans="1:4" ht="18" customHeight="1" x14ac:dyDescent="0.2">
      <c r="A31" s="14">
        <v>21</v>
      </c>
      <c r="B31" s="15">
        <v>27</v>
      </c>
      <c r="C31" s="16">
        <v>16</v>
      </c>
      <c r="D31" s="17">
        <v>43</v>
      </c>
    </row>
    <row r="32" spans="1:4" ht="18" customHeight="1" x14ac:dyDescent="0.2">
      <c r="A32" s="14">
        <v>22</v>
      </c>
      <c r="B32" s="15">
        <v>18</v>
      </c>
      <c r="C32" s="16">
        <v>13</v>
      </c>
      <c r="D32" s="17">
        <v>31</v>
      </c>
    </row>
    <row r="33" spans="1:4" ht="18" customHeight="1" x14ac:dyDescent="0.2">
      <c r="A33" s="14">
        <v>23</v>
      </c>
      <c r="B33" s="15">
        <v>15</v>
      </c>
      <c r="C33" s="16">
        <v>20</v>
      </c>
      <c r="D33" s="17">
        <v>35</v>
      </c>
    </row>
    <row r="34" spans="1:4" ht="18" customHeight="1" x14ac:dyDescent="0.2">
      <c r="A34" s="14">
        <v>24</v>
      </c>
      <c r="B34" s="15">
        <v>16</v>
      </c>
      <c r="C34" s="16">
        <v>22</v>
      </c>
      <c r="D34" s="17">
        <v>38</v>
      </c>
    </row>
    <row r="35" spans="1:4" ht="18" customHeight="1" x14ac:dyDescent="0.2">
      <c r="A35" s="18" t="s">
        <v>53</v>
      </c>
      <c r="B35" s="15">
        <v>96</v>
      </c>
      <c r="C35" s="16">
        <v>89</v>
      </c>
      <c r="D35" s="17">
        <v>185</v>
      </c>
    </row>
    <row r="36" spans="1:4" ht="18" customHeight="1" x14ac:dyDescent="0.2">
      <c r="A36" s="14">
        <v>25</v>
      </c>
      <c r="B36" s="15">
        <v>23</v>
      </c>
      <c r="C36" s="16">
        <v>19</v>
      </c>
      <c r="D36" s="17">
        <v>42</v>
      </c>
    </row>
    <row r="37" spans="1:4" ht="18" customHeight="1" x14ac:dyDescent="0.2">
      <c r="A37" s="14">
        <v>26</v>
      </c>
      <c r="B37" s="15">
        <v>18</v>
      </c>
      <c r="C37" s="16">
        <v>10</v>
      </c>
      <c r="D37" s="17">
        <v>28</v>
      </c>
    </row>
    <row r="38" spans="1:4" ht="18" customHeight="1" x14ac:dyDescent="0.2">
      <c r="A38" s="14">
        <v>27</v>
      </c>
      <c r="B38" s="15">
        <v>19</v>
      </c>
      <c r="C38" s="16">
        <v>15</v>
      </c>
      <c r="D38" s="17">
        <v>34</v>
      </c>
    </row>
    <row r="39" spans="1:4" ht="18" customHeight="1" x14ac:dyDescent="0.2">
      <c r="A39" s="14">
        <v>28</v>
      </c>
      <c r="B39" s="15">
        <v>17</v>
      </c>
      <c r="C39" s="16">
        <v>14</v>
      </c>
      <c r="D39" s="17">
        <v>31</v>
      </c>
    </row>
    <row r="40" spans="1:4" ht="18" customHeight="1" x14ac:dyDescent="0.2">
      <c r="A40" s="14">
        <v>29</v>
      </c>
      <c r="B40" s="15">
        <v>13</v>
      </c>
      <c r="C40" s="16">
        <v>6</v>
      </c>
      <c r="D40" s="17">
        <v>19</v>
      </c>
    </row>
    <row r="41" spans="1:4" ht="18" customHeight="1" x14ac:dyDescent="0.2">
      <c r="A41" s="18" t="s">
        <v>54</v>
      </c>
      <c r="B41" s="15">
        <v>90</v>
      </c>
      <c r="C41" s="16">
        <v>64</v>
      </c>
      <c r="D41" s="17">
        <v>154</v>
      </c>
    </row>
    <row r="42" spans="1:4" ht="18" customHeight="1" x14ac:dyDescent="0.2">
      <c r="A42" s="14">
        <v>30</v>
      </c>
      <c r="B42" s="15">
        <v>18</v>
      </c>
      <c r="C42" s="16">
        <v>13</v>
      </c>
      <c r="D42" s="17">
        <v>31</v>
      </c>
    </row>
    <row r="43" spans="1:4" ht="18" customHeight="1" x14ac:dyDescent="0.2">
      <c r="A43" s="14">
        <v>31</v>
      </c>
      <c r="B43" s="15">
        <v>13</v>
      </c>
      <c r="C43" s="16">
        <v>17</v>
      </c>
      <c r="D43" s="17">
        <v>30</v>
      </c>
    </row>
    <row r="44" spans="1:4" ht="18" customHeight="1" x14ac:dyDescent="0.2">
      <c r="A44" s="14">
        <v>32</v>
      </c>
      <c r="B44" s="15">
        <v>11</v>
      </c>
      <c r="C44" s="16">
        <v>15</v>
      </c>
      <c r="D44" s="17">
        <v>26</v>
      </c>
    </row>
    <row r="45" spans="1:4" ht="18" customHeight="1" x14ac:dyDescent="0.2">
      <c r="A45" s="14">
        <v>33</v>
      </c>
      <c r="B45" s="15">
        <v>12</v>
      </c>
      <c r="C45" s="16">
        <v>11</v>
      </c>
      <c r="D45" s="17">
        <v>23</v>
      </c>
    </row>
    <row r="46" spans="1:4" ht="18" customHeight="1" x14ac:dyDescent="0.2">
      <c r="A46" s="14">
        <v>34</v>
      </c>
      <c r="B46" s="15">
        <v>19</v>
      </c>
      <c r="C46" s="16">
        <v>14</v>
      </c>
      <c r="D46" s="17">
        <v>33</v>
      </c>
    </row>
    <row r="47" spans="1:4" ht="18" customHeight="1" x14ac:dyDescent="0.2">
      <c r="A47" s="18" t="s">
        <v>55</v>
      </c>
      <c r="B47" s="15">
        <v>73</v>
      </c>
      <c r="C47" s="16">
        <v>70</v>
      </c>
      <c r="D47" s="17">
        <v>143</v>
      </c>
    </row>
    <row r="48" spans="1:4" ht="18" customHeight="1" x14ac:dyDescent="0.2">
      <c r="A48" s="14">
        <v>35</v>
      </c>
      <c r="B48" s="15">
        <v>14</v>
      </c>
      <c r="C48" s="16">
        <v>15</v>
      </c>
      <c r="D48" s="17">
        <v>29</v>
      </c>
    </row>
    <row r="49" spans="1:4" ht="18" customHeight="1" x14ac:dyDescent="0.2">
      <c r="A49" s="14">
        <v>36</v>
      </c>
      <c r="B49" s="15">
        <v>13</v>
      </c>
      <c r="C49" s="16">
        <v>20</v>
      </c>
      <c r="D49" s="17">
        <v>33</v>
      </c>
    </row>
    <row r="50" spans="1:4" ht="18" customHeight="1" x14ac:dyDescent="0.2">
      <c r="A50" s="14">
        <v>37</v>
      </c>
      <c r="B50" s="15">
        <v>15</v>
      </c>
      <c r="C50" s="16">
        <v>11</v>
      </c>
      <c r="D50" s="17">
        <v>26</v>
      </c>
    </row>
    <row r="51" spans="1:4" ht="18" customHeight="1" x14ac:dyDescent="0.2">
      <c r="A51" s="14">
        <v>38</v>
      </c>
      <c r="B51" s="15">
        <v>15</v>
      </c>
      <c r="C51" s="16">
        <v>11</v>
      </c>
      <c r="D51" s="17">
        <v>26</v>
      </c>
    </row>
    <row r="52" spans="1:4" ht="18" customHeight="1" x14ac:dyDescent="0.2">
      <c r="A52" s="14">
        <v>39</v>
      </c>
      <c r="B52" s="15">
        <v>19</v>
      </c>
      <c r="C52" s="16">
        <v>15</v>
      </c>
      <c r="D52" s="17">
        <v>34</v>
      </c>
    </row>
    <row r="53" spans="1:4" ht="18" customHeight="1" x14ac:dyDescent="0.2">
      <c r="A53" s="18" t="s">
        <v>56</v>
      </c>
      <c r="B53" s="15">
        <v>76</v>
      </c>
      <c r="C53" s="16">
        <v>72</v>
      </c>
      <c r="D53" s="17">
        <v>148</v>
      </c>
    </row>
    <row r="54" spans="1:4" ht="18" customHeight="1" x14ac:dyDescent="0.2">
      <c r="A54" s="14">
        <v>40</v>
      </c>
      <c r="B54" s="15">
        <v>20</v>
      </c>
      <c r="C54" s="16">
        <v>22</v>
      </c>
      <c r="D54" s="17">
        <v>42</v>
      </c>
    </row>
    <row r="55" spans="1:4" ht="18" customHeight="1" x14ac:dyDescent="0.2">
      <c r="A55" s="14">
        <v>41</v>
      </c>
      <c r="B55" s="15">
        <v>15</v>
      </c>
      <c r="C55" s="16">
        <v>21</v>
      </c>
      <c r="D55" s="17">
        <v>36</v>
      </c>
    </row>
    <row r="56" spans="1:4" ht="18" customHeight="1" x14ac:dyDescent="0.2">
      <c r="A56" s="14">
        <v>42</v>
      </c>
      <c r="B56" s="15">
        <v>23</v>
      </c>
      <c r="C56" s="16">
        <v>20</v>
      </c>
      <c r="D56" s="17">
        <v>43</v>
      </c>
    </row>
    <row r="57" spans="1:4" ht="18" customHeight="1" x14ac:dyDescent="0.2">
      <c r="A57" s="14">
        <v>43</v>
      </c>
      <c r="B57" s="15">
        <v>27</v>
      </c>
      <c r="C57" s="16">
        <v>22</v>
      </c>
      <c r="D57" s="17">
        <v>49</v>
      </c>
    </row>
    <row r="58" spans="1:4" ht="18" customHeight="1" x14ac:dyDescent="0.2">
      <c r="A58" s="14">
        <v>44</v>
      </c>
      <c r="B58" s="15">
        <v>29</v>
      </c>
      <c r="C58" s="16">
        <v>29</v>
      </c>
      <c r="D58" s="17">
        <v>58</v>
      </c>
    </row>
    <row r="59" spans="1:4" ht="18" customHeight="1" x14ac:dyDescent="0.2">
      <c r="A59" s="18" t="s">
        <v>57</v>
      </c>
      <c r="B59" s="15">
        <v>114</v>
      </c>
      <c r="C59" s="16">
        <v>114</v>
      </c>
      <c r="D59" s="17">
        <v>228</v>
      </c>
    </row>
    <row r="60" spans="1:4" ht="18" customHeight="1" x14ac:dyDescent="0.2">
      <c r="A60" s="14">
        <v>45</v>
      </c>
      <c r="B60" s="15">
        <v>24</v>
      </c>
      <c r="C60" s="16">
        <v>36</v>
      </c>
      <c r="D60" s="17">
        <v>60</v>
      </c>
    </row>
    <row r="61" spans="1:4" ht="18" customHeight="1" x14ac:dyDescent="0.2">
      <c r="A61" s="14">
        <v>46</v>
      </c>
      <c r="B61" s="15">
        <v>31</v>
      </c>
      <c r="C61" s="16">
        <v>32</v>
      </c>
      <c r="D61" s="17">
        <v>63</v>
      </c>
    </row>
    <row r="62" spans="1:4" ht="18" customHeight="1" x14ac:dyDescent="0.2">
      <c r="A62" s="14">
        <v>47</v>
      </c>
      <c r="B62" s="15">
        <v>30</v>
      </c>
      <c r="C62" s="16">
        <v>28</v>
      </c>
      <c r="D62" s="17">
        <v>58</v>
      </c>
    </row>
    <row r="63" spans="1:4" ht="18" customHeight="1" x14ac:dyDescent="0.2">
      <c r="A63" s="14">
        <v>48</v>
      </c>
      <c r="B63" s="15">
        <v>35</v>
      </c>
      <c r="C63" s="16">
        <v>33</v>
      </c>
      <c r="D63" s="17">
        <v>68</v>
      </c>
    </row>
    <row r="64" spans="1:4" ht="18" customHeight="1" x14ac:dyDescent="0.2">
      <c r="A64" s="14">
        <v>49</v>
      </c>
      <c r="B64" s="15">
        <v>39</v>
      </c>
      <c r="C64" s="16">
        <v>36</v>
      </c>
      <c r="D64" s="17">
        <v>75</v>
      </c>
    </row>
    <row r="65" spans="1:4" ht="18" customHeight="1" x14ac:dyDescent="0.2">
      <c r="A65" s="18" t="s">
        <v>58</v>
      </c>
      <c r="B65" s="15">
        <v>159</v>
      </c>
      <c r="C65" s="16">
        <v>165</v>
      </c>
      <c r="D65" s="17">
        <v>324</v>
      </c>
    </row>
    <row r="66" spans="1:4" ht="18" customHeight="1" x14ac:dyDescent="0.2">
      <c r="A66" s="14">
        <v>50</v>
      </c>
      <c r="B66" s="15">
        <v>24</v>
      </c>
      <c r="C66" s="16">
        <v>20</v>
      </c>
      <c r="D66" s="17">
        <v>44</v>
      </c>
    </row>
    <row r="67" spans="1:4" ht="18" customHeight="1" x14ac:dyDescent="0.2">
      <c r="A67" s="14">
        <v>51</v>
      </c>
      <c r="B67" s="15">
        <v>32</v>
      </c>
      <c r="C67" s="16">
        <v>36</v>
      </c>
      <c r="D67" s="17">
        <v>68</v>
      </c>
    </row>
    <row r="68" spans="1:4" ht="18" customHeight="1" x14ac:dyDescent="0.2">
      <c r="A68" s="14">
        <v>52</v>
      </c>
      <c r="B68" s="15">
        <v>22</v>
      </c>
      <c r="C68" s="16">
        <v>29</v>
      </c>
      <c r="D68" s="17">
        <v>51</v>
      </c>
    </row>
    <row r="69" spans="1:4" ht="18" customHeight="1" x14ac:dyDescent="0.2">
      <c r="A69" s="14">
        <v>53</v>
      </c>
      <c r="B69" s="15">
        <v>22</v>
      </c>
      <c r="C69" s="16">
        <v>19</v>
      </c>
      <c r="D69" s="17">
        <v>41</v>
      </c>
    </row>
    <row r="70" spans="1:4" ht="18" customHeight="1" x14ac:dyDescent="0.2">
      <c r="A70" s="14">
        <v>54</v>
      </c>
      <c r="B70" s="15">
        <v>30</v>
      </c>
      <c r="C70" s="16">
        <v>24</v>
      </c>
      <c r="D70" s="17">
        <v>54</v>
      </c>
    </row>
    <row r="71" spans="1:4" ht="18" customHeight="1" x14ac:dyDescent="0.2">
      <c r="A71" s="18" t="s">
        <v>59</v>
      </c>
      <c r="B71" s="15">
        <v>130</v>
      </c>
      <c r="C71" s="16">
        <v>128</v>
      </c>
      <c r="D71" s="17">
        <v>258</v>
      </c>
    </row>
    <row r="72" spans="1:4" ht="18" customHeight="1" x14ac:dyDescent="0.2">
      <c r="A72" s="14">
        <v>55</v>
      </c>
      <c r="B72" s="15">
        <v>22</v>
      </c>
      <c r="C72" s="16">
        <v>21</v>
      </c>
      <c r="D72" s="17">
        <v>43</v>
      </c>
    </row>
    <row r="73" spans="1:4" ht="18" customHeight="1" x14ac:dyDescent="0.2">
      <c r="A73" s="14">
        <v>56</v>
      </c>
      <c r="B73" s="15">
        <v>27</v>
      </c>
      <c r="C73" s="16">
        <v>25</v>
      </c>
      <c r="D73" s="17">
        <v>52</v>
      </c>
    </row>
    <row r="74" spans="1:4" ht="18" customHeight="1" x14ac:dyDescent="0.2">
      <c r="A74" s="14">
        <v>57</v>
      </c>
      <c r="B74" s="15">
        <v>22</v>
      </c>
      <c r="C74" s="16">
        <v>32</v>
      </c>
      <c r="D74" s="17">
        <v>54</v>
      </c>
    </row>
    <row r="75" spans="1:4" ht="18" customHeight="1" x14ac:dyDescent="0.2">
      <c r="A75" s="14">
        <v>58</v>
      </c>
      <c r="B75" s="15">
        <v>13</v>
      </c>
      <c r="C75" s="16">
        <v>15</v>
      </c>
      <c r="D75" s="17">
        <v>28</v>
      </c>
    </row>
    <row r="76" spans="1:4" ht="18" customHeight="1" x14ac:dyDescent="0.2">
      <c r="A76" s="14">
        <v>59</v>
      </c>
      <c r="B76" s="15">
        <v>27</v>
      </c>
      <c r="C76" s="16">
        <v>22</v>
      </c>
      <c r="D76" s="17">
        <v>49</v>
      </c>
    </row>
    <row r="77" spans="1:4" ht="18" customHeight="1" x14ac:dyDescent="0.2">
      <c r="A77" s="18" t="s">
        <v>60</v>
      </c>
      <c r="B77" s="15">
        <v>111</v>
      </c>
      <c r="C77" s="16">
        <v>115</v>
      </c>
      <c r="D77" s="17">
        <v>226</v>
      </c>
    </row>
    <row r="78" spans="1:4" ht="18" customHeight="1" x14ac:dyDescent="0.2">
      <c r="A78" s="14">
        <v>60</v>
      </c>
      <c r="B78" s="15">
        <v>17</v>
      </c>
      <c r="C78" s="16">
        <v>20</v>
      </c>
      <c r="D78" s="17">
        <v>37</v>
      </c>
    </row>
    <row r="79" spans="1:4" ht="18" customHeight="1" x14ac:dyDescent="0.2">
      <c r="A79" s="14">
        <v>61</v>
      </c>
      <c r="B79" s="15">
        <v>28</v>
      </c>
      <c r="C79" s="16">
        <v>24</v>
      </c>
      <c r="D79" s="17">
        <v>52</v>
      </c>
    </row>
    <row r="80" spans="1:4" ht="18" customHeight="1" x14ac:dyDescent="0.2">
      <c r="A80" s="14">
        <v>62</v>
      </c>
      <c r="B80" s="15">
        <v>19</v>
      </c>
      <c r="C80" s="16">
        <v>25</v>
      </c>
      <c r="D80" s="17">
        <v>44</v>
      </c>
    </row>
    <row r="81" spans="1:4" ht="18" customHeight="1" x14ac:dyDescent="0.2">
      <c r="A81" s="14">
        <v>63</v>
      </c>
      <c r="B81" s="15">
        <v>27</v>
      </c>
      <c r="C81" s="16">
        <v>18</v>
      </c>
      <c r="D81" s="17">
        <v>45</v>
      </c>
    </row>
    <row r="82" spans="1:4" ht="18" customHeight="1" x14ac:dyDescent="0.2">
      <c r="A82" s="14">
        <v>64</v>
      </c>
      <c r="B82" s="15">
        <v>21</v>
      </c>
      <c r="C82" s="16">
        <v>17</v>
      </c>
      <c r="D82" s="17">
        <v>38</v>
      </c>
    </row>
    <row r="83" spans="1:4" ht="18" customHeight="1" x14ac:dyDescent="0.2">
      <c r="A83" s="18" t="s">
        <v>61</v>
      </c>
      <c r="B83" s="15">
        <v>112</v>
      </c>
      <c r="C83" s="16">
        <v>104</v>
      </c>
      <c r="D83" s="17">
        <v>216</v>
      </c>
    </row>
    <row r="84" spans="1:4" ht="18" customHeight="1" x14ac:dyDescent="0.2">
      <c r="A84" s="18" t="s">
        <v>62</v>
      </c>
      <c r="B84" s="15">
        <v>1068</v>
      </c>
      <c r="C84" s="16">
        <v>1027</v>
      </c>
      <c r="D84" s="17">
        <v>2095</v>
      </c>
    </row>
    <row r="85" spans="1:4" ht="18" customHeight="1" x14ac:dyDescent="0.2">
      <c r="A85" s="14">
        <v>65</v>
      </c>
      <c r="B85" s="15">
        <v>24</v>
      </c>
      <c r="C85" s="16">
        <v>27</v>
      </c>
      <c r="D85" s="17">
        <v>51</v>
      </c>
    </row>
    <row r="86" spans="1:4" ht="18" customHeight="1" x14ac:dyDescent="0.2">
      <c r="A86" s="14">
        <v>66</v>
      </c>
      <c r="B86" s="15">
        <v>19</v>
      </c>
      <c r="C86" s="16">
        <v>11</v>
      </c>
      <c r="D86" s="17">
        <v>30</v>
      </c>
    </row>
    <row r="87" spans="1:4" ht="18" customHeight="1" x14ac:dyDescent="0.2">
      <c r="A87" s="14">
        <v>67</v>
      </c>
      <c r="B87" s="15">
        <v>18</v>
      </c>
      <c r="C87" s="16">
        <v>16</v>
      </c>
      <c r="D87" s="17">
        <v>34</v>
      </c>
    </row>
    <row r="88" spans="1:4" ht="18" customHeight="1" x14ac:dyDescent="0.2">
      <c r="A88" s="14">
        <v>68</v>
      </c>
      <c r="B88" s="15">
        <v>23</v>
      </c>
      <c r="C88" s="16">
        <v>24</v>
      </c>
      <c r="D88" s="17">
        <v>47</v>
      </c>
    </row>
    <row r="89" spans="1:4" ht="18" customHeight="1" x14ac:dyDescent="0.2">
      <c r="A89" s="14">
        <v>69</v>
      </c>
      <c r="B89" s="15">
        <v>29</v>
      </c>
      <c r="C89" s="16">
        <v>40</v>
      </c>
      <c r="D89" s="17">
        <v>69</v>
      </c>
    </row>
    <row r="90" spans="1:4" ht="18" customHeight="1" x14ac:dyDescent="0.2">
      <c r="A90" s="18" t="s">
        <v>63</v>
      </c>
      <c r="B90" s="15">
        <v>113</v>
      </c>
      <c r="C90" s="16">
        <v>118</v>
      </c>
      <c r="D90" s="17">
        <v>231</v>
      </c>
    </row>
    <row r="91" spans="1:4" ht="18" customHeight="1" x14ac:dyDescent="0.2">
      <c r="A91" s="14">
        <v>70</v>
      </c>
      <c r="B91" s="15">
        <v>33</v>
      </c>
      <c r="C91" s="16">
        <v>27</v>
      </c>
      <c r="D91" s="17">
        <v>60</v>
      </c>
    </row>
    <row r="92" spans="1:4" ht="18" customHeight="1" x14ac:dyDescent="0.2">
      <c r="A92" s="14">
        <v>71</v>
      </c>
      <c r="B92" s="15">
        <v>33</v>
      </c>
      <c r="C92" s="16">
        <v>41</v>
      </c>
      <c r="D92" s="17">
        <v>74</v>
      </c>
    </row>
    <row r="93" spans="1:4" ht="18" customHeight="1" x14ac:dyDescent="0.2">
      <c r="A93" s="14">
        <v>72</v>
      </c>
      <c r="B93" s="15">
        <v>16</v>
      </c>
      <c r="C93" s="16">
        <v>19</v>
      </c>
      <c r="D93" s="17">
        <v>35</v>
      </c>
    </row>
    <row r="94" spans="1:4" ht="18" customHeight="1" x14ac:dyDescent="0.2">
      <c r="A94" s="14">
        <v>73</v>
      </c>
      <c r="B94" s="15">
        <v>22</v>
      </c>
      <c r="C94" s="16">
        <v>31</v>
      </c>
      <c r="D94" s="17">
        <v>53</v>
      </c>
    </row>
    <row r="95" spans="1:4" ht="18" customHeight="1" x14ac:dyDescent="0.2">
      <c r="A95" s="14">
        <v>74</v>
      </c>
      <c r="B95" s="15">
        <v>17</v>
      </c>
      <c r="C95" s="16">
        <v>28</v>
      </c>
      <c r="D95" s="17">
        <v>45</v>
      </c>
    </row>
    <row r="96" spans="1:4" ht="18" customHeight="1" x14ac:dyDescent="0.2">
      <c r="A96" s="18" t="s">
        <v>64</v>
      </c>
      <c r="B96" s="15">
        <v>121</v>
      </c>
      <c r="C96" s="16">
        <v>146</v>
      </c>
      <c r="D96" s="17">
        <v>267</v>
      </c>
    </row>
    <row r="97" spans="1:4" ht="18" customHeight="1" x14ac:dyDescent="0.2">
      <c r="A97" s="14">
        <v>75</v>
      </c>
      <c r="B97" s="15">
        <v>18</v>
      </c>
      <c r="C97" s="16">
        <v>22</v>
      </c>
      <c r="D97" s="17">
        <v>40</v>
      </c>
    </row>
    <row r="98" spans="1:4" ht="18" customHeight="1" x14ac:dyDescent="0.2">
      <c r="A98" s="14">
        <v>76</v>
      </c>
      <c r="B98" s="15">
        <v>19</v>
      </c>
      <c r="C98" s="16">
        <v>22</v>
      </c>
      <c r="D98" s="17">
        <v>41</v>
      </c>
    </row>
    <row r="99" spans="1:4" ht="18" customHeight="1" x14ac:dyDescent="0.2">
      <c r="A99" s="14">
        <v>77</v>
      </c>
      <c r="B99" s="15">
        <v>11</v>
      </c>
      <c r="C99" s="16">
        <v>21</v>
      </c>
      <c r="D99" s="17">
        <v>32</v>
      </c>
    </row>
    <row r="100" spans="1:4" ht="18" customHeight="1" x14ac:dyDescent="0.2">
      <c r="A100" s="14">
        <v>78</v>
      </c>
      <c r="B100" s="15">
        <v>21</v>
      </c>
      <c r="C100" s="16">
        <v>18</v>
      </c>
      <c r="D100" s="17">
        <v>39</v>
      </c>
    </row>
    <row r="101" spans="1:4" ht="18" customHeight="1" x14ac:dyDescent="0.2">
      <c r="A101" s="14">
        <v>79</v>
      </c>
      <c r="B101" s="15">
        <v>13</v>
      </c>
      <c r="C101" s="16">
        <v>21</v>
      </c>
      <c r="D101" s="17">
        <v>34</v>
      </c>
    </row>
    <row r="102" spans="1:4" ht="18" customHeight="1" x14ac:dyDescent="0.2">
      <c r="A102" s="18" t="s">
        <v>65</v>
      </c>
      <c r="B102" s="15">
        <v>82</v>
      </c>
      <c r="C102" s="16">
        <v>104</v>
      </c>
      <c r="D102" s="17">
        <v>186</v>
      </c>
    </row>
    <row r="103" spans="1:4" ht="18" customHeight="1" x14ac:dyDescent="0.2">
      <c r="A103" s="14">
        <v>80</v>
      </c>
      <c r="B103" s="15">
        <v>9</v>
      </c>
      <c r="C103" s="16">
        <v>20</v>
      </c>
      <c r="D103" s="17">
        <v>29</v>
      </c>
    </row>
    <row r="104" spans="1:4" ht="18" customHeight="1" x14ac:dyDescent="0.2">
      <c r="A104" s="14">
        <v>81</v>
      </c>
      <c r="B104" s="15">
        <v>8</v>
      </c>
      <c r="C104" s="16">
        <v>23</v>
      </c>
      <c r="D104" s="17">
        <v>31</v>
      </c>
    </row>
    <row r="105" spans="1:4" ht="18" customHeight="1" x14ac:dyDescent="0.2">
      <c r="A105" s="14">
        <v>82</v>
      </c>
      <c r="B105" s="15">
        <v>14</v>
      </c>
      <c r="C105" s="16">
        <v>16</v>
      </c>
      <c r="D105" s="17">
        <v>30</v>
      </c>
    </row>
    <row r="106" spans="1:4" ht="18" customHeight="1" x14ac:dyDescent="0.2">
      <c r="A106" s="14">
        <v>83</v>
      </c>
      <c r="B106" s="15">
        <v>13</v>
      </c>
      <c r="C106" s="16">
        <v>17</v>
      </c>
      <c r="D106" s="17">
        <v>30</v>
      </c>
    </row>
    <row r="107" spans="1:4" ht="18" customHeight="1" x14ac:dyDescent="0.2">
      <c r="A107" s="14">
        <v>84</v>
      </c>
      <c r="B107" s="15">
        <v>9</v>
      </c>
      <c r="C107" s="16">
        <v>22</v>
      </c>
      <c r="D107" s="17">
        <v>31</v>
      </c>
    </row>
    <row r="108" spans="1:4" ht="18" customHeight="1" x14ac:dyDescent="0.2">
      <c r="A108" s="18" t="s">
        <v>66</v>
      </c>
      <c r="B108" s="15">
        <v>53</v>
      </c>
      <c r="C108" s="16">
        <v>98</v>
      </c>
      <c r="D108" s="17">
        <v>151</v>
      </c>
    </row>
    <row r="109" spans="1:4" ht="18" customHeight="1" x14ac:dyDescent="0.2">
      <c r="A109" s="14">
        <v>85</v>
      </c>
      <c r="B109" s="15">
        <v>8</v>
      </c>
      <c r="C109" s="16">
        <v>16</v>
      </c>
      <c r="D109" s="17">
        <v>24</v>
      </c>
    </row>
    <row r="110" spans="1:4" ht="18" customHeight="1" x14ac:dyDescent="0.2">
      <c r="A110" s="14">
        <v>86</v>
      </c>
      <c r="B110" s="15">
        <v>8</v>
      </c>
      <c r="C110" s="16">
        <v>19</v>
      </c>
      <c r="D110" s="17">
        <v>27</v>
      </c>
    </row>
    <row r="111" spans="1:4" ht="18" customHeight="1" x14ac:dyDescent="0.2">
      <c r="A111" s="14">
        <v>87</v>
      </c>
      <c r="B111" s="15">
        <v>5</v>
      </c>
      <c r="C111" s="16">
        <v>13</v>
      </c>
      <c r="D111" s="17">
        <v>18</v>
      </c>
    </row>
    <row r="112" spans="1:4" ht="18" customHeight="1" x14ac:dyDescent="0.2">
      <c r="A112" s="14">
        <v>88</v>
      </c>
      <c r="B112" s="15">
        <v>5</v>
      </c>
      <c r="C112" s="16">
        <v>19</v>
      </c>
      <c r="D112" s="17">
        <v>24</v>
      </c>
    </row>
    <row r="113" spans="1:4" ht="18" customHeight="1" x14ac:dyDescent="0.2">
      <c r="A113" s="14">
        <v>89</v>
      </c>
      <c r="B113" s="15">
        <v>3</v>
      </c>
      <c r="C113" s="16">
        <v>12</v>
      </c>
      <c r="D113" s="17">
        <v>15</v>
      </c>
    </row>
    <row r="114" spans="1:4" ht="18" customHeight="1" x14ac:dyDescent="0.2">
      <c r="A114" s="18" t="s">
        <v>67</v>
      </c>
      <c r="B114" s="15">
        <v>29</v>
      </c>
      <c r="C114" s="16">
        <v>79</v>
      </c>
      <c r="D114" s="17">
        <v>108</v>
      </c>
    </row>
    <row r="115" spans="1:4" ht="18" customHeight="1" x14ac:dyDescent="0.2">
      <c r="A115" s="14">
        <v>90</v>
      </c>
      <c r="B115" s="15">
        <v>1</v>
      </c>
      <c r="C115" s="16">
        <v>6</v>
      </c>
      <c r="D115" s="17">
        <v>7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3</v>
      </c>
      <c r="C120" s="16">
        <v>40</v>
      </c>
      <c r="D120" s="17">
        <v>53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9</v>
      </c>
      <c r="D126" s="17">
        <v>11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414</v>
      </c>
      <c r="C130" s="5">
        <v>595</v>
      </c>
      <c r="D130" s="6">
        <v>1009</v>
      </c>
    </row>
    <row r="131" spans="1:4" ht="18" customHeight="1" x14ac:dyDescent="0.2">
      <c r="A131" s="20" t="s">
        <v>47</v>
      </c>
      <c r="B131" s="7">
        <v>1686</v>
      </c>
      <c r="C131" s="8">
        <v>1784</v>
      </c>
      <c r="D131" s="9">
        <v>34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3</v>
      </c>
      <c r="D5" s="13">
        <v>8</v>
      </c>
    </row>
    <row r="6" spans="1:10" ht="18" customHeight="1" x14ac:dyDescent="0.2">
      <c r="A6" s="14">
        <v>1</v>
      </c>
      <c r="B6" s="15">
        <v>5</v>
      </c>
      <c r="C6" s="16">
        <v>7</v>
      </c>
      <c r="D6" s="17">
        <v>12</v>
      </c>
    </row>
    <row r="7" spans="1:10" ht="18" customHeight="1" x14ac:dyDescent="0.2">
      <c r="A7" s="14">
        <v>2</v>
      </c>
      <c r="B7" s="15">
        <v>3</v>
      </c>
      <c r="C7" s="16">
        <v>6</v>
      </c>
      <c r="D7" s="17">
        <v>9</v>
      </c>
    </row>
    <row r="8" spans="1:10" ht="18" customHeight="1" x14ac:dyDescent="0.2">
      <c r="A8" s="14">
        <v>3</v>
      </c>
      <c r="B8" s="15">
        <v>12</v>
      </c>
      <c r="C8" s="16">
        <v>6</v>
      </c>
      <c r="D8" s="17">
        <v>18</v>
      </c>
    </row>
    <row r="9" spans="1:10" ht="18" customHeight="1" x14ac:dyDescent="0.2">
      <c r="A9" s="14">
        <v>4</v>
      </c>
      <c r="B9" s="15">
        <v>8</v>
      </c>
      <c r="C9" s="16">
        <v>4</v>
      </c>
      <c r="D9" s="17">
        <v>12</v>
      </c>
    </row>
    <row r="10" spans="1:10" ht="18" customHeight="1" x14ac:dyDescent="0.2">
      <c r="A10" s="18" t="s">
        <v>48</v>
      </c>
      <c r="B10" s="15">
        <v>33</v>
      </c>
      <c r="C10" s="16">
        <v>26</v>
      </c>
      <c r="D10" s="17">
        <v>59</v>
      </c>
    </row>
    <row r="11" spans="1:10" ht="18" customHeight="1" x14ac:dyDescent="0.2">
      <c r="A11" s="14">
        <v>5</v>
      </c>
      <c r="B11" s="15">
        <v>7</v>
      </c>
      <c r="C11" s="16">
        <v>4</v>
      </c>
      <c r="D11" s="17">
        <v>11</v>
      </c>
    </row>
    <row r="12" spans="1:10" ht="18" customHeight="1" x14ac:dyDescent="0.2">
      <c r="A12" s="14">
        <v>6</v>
      </c>
      <c r="B12" s="15">
        <v>10</v>
      </c>
      <c r="C12" s="16">
        <v>5</v>
      </c>
      <c r="D12" s="17">
        <v>15</v>
      </c>
    </row>
    <row r="13" spans="1:10" ht="18" customHeight="1" x14ac:dyDescent="0.2">
      <c r="A13" s="14">
        <v>7</v>
      </c>
      <c r="B13" s="15">
        <v>8</v>
      </c>
      <c r="C13" s="16">
        <v>6</v>
      </c>
      <c r="D13" s="17">
        <v>14</v>
      </c>
    </row>
    <row r="14" spans="1:10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10" ht="18" customHeight="1" x14ac:dyDescent="0.2">
      <c r="A15" s="14">
        <v>9</v>
      </c>
      <c r="B15" s="15">
        <v>8</v>
      </c>
      <c r="C15" s="16">
        <v>4</v>
      </c>
      <c r="D15" s="17">
        <v>12</v>
      </c>
    </row>
    <row r="16" spans="1:10" ht="18" customHeight="1" x14ac:dyDescent="0.2">
      <c r="A16" s="18" t="s">
        <v>49</v>
      </c>
      <c r="B16" s="15">
        <v>40</v>
      </c>
      <c r="C16" s="16">
        <v>27</v>
      </c>
      <c r="D16" s="17">
        <v>67</v>
      </c>
    </row>
    <row r="17" spans="1:4" ht="18" customHeight="1" x14ac:dyDescent="0.2">
      <c r="A17" s="14">
        <v>10</v>
      </c>
      <c r="B17" s="15">
        <v>9</v>
      </c>
      <c r="C17" s="16">
        <v>12</v>
      </c>
      <c r="D17" s="17">
        <v>21</v>
      </c>
    </row>
    <row r="18" spans="1:4" ht="18" customHeight="1" x14ac:dyDescent="0.2">
      <c r="A18" s="14">
        <v>11</v>
      </c>
      <c r="B18" s="15">
        <v>10</v>
      </c>
      <c r="C18" s="16">
        <v>9</v>
      </c>
      <c r="D18" s="17">
        <v>19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8</v>
      </c>
      <c r="C20" s="16">
        <v>8</v>
      </c>
      <c r="D20" s="17">
        <v>16</v>
      </c>
    </row>
    <row r="21" spans="1:4" ht="18" customHeight="1" x14ac:dyDescent="0.2">
      <c r="A21" s="14">
        <v>14</v>
      </c>
      <c r="B21" s="15">
        <v>10</v>
      </c>
      <c r="C21" s="16">
        <v>8</v>
      </c>
      <c r="D21" s="17">
        <v>18</v>
      </c>
    </row>
    <row r="22" spans="1:4" ht="18" customHeight="1" x14ac:dyDescent="0.2">
      <c r="A22" s="18" t="s">
        <v>50</v>
      </c>
      <c r="B22" s="15">
        <v>44</v>
      </c>
      <c r="C22" s="16">
        <v>46</v>
      </c>
      <c r="D22" s="17">
        <v>90</v>
      </c>
    </row>
    <row r="23" spans="1:4" ht="18" customHeight="1" x14ac:dyDescent="0.2">
      <c r="A23" s="18" t="s">
        <v>51</v>
      </c>
      <c r="B23" s="15">
        <v>117</v>
      </c>
      <c r="C23" s="16">
        <v>99</v>
      </c>
      <c r="D23" s="17">
        <v>216</v>
      </c>
    </row>
    <row r="24" spans="1:4" ht="18" customHeight="1" x14ac:dyDescent="0.2">
      <c r="A24" s="14">
        <v>15</v>
      </c>
      <c r="B24" s="15">
        <v>7</v>
      </c>
      <c r="C24" s="16">
        <v>6</v>
      </c>
      <c r="D24" s="17">
        <v>13</v>
      </c>
    </row>
    <row r="25" spans="1:4" ht="18" customHeight="1" x14ac:dyDescent="0.2">
      <c r="A25" s="14">
        <v>16</v>
      </c>
      <c r="B25" s="15">
        <v>9</v>
      </c>
      <c r="C25" s="16">
        <v>4</v>
      </c>
      <c r="D25" s="17">
        <v>13</v>
      </c>
    </row>
    <row r="26" spans="1:4" ht="18" customHeight="1" x14ac:dyDescent="0.2">
      <c r="A26" s="14">
        <v>17</v>
      </c>
      <c r="B26" s="15">
        <v>12</v>
      </c>
      <c r="C26" s="16">
        <v>9</v>
      </c>
      <c r="D26" s="17">
        <v>21</v>
      </c>
    </row>
    <row r="27" spans="1:4" ht="18" customHeight="1" x14ac:dyDescent="0.2">
      <c r="A27" s="14">
        <v>18</v>
      </c>
      <c r="B27" s="15">
        <v>8</v>
      </c>
      <c r="C27" s="16">
        <v>15</v>
      </c>
      <c r="D27" s="17">
        <v>23</v>
      </c>
    </row>
    <row r="28" spans="1:4" ht="18" customHeight="1" x14ac:dyDescent="0.2">
      <c r="A28" s="14">
        <v>19</v>
      </c>
      <c r="B28" s="15">
        <v>13</v>
      </c>
      <c r="C28" s="16">
        <v>9</v>
      </c>
      <c r="D28" s="17">
        <v>22</v>
      </c>
    </row>
    <row r="29" spans="1:4" ht="18" customHeight="1" x14ac:dyDescent="0.2">
      <c r="A29" s="18" t="s">
        <v>52</v>
      </c>
      <c r="B29" s="15">
        <v>49</v>
      </c>
      <c r="C29" s="16">
        <v>43</v>
      </c>
      <c r="D29" s="17">
        <v>92</v>
      </c>
    </row>
    <row r="30" spans="1:4" ht="18" customHeight="1" x14ac:dyDescent="0.2">
      <c r="A30" s="14">
        <v>20</v>
      </c>
      <c r="B30" s="15">
        <v>10</v>
      </c>
      <c r="C30" s="16">
        <v>11</v>
      </c>
      <c r="D30" s="17">
        <v>21</v>
      </c>
    </row>
    <row r="31" spans="1:4" ht="18" customHeight="1" x14ac:dyDescent="0.2">
      <c r="A31" s="14">
        <v>21</v>
      </c>
      <c r="B31" s="15">
        <v>15</v>
      </c>
      <c r="C31" s="16">
        <v>9</v>
      </c>
      <c r="D31" s="17">
        <v>24</v>
      </c>
    </row>
    <row r="32" spans="1:4" ht="18" customHeight="1" x14ac:dyDescent="0.2">
      <c r="A32" s="14">
        <v>22</v>
      </c>
      <c r="B32" s="15">
        <v>10</v>
      </c>
      <c r="C32" s="16">
        <v>17</v>
      </c>
      <c r="D32" s="17">
        <v>27</v>
      </c>
    </row>
    <row r="33" spans="1:4" ht="18" customHeight="1" x14ac:dyDescent="0.2">
      <c r="A33" s="14">
        <v>23</v>
      </c>
      <c r="B33" s="15">
        <v>11</v>
      </c>
      <c r="C33" s="16">
        <v>9</v>
      </c>
      <c r="D33" s="17">
        <v>20</v>
      </c>
    </row>
    <row r="34" spans="1:4" ht="18" customHeight="1" x14ac:dyDescent="0.2">
      <c r="A34" s="14">
        <v>24</v>
      </c>
      <c r="B34" s="15">
        <v>6</v>
      </c>
      <c r="C34" s="16">
        <v>10</v>
      </c>
      <c r="D34" s="17">
        <v>16</v>
      </c>
    </row>
    <row r="35" spans="1:4" ht="18" customHeight="1" x14ac:dyDescent="0.2">
      <c r="A35" s="18" t="s">
        <v>53</v>
      </c>
      <c r="B35" s="15">
        <v>52</v>
      </c>
      <c r="C35" s="16">
        <v>56</v>
      </c>
      <c r="D35" s="17">
        <v>108</v>
      </c>
    </row>
    <row r="36" spans="1:4" ht="18" customHeight="1" x14ac:dyDescent="0.2">
      <c r="A36" s="14">
        <v>25</v>
      </c>
      <c r="B36" s="15">
        <v>18</v>
      </c>
      <c r="C36" s="16">
        <v>5</v>
      </c>
      <c r="D36" s="17">
        <v>23</v>
      </c>
    </row>
    <row r="37" spans="1:4" ht="18" customHeight="1" x14ac:dyDescent="0.2">
      <c r="A37" s="14">
        <v>26</v>
      </c>
      <c r="B37" s="15">
        <v>11</v>
      </c>
      <c r="C37" s="16">
        <v>7</v>
      </c>
      <c r="D37" s="17">
        <v>18</v>
      </c>
    </row>
    <row r="38" spans="1:4" ht="18" customHeight="1" x14ac:dyDescent="0.2">
      <c r="A38" s="14">
        <v>27</v>
      </c>
      <c r="B38" s="15">
        <v>4</v>
      </c>
      <c r="C38" s="16">
        <v>9</v>
      </c>
      <c r="D38" s="17">
        <v>13</v>
      </c>
    </row>
    <row r="39" spans="1:4" ht="18" customHeight="1" x14ac:dyDescent="0.2">
      <c r="A39" s="14">
        <v>28</v>
      </c>
      <c r="B39" s="15">
        <v>13</v>
      </c>
      <c r="C39" s="16">
        <v>10</v>
      </c>
      <c r="D39" s="17">
        <v>23</v>
      </c>
    </row>
    <row r="40" spans="1:4" ht="18" customHeight="1" x14ac:dyDescent="0.2">
      <c r="A40" s="14">
        <v>29</v>
      </c>
      <c r="B40" s="15">
        <v>9</v>
      </c>
      <c r="C40" s="16">
        <v>4</v>
      </c>
      <c r="D40" s="17">
        <v>13</v>
      </c>
    </row>
    <row r="41" spans="1:4" ht="18" customHeight="1" x14ac:dyDescent="0.2">
      <c r="A41" s="18" t="s">
        <v>54</v>
      </c>
      <c r="B41" s="15">
        <v>55</v>
      </c>
      <c r="C41" s="16">
        <v>35</v>
      </c>
      <c r="D41" s="17">
        <v>90</v>
      </c>
    </row>
    <row r="42" spans="1:4" ht="18" customHeight="1" x14ac:dyDescent="0.2">
      <c r="A42" s="14">
        <v>30</v>
      </c>
      <c r="B42" s="15">
        <v>6</v>
      </c>
      <c r="C42" s="16">
        <v>5</v>
      </c>
      <c r="D42" s="17">
        <v>11</v>
      </c>
    </row>
    <row r="43" spans="1:4" ht="18" customHeight="1" x14ac:dyDescent="0.2">
      <c r="A43" s="14">
        <v>31</v>
      </c>
      <c r="B43" s="15">
        <v>5</v>
      </c>
      <c r="C43" s="16">
        <v>11</v>
      </c>
      <c r="D43" s="17">
        <v>16</v>
      </c>
    </row>
    <row r="44" spans="1:4" ht="18" customHeight="1" x14ac:dyDescent="0.2">
      <c r="A44" s="14">
        <v>32</v>
      </c>
      <c r="B44" s="15">
        <v>11</v>
      </c>
      <c r="C44" s="16">
        <v>4</v>
      </c>
      <c r="D44" s="17">
        <v>15</v>
      </c>
    </row>
    <row r="45" spans="1:4" ht="18" customHeight="1" x14ac:dyDescent="0.2">
      <c r="A45" s="14">
        <v>33</v>
      </c>
      <c r="B45" s="15">
        <v>9</v>
      </c>
      <c r="C45" s="16">
        <v>4</v>
      </c>
      <c r="D45" s="17">
        <v>13</v>
      </c>
    </row>
    <row r="46" spans="1:4" ht="18" customHeight="1" x14ac:dyDescent="0.2">
      <c r="A46" s="14">
        <v>34</v>
      </c>
      <c r="B46" s="15">
        <v>7</v>
      </c>
      <c r="C46" s="16">
        <v>8</v>
      </c>
      <c r="D46" s="17">
        <v>15</v>
      </c>
    </row>
    <row r="47" spans="1:4" ht="18" customHeight="1" x14ac:dyDescent="0.2">
      <c r="A47" s="18" t="s">
        <v>55</v>
      </c>
      <c r="B47" s="15">
        <v>38</v>
      </c>
      <c r="C47" s="16">
        <v>32</v>
      </c>
      <c r="D47" s="17">
        <v>70</v>
      </c>
    </row>
    <row r="48" spans="1:4" ht="18" customHeight="1" x14ac:dyDescent="0.2">
      <c r="A48" s="14">
        <v>35</v>
      </c>
      <c r="B48" s="15">
        <v>13</v>
      </c>
      <c r="C48" s="16">
        <v>11</v>
      </c>
      <c r="D48" s="17">
        <v>24</v>
      </c>
    </row>
    <row r="49" spans="1:4" ht="18" customHeight="1" x14ac:dyDescent="0.2">
      <c r="A49" s="14">
        <v>36</v>
      </c>
      <c r="B49" s="15">
        <v>8</v>
      </c>
      <c r="C49" s="16">
        <v>9</v>
      </c>
      <c r="D49" s="17">
        <v>17</v>
      </c>
    </row>
    <row r="50" spans="1:4" ht="18" customHeight="1" x14ac:dyDescent="0.2">
      <c r="A50" s="14">
        <v>37</v>
      </c>
      <c r="B50" s="15">
        <v>13</v>
      </c>
      <c r="C50" s="16">
        <v>10</v>
      </c>
      <c r="D50" s="17">
        <v>23</v>
      </c>
    </row>
    <row r="51" spans="1:4" ht="18" customHeight="1" x14ac:dyDescent="0.2">
      <c r="A51" s="14">
        <v>38</v>
      </c>
      <c r="B51" s="15">
        <v>10</v>
      </c>
      <c r="C51" s="16">
        <v>17</v>
      </c>
      <c r="D51" s="17">
        <v>27</v>
      </c>
    </row>
    <row r="52" spans="1:4" ht="18" customHeight="1" x14ac:dyDescent="0.2">
      <c r="A52" s="14">
        <v>39</v>
      </c>
      <c r="B52" s="15">
        <v>15</v>
      </c>
      <c r="C52" s="16">
        <v>16</v>
      </c>
      <c r="D52" s="17">
        <v>31</v>
      </c>
    </row>
    <row r="53" spans="1:4" ht="18" customHeight="1" x14ac:dyDescent="0.2">
      <c r="A53" s="18" t="s">
        <v>56</v>
      </c>
      <c r="B53" s="15">
        <v>59</v>
      </c>
      <c r="C53" s="16">
        <v>63</v>
      </c>
      <c r="D53" s="17">
        <v>122</v>
      </c>
    </row>
    <row r="54" spans="1:4" ht="18" customHeight="1" x14ac:dyDescent="0.2">
      <c r="A54" s="14">
        <v>40</v>
      </c>
      <c r="B54" s="15">
        <v>15</v>
      </c>
      <c r="C54" s="16">
        <v>11</v>
      </c>
      <c r="D54" s="17">
        <v>26</v>
      </c>
    </row>
    <row r="55" spans="1:4" ht="18" customHeight="1" x14ac:dyDescent="0.2">
      <c r="A55" s="14">
        <v>41</v>
      </c>
      <c r="B55" s="15">
        <v>12</v>
      </c>
      <c r="C55" s="16">
        <v>12</v>
      </c>
      <c r="D55" s="17">
        <v>24</v>
      </c>
    </row>
    <row r="56" spans="1:4" ht="18" customHeight="1" x14ac:dyDescent="0.2">
      <c r="A56" s="14">
        <v>42</v>
      </c>
      <c r="B56" s="15">
        <v>17</v>
      </c>
      <c r="C56" s="16">
        <v>11</v>
      </c>
      <c r="D56" s="17">
        <v>28</v>
      </c>
    </row>
    <row r="57" spans="1:4" ht="18" customHeight="1" x14ac:dyDescent="0.2">
      <c r="A57" s="14">
        <v>43</v>
      </c>
      <c r="B57" s="15">
        <v>17</v>
      </c>
      <c r="C57" s="16">
        <v>15</v>
      </c>
      <c r="D57" s="17">
        <v>32</v>
      </c>
    </row>
    <row r="58" spans="1:4" ht="18" customHeight="1" x14ac:dyDescent="0.2">
      <c r="A58" s="14">
        <v>44</v>
      </c>
      <c r="B58" s="15">
        <v>19</v>
      </c>
      <c r="C58" s="16">
        <v>15</v>
      </c>
      <c r="D58" s="17">
        <v>34</v>
      </c>
    </row>
    <row r="59" spans="1:4" ht="18" customHeight="1" x14ac:dyDescent="0.2">
      <c r="A59" s="18" t="s">
        <v>57</v>
      </c>
      <c r="B59" s="15">
        <v>80</v>
      </c>
      <c r="C59" s="16">
        <v>64</v>
      </c>
      <c r="D59" s="17">
        <v>144</v>
      </c>
    </row>
    <row r="60" spans="1:4" ht="18" customHeight="1" x14ac:dyDescent="0.2">
      <c r="A60" s="14">
        <v>45</v>
      </c>
      <c r="B60" s="15">
        <v>23</v>
      </c>
      <c r="C60" s="16">
        <v>14</v>
      </c>
      <c r="D60" s="17">
        <v>37</v>
      </c>
    </row>
    <row r="61" spans="1:4" ht="18" customHeight="1" x14ac:dyDescent="0.2">
      <c r="A61" s="14">
        <v>46</v>
      </c>
      <c r="B61" s="15">
        <v>15</v>
      </c>
      <c r="C61" s="16">
        <v>20</v>
      </c>
      <c r="D61" s="17">
        <v>35</v>
      </c>
    </row>
    <row r="62" spans="1:4" ht="18" customHeight="1" x14ac:dyDescent="0.2">
      <c r="A62" s="14">
        <v>47</v>
      </c>
      <c r="B62" s="15">
        <v>15</v>
      </c>
      <c r="C62" s="16">
        <v>11</v>
      </c>
      <c r="D62" s="17">
        <v>26</v>
      </c>
    </row>
    <row r="63" spans="1:4" ht="18" customHeight="1" x14ac:dyDescent="0.2">
      <c r="A63" s="14">
        <v>48</v>
      </c>
      <c r="B63" s="15">
        <v>11</v>
      </c>
      <c r="C63" s="16">
        <v>25</v>
      </c>
      <c r="D63" s="17">
        <v>36</v>
      </c>
    </row>
    <row r="64" spans="1:4" ht="18" customHeight="1" x14ac:dyDescent="0.2">
      <c r="A64" s="14">
        <v>49</v>
      </c>
      <c r="B64" s="15">
        <v>18</v>
      </c>
      <c r="C64" s="16">
        <v>11</v>
      </c>
      <c r="D64" s="17">
        <v>29</v>
      </c>
    </row>
    <row r="65" spans="1:4" ht="18" customHeight="1" x14ac:dyDescent="0.2">
      <c r="A65" s="18" t="s">
        <v>58</v>
      </c>
      <c r="B65" s="15">
        <v>82</v>
      </c>
      <c r="C65" s="16">
        <v>81</v>
      </c>
      <c r="D65" s="17">
        <v>163</v>
      </c>
    </row>
    <row r="66" spans="1:4" ht="18" customHeight="1" x14ac:dyDescent="0.2">
      <c r="A66" s="14">
        <v>50</v>
      </c>
      <c r="B66" s="15">
        <v>15</v>
      </c>
      <c r="C66" s="16">
        <v>15</v>
      </c>
      <c r="D66" s="17">
        <v>30</v>
      </c>
    </row>
    <row r="67" spans="1:4" ht="18" customHeight="1" x14ac:dyDescent="0.2">
      <c r="A67" s="14">
        <v>51</v>
      </c>
      <c r="B67" s="15">
        <v>16</v>
      </c>
      <c r="C67" s="16">
        <v>13</v>
      </c>
      <c r="D67" s="17">
        <v>29</v>
      </c>
    </row>
    <row r="68" spans="1:4" ht="18" customHeight="1" x14ac:dyDescent="0.2">
      <c r="A68" s="14">
        <v>52</v>
      </c>
      <c r="B68" s="15">
        <v>9</v>
      </c>
      <c r="C68" s="16">
        <v>17</v>
      </c>
      <c r="D68" s="17">
        <v>26</v>
      </c>
    </row>
    <row r="69" spans="1:4" ht="18" customHeight="1" x14ac:dyDescent="0.2">
      <c r="A69" s="14">
        <v>53</v>
      </c>
      <c r="B69" s="15">
        <v>16</v>
      </c>
      <c r="C69" s="16">
        <v>14</v>
      </c>
      <c r="D69" s="17">
        <v>30</v>
      </c>
    </row>
    <row r="70" spans="1:4" ht="18" customHeight="1" x14ac:dyDescent="0.2">
      <c r="A70" s="14">
        <v>54</v>
      </c>
      <c r="B70" s="15">
        <v>11</v>
      </c>
      <c r="C70" s="16">
        <v>11</v>
      </c>
      <c r="D70" s="17">
        <v>22</v>
      </c>
    </row>
    <row r="71" spans="1:4" ht="18" customHeight="1" x14ac:dyDescent="0.2">
      <c r="A71" s="18" t="s">
        <v>59</v>
      </c>
      <c r="B71" s="15">
        <v>67</v>
      </c>
      <c r="C71" s="16">
        <v>70</v>
      </c>
      <c r="D71" s="17">
        <v>137</v>
      </c>
    </row>
    <row r="72" spans="1:4" ht="18" customHeight="1" x14ac:dyDescent="0.2">
      <c r="A72" s="14">
        <v>55</v>
      </c>
      <c r="B72" s="15">
        <v>22</v>
      </c>
      <c r="C72" s="16">
        <v>15</v>
      </c>
      <c r="D72" s="17">
        <v>37</v>
      </c>
    </row>
    <row r="73" spans="1:4" ht="18" customHeight="1" x14ac:dyDescent="0.2">
      <c r="A73" s="14">
        <v>56</v>
      </c>
      <c r="B73" s="15">
        <v>19</v>
      </c>
      <c r="C73" s="16">
        <v>18</v>
      </c>
      <c r="D73" s="17">
        <v>37</v>
      </c>
    </row>
    <row r="74" spans="1:4" ht="18" customHeight="1" x14ac:dyDescent="0.2">
      <c r="A74" s="14">
        <v>57</v>
      </c>
      <c r="B74" s="15">
        <v>14</v>
      </c>
      <c r="C74" s="16">
        <v>15</v>
      </c>
      <c r="D74" s="17">
        <v>29</v>
      </c>
    </row>
    <row r="75" spans="1:4" ht="18" customHeight="1" x14ac:dyDescent="0.2">
      <c r="A75" s="14">
        <v>58</v>
      </c>
      <c r="B75" s="15">
        <v>9</v>
      </c>
      <c r="C75" s="16">
        <v>15</v>
      </c>
      <c r="D75" s="17">
        <v>24</v>
      </c>
    </row>
    <row r="76" spans="1:4" ht="18" customHeight="1" x14ac:dyDescent="0.2">
      <c r="A76" s="14">
        <v>59</v>
      </c>
      <c r="B76" s="15">
        <v>17</v>
      </c>
      <c r="C76" s="16">
        <v>9</v>
      </c>
      <c r="D76" s="17">
        <v>26</v>
      </c>
    </row>
    <row r="77" spans="1:4" ht="18" customHeight="1" x14ac:dyDescent="0.2">
      <c r="A77" s="18" t="s">
        <v>60</v>
      </c>
      <c r="B77" s="15">
        <v>81</v>
      </c>
      <c r="C77" s="16">
        <v>72</v>
      </c>
      <c r="D77" s="17">
        <v>153</v>
      </c>
    </row>
    <row r="78" spans="1:4" ht="18" customHeight="1" x14ac:dyDescent="0.2">
      <c r="A78" s="14">
        <v>60</v>
      </c>
      <c r="B78" s="15">
        <v>12</v>
      </c>
      <c r="C78" s="16">
        <v>17</v>
      </c>
      <c r="D78" s="17">
        <v>29</v>
      </c>
    </row>
    <row r="79" spans="1:4" ht="18" customHeight="1" x14ac:dyDescent="0.2">
      <c r="A79" s="14">
        <v>61</v>
      </c>
      <c r="B79" s="15">
        <v>12</v>
      </c>
      <c r="C79" s="16">
        <v>16</v>
      </c>
      <c r="D79" s="17">
        <v>28</v>
      </c>
    </row>
    <row r="80" spans="1:4" ht="18" customHeight="1" x14ac:dyDescent="0.2">
      <c r="A80" s="14">
        <v>62</v>
      </c>
      <c r="B80" s="15">
        <v>16</v>
      </c>
      <c r="C80" s="16">
        <v>12</v>
      </c>
      <c r="D80" s="17">
        <v>28</v>
      </c>
    </row>
    <row r="81" spans="1:4" ht="18" customHeight="1" x14ac:dyDescent="0.2">
      <c r="A81" s="14">
        <v>63</v>
      </c>
      <c r="B81" s="15">
        <v>18</v>
      </c>
      <c r="C81" s="16">
        <v>22</v>
      </c>
      <c r="D81" s="17">
        <v>40</v>
      </c>
    </row>
    <row r="82" spans="1:4" ht="18" customHeight="1" x14ac:dyDescent="0.2">
      <c r="A82" s="14">
        <v>64</v>
      </c>
      <c r="B82" s="15">
        <v>17</v>
      </c>
      <c r="C82" s="16">
        <v>19</v>
      </c>
      <c r="D82" s="17">
        <v>36</v>
      </c>
    </row>
    <row r="83" spans="1:4" ht="18" customHeight="1" x14ac:dyDescent="0.2">
      <c r="A83" s="18" t="s">
        <v>61</v>
      </c>
      <c r="B83" s="15">
        <v>75</v>
      </c>
      <c r="C83" s="16">
        <v>86</v>
      </c>
      <c r="D83" s="17">
        <v>161</v>
      </c>
    </row>
    <row r="84" spans="1:4" ht="18" customHeight="1" x14ac:dyDescent="0.2">
      <c r="A84" s="18" t="s">
        <v>62</v>
      </c>
      <c r="B84" s="15">
        <v>638</v>
      </c>
      <c r="C84" s="16">
        <v>602</v>
      </c>
      <c r="D84" s="17">
        <v>1240</v>
      </c>
    </row>
    <row r="85" spans="1:4" ht="18" customHeight="1" x14ac:dyDescent="0.2">
      <c r="A85" s="14">
        <v>65</v>
      </c>
      <c r="B85" s="15">
        <v>14</v>
      </c>
      <c r="C85" s="16">
        <v>23</v>
      </c>
      <c r="D85" s="17">
        <v>37</v>
      </c>
    </row>
    <row r="86" spans="1:4" ht="18" customHeight="1" x14ac:dyDescent="0.2">
      <c r="A86" s="14">
        <v>66</v>
      </c>
      <c r="B86" s="15">
        <v>21</v>
      </c>
      <c r="C86" s="16">
        <v>29</v>
      </c>
      <c r="D86" s="17">
        <v>50</v>
      </c>
    </row>
    <row r="87" spans="1:4" ht="18" customHeight="1" x14ac:dyDescent="0.2">
      <c r="A87" s="14">
        <v>67</v>
      </c>
      <c r="B87" s="15">
        <v>22</v>
      </c>
      <c r="C87" s="16">
        <v>23</v>
      </c>
      <c r="D87" s="17">
        <v>45</v>
      </c>
    </row>
    <row r="88" spans="1:4" ht="18" customHeight="1" x14ac:dyDescent="0.2">
      <c r="A88" s="14">
        <v>68</v>
      </c>
      <c r="B88" s="15">
        <v>22</v>
      </c>
      <c r="C88" s="16">
        <v>24</v>
      </c>
      <c r="D88" s="17">
        <v>46</v>
      </c>
    </row>
    <row r="89" spans="1:4" ht="18" customHeight="1" x14ac:dyDescent="0.2">
      <c r="A89" s="14">
        <v>69</v>
      </c>
      <c r="B89" s="15">
        <v>22</v>
      </c>
      <c r="C89" s="16">
        <v>34</v>
      </c>
      <c r="D89" s="17">
        <v>56</v>
      </c>
    </row>
    <row r="90" spans="1:4" ht="18" customHeight="1" x14ac:dyDescent="0.2">
      <c r="A90" s="18" t="s">
        <v>63</v>
      </c>
      <c r="B90" s="15">
        <v>101</v>
      </c>
      <c r="C90" s="16">
        <v>133</v>
      </c>
      <c r="D90" s="17">
        <v>234</v>
      </c>
    </row>
    <row r="91" spans="1:4" ht="18" customHeight="1" x14ac:dyDescent="0.2">
      <c r="A91" s="14">
        <v>70</v>
      </c>
      <c r="B91" s="15">
        <v>30</v>
      </c>
      <c r="C91" s="16">
        <v>33</v>
      </c>
      <c r="D91" s="17">
        <v>63</v>
      </c>
    </row>
    <row r="92" spans="1:4" ht="18" customHeight="1" x14ac:dyDescent="0.2">
      <c r="A92" s="14">
        <v>71</v>
      </c>
      <c r="B92" s="15">
        <v>27</v>
      </c>
      <c r="C92" s="16">
        <v>37</v>
      </c>
      <c r="D92" s="17">
        <v>64</v>
      </c>
    </row>
    <row r="93" spans="1:4" ht="18" customHeight="1" x14ac:dyDescent="0.2">
      <c r="A93" s="14">
        <v>72</v>
      </c>
      <c r="B93" s="15">
        <v>25</v>
      </c>
      <c r="C93" s="16">
        <v>26</v>
      </c>
      <c r="D93" s="17">
        <v>51</v>
      </c>
    </row>
    <row r="94" spans="1:4" ht="18" customHeight="1" x14ac:dyDescent="0.2">
      <c r="A94" s="14">
        <v>73</v>
      </c>
      <c r="B94" s="15">
        <v>15</v>
      </c>
      <c r="C94" s="16">
        <v>17</v>
      </c>
      <c r="D94" s="17">
        <v>32</v>
      </c>
    </row>
    <row r="95" spans="1:4" ht="18" customHeight="1" x14ac:dyDescent="0.2">
      <c r="A95" s="14">
        <v>74</v>
      </c>
      <c r="B95" s="15">
        <v>15</v>
      </c>
      <c r="C95" s="16">
        <v>20</v>
      </c>
      <c r="D95" s="17">
        <v>35</v>
      </c>
    </row>
    <row r="96" spans="1:4" ht="18" customHeight="1" x14ac:dyDescent="0.2">
      <c r="A96" s="18" t="s">
        <v>64</v>
      </c>
      <c r="B96" s="15">
        <v>112</v>
      </c>
      <c r="C96" s="16">
        <v>133</v>
      </c>
      <c r="D96" s="17">
        <v>245</v>
      </c>
    </row>
    <row r="97" spans="1:4" ht="18" customHeight="1" x14ac:dyDescent="0.2">
      <c r="A97" s="14">
        <v>75</v>
      </c>
      <c r="B97" s="15">
        <v>23</v>
      </c>
      <c r="C97" s="16">
        <v>23</v>
      </c>
      <c r="D97" s="17">
        <v>46</v>
      </c>
    </row>
    <row r="98" spans="1:4" ht="18" customHeight="1" x14ac:dyDescent="0.2">
      <c r="A98" s="14">
        <v>76</v>
      </c>
      <c r="B98" s="15">
        <v>21</v>
      </c>
      <c r="C98" s="16">
        <v>23</v>
      </c>
      <c r="D98" s="17">
        <v>44</v>
      </c>
    </row>
    <row r="99" spans="1:4" ht="18" customHeight="1" x14ac:dyDescent="0.2">
      <c r="A99" s="14">
        <v>77</v>
      </c>
      <c r="B99" s="15">
        <v>17</v>
      </c>
      <c r="C99" s="16">
        <v>18</v>
      </c>
      <c r="D99" s="17">
        <v>35</v>
      </c>
    </row>
    <row r="100" spans="1:4" ht="18" customHeight="1" x14ac:dyDescent="0.2">
      <c r="A100" s="14">
        <v>78</v>
      </c>
      <c r="B100" s="15">
        <v>7</v>
      </c>
      <c r="C100" s="16">
        <v>11</v>
      </c>
      <c r="D100" s="17">
        <v>18</v>
      </c>
    </row>
    <row r="101" spans="1:4" ht="18" customHeight="1" x14ac:dyDescent="0.2">
      <c r="A101" s="14">
        <v>79</v>
      </c>
      <c r="B101" s="15">
        <v>15</v>
      </c>
      <c r="C101" s="16">
        <v>19</v>
      </c>
      <c r="D101" s="17">
        <v>34</v>
      </c>
    </row>
    <row r="102" spans="1:4" ht="18" customHeight="1" x14ac:dyDescent="0.2">
      <c r="A102" s="18" t="s">
        <v>65</v>
      </c>
      <c r="B102" s="15">
        <v>83</v>
      </c>
      <c r="C102" s="16">
        <v>94</v>
      </c>
      <c r="D102" s="17">
        <v>177</v>
      </c>
    </row>
    <row r="103" spans="1:4" ht="18" customHeight="1" x14ac:dyDescent="0.2">
      <c r="A103" s="14">
        <v>80</v>
      </c>
      <c r="B103" s="15">
        <v>7</v>
      </c>
      <c r="C103" s="16">
        <v>9</v>
      </c>
      <c r="D103" s="17">
        <v>16</v>
      </c>
    </row>
    <row r="104" spans="1:4" ht="18" customHeight="1" x14ac:dyDescent="0.2">
      <c r="A104" s="14">
        <v>81</v>
      </c>
      <c r="B104" s="15">
        <v>10</v>
      </c>
      <c r="C104" s="16">
        <v>20</v>
      </c>
      <c r="D104" s="17">
        <v>30</v>
      </c>
    </row>
    <row r="105" spans="1:4" ht="18" customHeight="1" x14ac:dyDescent="0.2">
      <c r="A105" s="14">
        <v>82</v>
      </c>
      <c r="B105" s="15">
        <v>9</v>
      </c>
      <c r="C105" s="16">
        <v>20</v>
      </c>
      <c r="D105" s="17">
        <v>29</v>
      </c>
    </row>
    <row r="106" spans="1:4" ht="18" customHeight="1" x14ac:dyDescent="0.2">
      <c r="A106" s="14">
        <v>83</v>
      </c>
      <c r="B106" s="15">
        <v>9</v>
      </c>
      <c r="C106" s="16">
        <v>14</v>
      </c>
      <c r="D106" s="17">
        <v>23</v>
      </c>
    </row>
    <row r="107" spans="1:4" ht="18" customHeight="1" x14ac:dyDescent="0.2">
      <c r="A107" s="14">
        <v>84</v>
      </c>
      <c r="B107" s="15">
        <v>8</v>
      </c>
      <c r="C107" s="16">
        <v>16</v>
      </c>
      <c r="D107" s="17">
        <v>24</v>
      </c>
    </row>
    <row r="108" spans="1:4" ht="18" customHeight="1" x14ac:dyDescent="0.2">
      <c r="A108" s="18" t="s">
        <v>66</v>
      </c>
      <c r="B108" s="15">
        <v>43</v>
      </c>
      <c r="C108" s="16">
        <v>79</v>
      </c>
      <c r="D108" s="17">
        <v>122</v>
      </c>
    </row>
    <row r="109" spans="1:4" ht="18" customHeight="1" x14ac:dyDescent="0.2">
      <c r="A109" s="14">
        <v>85</v>
      </c>
      <c r="B109" s="15">
        <v>8</v>
      </c>
      <c r="C109" s="16">
        <v>17</v>
      </c>
      <c r="D109" s="17">
        <v>25</v>
      </c>
    </row>
    <row r="110" spans="1:4" ht="18" customHeight="1" x14ac:dyDescent="0.2">
      <c r="A110" s="14">
        <v>86</v>
      </c>
      <c r="B110" s="15">
        <v>8</v>
      </c>
      <c r="C110" s="16">
        <v>13</v>
      </c>
      <c r="D110" s="17">
        <v>21</v>
      </c>
    </row>
    <row r="111" spans="1:4" ht="18" customHeight="1" x14ac:dyDescent="0.2">
      <c r="A111" s="14">
        <v>87</v>
      </c>
      <c r="B111" s="15">
        <v>9</v>
      </c>
      <c r="C111" s="16">
        <v>14</v>
      </c>
      <c r="D111" s="17">
        <v>23</v>
      </c>
    </row>
    <row r="112" spans="1:4" ht="18" customHeight="1" x14ac:dyDescent="0.2">
      <c r="A112" s="14">
        <v>88</v>
      </c>
      <c r="B112" s="15">
        <v>3</v>
      </c>
      <c r="C112" s="16">
        <v>15</v>
      </c>
      <c r="D112" s="17">
        <v>18</v>
      </c>
    </row>
    <row r="113" spans="1:4" ht="18" customHeight="1" x14ac:dyDescent="0.2">
      <c r="A113" s="14">
        <v>89</v>
      </c>
      <c r="B113" s="15">
        <v>4</v>
      </c>
      <c r="C113" s="16">
        <v>14</v>
      </c>
      <c r="D113" s="17">
        <v>18</v>
      </c>
    </row>
    <row r="114" spans="1:4" ht="18" customHeight="1" x14ac:dyDescent="0.2">
      <c r="A114" s="18" t="s">
        <v>67</v>
      </c>
      <c r="B114" s="15">
        <v>32</v>
      </c>
      <c r="C114" s="16">
        <v>73</v>
      </c>
      <c r="D114" s="17">
        <v>105</v>
      </c>
    </row>
    <row r="115" spans="1:4" ht="18" customHeight="1" x14ac:dyDescent="0.2">
      <c r="A115" s="14">
        <v>90</v>
      </c>
      <c r="B115" s="15">
        <v>6</v>
      </c>
      <c r="C115" s="16">
        <v>10</v>
      </c>
      <c r="D115" s="17">
        <v>16</v>
      </c>
    </row>
    <row r="116" spans="1:4" ht="18" customHeight="1" x14ac:dyDescent="0.2">
      <c r="A116" s="14">
        <v>91</v>
      </c>
      <c r="B116" s="15">
        <v>3</v>
      </c>
      <c r="C116" s="16">
        <v>9</v>
      </c>
      <c r="D116" s="17">
        <v>12</v>
      </c>
    </row>
    <row r="117" spans="1:4" ht="18" customHeight="1" x14ac:dyDescent="0.2">
      <c r="A117" s="14">
        <v>92</v>
      </c>
      <c r="B117" s="15">
        <v>0</v>
      </c>
      <c r="C117" s="16">
        <v>2</v>
      </c>
      <c r="D117" s="17">
        <v>2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3</v>
      </c>
      <c r="C120" s="16">
        <v>33</v>
      </c>
      <c r="D120" s="17">
        <v>46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12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85</v>
      </c>
      <c r="C130" s="5">
        <v>559</v>
      </c>
      <c r="D130" s="6">
        <v>944</v>
      </c>
    </row>
    <row r="131" spans="1:4" ht="18" customHeight="1" x14ac:dyDescent="0.2">
      <c r="A131" s="20" t="s">
        <v>47</v>
      </c>
      <c r="B131" s="7">
        <v>1140</v>
      </c>
      <c r="C131" s="8">
        <v>1260</v>
      </c>
      <c r="D131" s="9">
        <v>24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6</v>
      </c>
      <c r="C5" s="12">
        <v>4</v>
      </c>
      <c r="D5" s="13">
        <v>10</v>
      </c>
    </row>
    <row r="6" spans="1:10" ht="18" customHeight="1" x14ac:dyDescent="0.2">
      <c r="A6" s="14">
        <v>1</v>
      </c>
      <c r="B6" s="15">
        <v>15</v>
      </c>
      <c r="C6" s="16">
        <v>4</v>
      </c>
      <c r="D6" s="17">
        <v>19</v>
      </c>
    </row>
    <row r="7" spans="1:10" ht="18" customHeight="1" x14ac:dyDescent="0.2">
      <c r="A7" s="14">
        <v>2</v>
      </c>
      <c r="B7" s="15">
        <v>7</v>
      </c>
      <c r="C7" s="16">
        <v>8</v>
      </c>
      <c r="D7" s="17">
        <v>15</v>
      </c>
    </row>
    <row r="8" spans="1:10" ht="18" customHeight="1" x14ac:dyDescent="0.2">
      <c r="A8" s="14">
        <v>3</v>
      </c>
      <c r="B8" s="15">
        <v>8</v>
      </c>
      <c r="C8" s="16">
        <v>6</v>
      </c>
      <c r="D8" s="17">
        <v>14</v>
      </c>
    </row>
    <row r="9" spans="1:10" ht="18" customHeight="1" x14ac:dyDescent="0.2">
      <c r="A9" s="14">
        <v>4</v>
      </c>
      <c r="B9" s="15">
        <v>13</v>
      </c>
      <c r="C9" s="16">
        <v>7</v>
      </c>
      <c r="D9" s="17">
        <v>20</v>
      </c>
    </row>
    <row r="10" spans="1:10" ht="18" customHeight="1" x14ac:dyDescent="0.2">
      <c r="A10" s="18" t="s">
        <v>48</v>
      </c>
      <c r="B10" s="15">
        <v>49</v>
      </c>
      <c r="C10" s="16">
        <v>29</v>
      </c>
      <c r="D10" s="17">
        <v>78</v>
      </c>
    </row>
    <row r="11" spans="1:10" ht="18" customHeight="1" x14ac:dyDescent="0.2">
      <c r="A11" s="14">
        <v>5</v>
      </c>
      <c r="B11" s="15">
        <v>11</v>
      </c>
      <c r="C11" s="16">
        <v>9</v>
      </c>
      <c r="D11" s="17">
        <v>20</v>
      </c>
    </row>
    <row r="12" spans="1:10" ht="18" customHeight="1" x14ac:dyDescent="0.2">
      <c r="A12" s="14">
        <v>6</v>
      </c>
      <c r="B12" s="15">
        <v>8</v>
      </c>
      <c r="C12" s="16">
        <v>15</v>
      </c>
      <c r="D12" s="17">
        <v>23</v>
      </c>
    </row>
    <row r="13" spans="1:10" ht="18" customHeight="1" x14ac:dyDescent="0.2">
      <c r="A13" s="14">
        <v>7</v>
      </c>
      <c r="B13" s="15">
        <v>5</v>
      </c>
      <c r="C13" s="16">
        <v>6</v>
      </c>
      <c r="D13" s="17">
        <v>11</v>
      </c>
    </row>
    <row r="14" spans="1:10" ht="18" customHeight="1" x14ac:dyDescent="0.2">
      <c r="A14" s="14">
        <v>8</v>
      </c>
      <c r="B14" s="15">
        <v>19</v>
      </c>
      <c r="C14" s="16">
        <v>13</v>
      </c>
      <c r="D14" s="17">
        <v>32</v>
      </c>
    </row>
    <row r="15" spans="1:10" ht="18" customHeight="1" x14ac:dyDescent="0.2">
      <c r="A15" s="14">
        <v>9</v>
      </c>
      <c r="B15" s="15">
        <v>7</v>
      </c>
      <c r="C15" s="16">
        <v>10</v>
      </c>
      <c r="D15" s="17">
        <v>17</v>
      </c>
    </row>
    <row r="16" spans="1:10" ht="18" customHeight="1" x14ac:dyDescent="0.2">
      <c r="A16" s="18" t="s">
        <v>49</v>
      </c>
      <c r="B16" s="15">
        <v>50</v>
      </c>
      <c r="C16" s="16">
        <v>53</v>
      </c>
      <c r="D16" s="17">
        <v>103</v>
      </c>
    </row>
    <row r="17" spans="1:4" ht="18" customHeight="1" x14ac:dyDescent="0.2">
      <c r="A17" s="14">
        <v>10</v>
      </c>
      <c r="B17" s="15">
        <v>7</v>
      </c>
      <c r="C17" s="16">
        <v>9</v>
      </c>
      <c r="D17" s="17">
        <v>16</v>
      </c>
    </row>
    <row r="18" spans="1:4" ht="18" customHeight="1" x14ac:dyDescent="0.2">
      <c r="A18" s="14">
        <v>11</v>
      </c>
      <c r="B18" s="15">
        <v>7</v>
      </c>
      <c r="C18" s="16">
        <v>17</v>
      </c>
      <c r="D18" s="17">
        <v>24</v>
      </c>
    </row>
    <row r="19" spans="1:4" ht="18" customHeight="1" x14ac:dyDescent="0.2">
      <c r="A19" s="14">
        <v>12</v>
      </c>
      <c r="B19" s="15">
        <v>16</v>
      </c>
      <c r="C19" s="16">
        <v>7</v>
      </c>
      <c r="D19" s="17">
        <v>23</v>
      </c>
    </row>
    <row r="20" spans="1:4" ht="18" customHeight="1" x14ac:dyDescent="0.2">
      <c r="A20" s="14">
        <v>13</v>
      </c>
      <c r="B20" s="15">
        <v>8</v>
      </c>
      <c r="C20" s="16">
        <v>20</v>
      </c>
      <c r="D20" s="17">
        <v>28</v>
      </c>
    </row>
    <row r="21" spans="1:4" ht="18" customHeight="1" x14ac:dyDescent="0.2">
      <c r="A21" s="14">
        <v>14</v>
      </c>
      <c r="B21" s="15">
        <v>18</v>
      </c>
      <c r="C21" s="16">
        <v>12</v>
      </c>
      <c r="D21" s="17">
        <v>30</v>
      </c>
    </row>
    <row r="22" spans="1:4" ht="18" customHeight="1" x14ac:dyDescent="0.2">
      <c r="A22" s="18" t="s">
        <v>50</v>
      </c>
      <c r="B22" s="15">
        <v>56</v>
      </c>
      <c r="C22" s="16">
        <v>65</v>
      </c>
      <c r="D22" s="17">
        <v>121</v>
      </c>
    </row>
    <row r="23" spans="1:4" ht="18" customHeight="1" x14ac:dyDescent="0.2">
      <c r="A23" s="18" t="s">
        <v>51</v>
      </c>
      <c r="B23" s="15">
        <v>155</v>
      </c>
      <c r="C23" s="16">
        <v>147</v>
      </c>
      <c r="D23" s="17">
        <v>302</v>
      </c>
    </row>
    <row r="24" spans="1:4" ht="18" customHeight="1" x14ac:dyDescent="0.2">
      <c r="A24" s="14">
        <v>15</v>
      </c>
      <c r="B24" s="15">
        <v>9</v>
      </c>
      <c r="C24" s="16">
        <v>6</v>
      </c>
      <c r="D24" s="17">
        <v>15</v>
      </c>
    </row>
    <row r="25" spans="1:4" ht="18" customHeight="1" x14ac:dyDescent="0.2">
      <c r="A25" s="14">
        <v>16</v>
      </c>
      <c r="B25" s="15">
        <v>15</v>
      </c>
      <c r="C25" s="16">
        <v>22</v>
      </c>
      <c r="D25" s="17">
        <v>37</v>
      </c>
    </row>
    <row r="26" spans="1:4" ht="18" customHeight="1" x14ac:dyDescent="0.2">
      <c r="A26" s="14">
        <v>17</v>
      </c>
      <c r="B26" s="15">
        <v>9</v>
      </c>
      <c r="C26" s="16">
        <v>11</v>
      </c>
      <c r="D26" s="17">
        <v>20</v>
      </c>
    </row>
    <row r="27" spans="1:4" ht="18" customHeight="1" x14ac:dyDescent="0.2">
      <c r="A27" s="14">
        <v>18</v>
      </c>
      <c r="B27" s="15">
        <v>16</v>
      </c>
      <c r="C27" s="16">
        <v>15</v>
      </c>
      <c r="D27" s="17">
        <v>31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64</v>
      </c>
      <c r="C29" s="16">
        <v>67</v>
      </c>
      <c r="D29" s="17">
        <v>131</v>
      </c>
    </row>
    <row r="30" spans="1:4" ht="18" customHeight="1" x14ac:dyDescent="0.2">
      <c r="A30" s="14">
        <v>20</v>
      </c>
      <c r="B30" s="15">
        <v>14</v>
      </c>
      <c r="C30" s="16">
        <v>11</v>
      </c>
      <c r="D30" s="17">
        <v>25</v>
      </c>
    </row>
    <row r="31" spans="1:4" ht="18" customHeight="1" x14ac:dyDescent="0.2">
      <c r="A31" s="14">
        <v>21</v>
      </c>
      <c r="B31" s="15">
        <v>21</v>
      </c>
      <c r="C31" s="16">
        <v>7</v>
      </c>
      <c r="D31" s="17">
        <v>28</v>
      </c>
    </row>
    <row r="32" spans="1:4" ht="18" customHeight="1" x14ac:dyDescent="0.2">
      <c r="A32" s="14">
        <v>22</v>
      </c>
      <c r="B32" s="15">
        <v>11</v>
      </c>
      <c r="C32" s="16">
        <v>9</v>
      </c>
      <c r="D32" s="17">
        <v>20</v>
      </c>
    </row>
    <row r="33" spans="1:4" ht="18" customHeight="1" x14ac:dyDescent="0.2">
      <c r="A33" s="14">
        <v>23</v>
      </c>
      <c r="B33" s="15">
        <v>19</v>
      </c>
      <c r="C33" s="16">
        <v>10</v>
      </c>
      <c r="D33" s="17">
        <v>29</v>
      </c>
    </row>
    <row r="34" spans="1:4" ht="18" customHeight="1" x14ac:dyDescent="0.2">
      <c r="A34" s="14">
        <v>24</v>
      </c>
      <c r="B34" s="15">
        <v>13</v>
      </c>
      <c r="C34" s="16">
        <v>9</v>
      </c>
      <c r="D34" s="17">
        <v>22</v>
      </c>
    </row>
    <row r="35" spans="1:4" ht="18" customHeight="1" x14ac:dyDescent="0.2">
      <c r="A35" s="18" t="s">
        <v>53</v>
      </c>
      <c r="B35" s="15">
        <v>78</v>
      </c>
      <c r="C35" s="16">
        <v>46</v>
      </c>
      <c r="D35" s="17">
        <v>124</v>
      </c>
    </row>
    <row r="36" spans="1:4" ht="18" customHeight="1" x14ac:dyDescent="0.2">
      <c r="A36" s="14">
        <v>25</v>
      </c>
      <c r="B36" s="15">
        <v>13</v>
      </c>
      <c r="C36" s="16">
        <v>9</v>
      </c>
      <c r="D36" s="17">
        <v>22</v>
      </c>
    </row>
    <row r="37" spans="1:4" ht="18" customHeight="1" x14ac:dyDescent="0.2">
      <c r="A37" s="14">
        <v>26</v>
      </c>
      <c r="B37" s="15">
        <v>15</v>
      </c>
      <c r="C37" s="16">
        <v>11</v>
      </c>
      <c r="D37" s="17">
        <v>26</v>
      </c>
    </row>
    <row r="38" spans="1:4" ht="18" customHeight="1" x14ac:dyDescent="0.2">
      <c r="A38" s="14">
        <v>27</v>
      </c>
      <c r="B38" s="15">
        <v>7</v>
      </c>
      <c r="C38" s="16">
        <v>8</v>
      </c>
      <c r="D38" s="17">
        <v>15</v>
      </c>
    </row>
    <row r="39" spans="1:4" ht="18" customHeight="1" x14ac:dyDescent="0.2">
      <c r="A39" s="14">
        <v>28</v>
      </c>
      <c r="B39" s="15">
        <v>10</v>
      </c>
      <c r="C39" s="16">
        <v>14</v>
      </c>
      <c r="D39" s="17">
        <v>24</v>
      </c>
    </row>
    <row r="40" spans="1:4" ht="18" customHeight="1" x14ac:dyDescent="0.2">
      <c r="A40" s="14">
        <v>29</v>
      </c>
      <c r="B40" s="15">
        <v>10</v>
      </c>
      <c r="C40" s="16">
        <v>8</v>
      </c>
      <c r="D40" s="17">
        <v>18</v>
      </c>
    </row>
    <row r="41" spans="1:4" ht="18" customHeight="1" x14ac:dyDescent="0.2">
      <c r="A41" s="18" t="s">
        <v>54</v>
      </c>
      <c r="B41" s="15">
        <v>55</v>
      </c>
      <c r="C41" s="16">
        <v>50</v>
      </c>
      <c r="D41" s="17">
        <v>105</v>
      </c>
    </row>
    <row r="42" spans="1:4" ht="18" customHeight="1" x14ac:dyDescent="0.2">
      <c r="A42" s="14">
        <v>30</v>
      </c>
      <c r="B42" s="15">
        <v>15</v>
      </c>
      <c r="C42" s="16">
        <v>7</v>
      </c>
      <c r="D42" s="17">
        <v>22</v>
      </c>
    </row>
    <row r="43" spans="1:4" ht="18" customHeight="1" x14ac:dyDescent="0.2">
      <c r="A43" s="14">
        <v>31</v>
      </c>
      <c r="B43" s="15">
        <v>10</v>
      </c>
      <c r="C43" s="16">
        <v>9</v>
      </c>
      <c r="D43" s="17">
        <v>19</v>
      </c>
    </row>
    <row r="44" spans="1:4" ht="18" customHeight="1" x14ac:dyDescent="0.2">
      <c r="A44" s="14">
        <v>32</v>
      </c>
      <c r="B44" s="15">
        <v>8</v>
      </c>
      <c r="C44" s="16">
        <v>10</v>
      </c>
      <c r="D44" s="17">
        <v>18</v>
      </c>
    </row>
    <row r="45" spans="1:4" ht="18" customHeight="1" x14ac:dyDescent="0.2">
      <c r="A45" s="14">
        <v>33</v>
      </c>
      <c r="B45" s="15">
        <v>13</v>
      </c>
      <c r="C45" s="16">
        <v>12</v>
      </c>
      <c r="D45" s="17">
        <v>25</v>
      </c>
    </row>
    <row r="46" spans="1:4" ht="18" customHeight="1" x14ac:dyDescent="0.2">
      <c r="A46" s="14">
        <v>34</v>
      </c>
      <c r="B46" s="15">
        <v>17</v>
      </c>
      <c r="C46" s="16">
        <v>14</v>
      </c>
      <c r="D46" s="17">
        <v>31</v>
      </c>
    </row>
    <row r="47" spans="1:4" ht="18" customHeight="1" x14ac:dyDescent="0.2">
      <c r="A47" s="18" t="s">
        <v>55</v>
      </c>
      <c r="B47" s="15">
        <v>63</v>
      </c>
      <c r="C47" s="16">
        <v>52</v>
      </c>
      <c r="D47" s="17">
        <v>115</v>
      </c>
    </row>
    <row r="48" spans="1:4" ht="18" customHeight="1" x14ac:dyDescent="0.2">
      <c r="A48" s="14">
        <v>35</v>
      </c>
      <c r="B48" s="15">
        <v>11</v>
      </c>
      <c r="C48" s="16">
        <v>6</v>
      </c>
      <c r="D48" s="17">
        <v>17</v>
      </c>
    </row>
    <row r="49" spans="1:4" ht="18" customHeight="1" x14ac:dyDescent="0.2">
      <c r="A49" s="14">
        <v>36</v>
      </c>
      <c r="B49" s="15">
        <v>17</v>
      </c>
      <c r="C49" s="16">
        <v>12</v>
      </c>
      <c r="D49" s="17">
        <v>29</v>
      </c>
    </row>
    <row r="50" spans="1:4" ht="18" customHeight="1" x14ac:dyDescent="0.2">
      <c r="A50" s="14">
        <v>37</v>
      </c>
      <c r="B50" s="15">
        <v>20</v>
      </c>
      <c r="C50" s="16">
        <v>11</v>
      </c>
      <c r="D50" s="17">
        <v>31</v>
      </c>
    </row>
    <row r="51" spans="1:4" ht="18" customHeight="1" x14ac:dyDescent="0.2">
      <c r="A51" s="14">
        <v>38</v>
      </c>
      <c r="B51" s="15">
        <v>18</v>
      </c>
      <c r="C51" s="16">
        <v>15</v>
      </c>
      <c r="D51" s="17">
        <v>33</v>
      </c>
    </row>
    <row r="52" spans="1:4" ht="18" customHeight="1" x14ac:dyDescent="0.2">
      <c r="A52" s="14">
        <v>39</v>
      </c>
      <c r="B52" s="15">
        <v>13</v>
      </c>
      <c r="C52" s="16">
        <v>12</v>
      </c>
      <c r="D52" s="17">
        <v>25</v>
      </c>
    </row>
    <row r="53" spans="1:4" ht="18" customHeight="1" x14ac:dyDescent="0.2">
      <c r="A53" s="18" t="s">
        <v>56</v>
      </c>
      <c r="B53" s="15">
        <v>79</v>
      </c>
      <c r="C53" s="16">
        <v>56</v>
      </c>
      <c r="D53" s="17">
        <v>135</v>
      </c>
    </row>
    <row r="54" spans="1:4" ht="18" customHeight="1" x14ac:dyDescent="0.2">
      <c r="A54" s="14">
        <v>40</v>
      </c>
      <c r="B54" s="15">
        <v>19</v>
      </c>
      <c r="C54" s="16">
        <v>22</v>
      </c>
      <c r="D54" s="17">
        <v>41</v>
      </c>
    </row>
    <row r="55" spans="1:4" ht="18" customHeight="1" x14ac:dyDescent="0.2">
      <c r="A55" s="14">
        <v>41</v>
      </c>
      <c r="B55" s="15">
        <v>23</v>
      </c>
      <c r="C55" s="16">
        <v>23</v>
      </c>
      <c r="D55" s="17">
        <v>46</v>
      </c>
    </row>
    <row r="56" spans="1:4" ht="18" customHeight="1" x14ac:dyDescent="0.2">
      <c r="A56" s="14">
        <v>42</v>
      </c>
      <c r="B56" s="15">
        <v>15</v>
      </c>
      <c r="C56" s="16">
        <v>12</v>
      </c>
      <c r="D56" s="17">
        <v>27</v>
      </c>
    </row>
    <row r="57" spans="1:4" ht="18" customHeight="1" x14ac:dyDescent="0.2">
      <c r="A57" s="14">
        <v>43</v>
      </c>
      <c r="B57" s="15">
        <v>21</v>
      </c>
      <c r="C57" s="16">
        <v>17</v>
      </c>
      <c r="D57" s="17">
        <v>38</v>
      </c>
    </row>
    <row r="58" spans="1:4" ht="18" customHeight="1" x14ac:dyDescent="0.2">
      <c r="A58" s="14">
        <v>44</v>
      </c>
      <c r="B58" s="15">
        <v>23</v>
      </c>
      <c r="C58" s="16">
        <v>17</v>
      </c>
      <c r="D58" s="17">
        <v>40</v>
      </c>
    </row>
    <row r="59" spans="1:4" ht="18" customHeight="1" x14ac:dyDescent="0.2">
      <c r="A59" s="18" t="s">
        <v>57</v>
      </c>
      <c r="B59" s="15">
        <v>101</v>
      </c>
      <c r="C59" s="16">
        <v>91</v>
      </c>
      <c r="D59" s="17">
        <v>192</v>
      </c>
    </row>
    <row r="60" spans="1:4" ht="18" customHeight="1" x14ac:dyDescent="0.2">
      <c r="A60" s="14">
        <v>45</v>
      </c>
      <c r="B60" s="15">
        <v>31</v>
      </c>
      <c r="C60" s="16">
        <v>17</v>
      </c>
      <c r="D60" s="17">
        <v>48</v>
      </c>
    </row>
    <row r="61" spans="1:4" ht="18" customHeight="1" x14ac:dyDescent="0.2">
      <c r="A61" s="14">
        <v>46</v>
      </c>
      <c r="B61" s="15">
        <v>20</v>
      </c>
      <c r="C61" s="16">
        <v>34</v>
      </c>
      <c r="D61" s="17">
        <v>54</v>
      </c>
    </row>
    <row r="62" spans="1:4" ht="18" customHeight="1" x14ac:dyDescent="0.2">
      <c r="A62" s="14">
        <v>47</v>
      </c>
      <c r="B62" s="15">
        <v>18</v>
      </c>
      <c r="C62" s="16">
        <v>22</v>
      </c>
      <c r="D62" s="17">
        <v>40</v>
      </c>
    </row>
    <row r="63" spans="1:4" ht="18" customHeight="1" x14ac:dyDescent="0.2">
      <c r="A63" s="14">
        <v>48</v>
      </c>
      <c r="B63" s="15">
        <v>18</v>
      </c>
      <c r="C63" s="16">
        <v>15</v>
      </c>
      <c r="D63" s="17">
        <v>33</v>
      </c>
    </row>
    <row r="64" spans="1:4" ht="18" customHeight="1" x14ac:dyDescent="0.2">
      <c r="A64" s="14">
        <v>49</v>
      </c>
      <c r="B64" s="15">
        <v>22</v>
      </c>
      <c r="C64" s="16">
        <v>22</v>
      </c>
      <c r="D64" s="17">
        <v>44</v>
      </c>
    </row>
    <row r="65" spans="1:4" ht="18" customHeight="1" x14ac:dyDescent="0.2">
      <c r="A65" s="18" t="s">
        <v>58</v>
      </c>
      <c r="B65" s="15">
        <v>109</v>
      </c>
      <c r="C65" s="16">
        <v>110</v>
      </c>
      <c r="D65" s="17">
        <v>219</v>
      </c>
    </row>
    <row r="66" spans="1:4" ht="18" customHeight="1" x14ac:dyDescent="0.2">
      <c r="A66" s="14">
        <v>50</v>
      </c>
      <c r="B66" s="15">
        <v>26</v>
      </c>
      <c r="C66" s="16">
        <v>14</v>
      </c>
      <c r="D66" s="17">
        <v>40</v>
      </c>
    </row>
    <row r="67" spans="1:4" ht="18" customHeight="1" x14ac:dyDescent="0.2">
      <c r="A67" s="14">
        <v>51</v>
      </c>
      <c r="B67" s="15">
        <v>22</v>
      </c>
      <c r="C67" s="16">
        <v>17</v>
      </c>
      <c r="D67" s="17">
        <v>39</v>
      </c>
    </row>
    <row r="68" spans="1:4" ht="18" customHeight="1" x14ac:dyDescent="0.2">
      <c r="A68" s="14">
        <v>52</v>
      </c>
      <c r="B68" s="15">
        <v>19</v>
      </c>
      <c r="C68" s="16">
        <v>15</v>
      </c>
      <c r="D68" s="17">
        <v>34</v>
      </c>
    </row>
    <row r="69" spans="1:4" ht="18" customHeight="1" x14ac:dyDescent="0.2">
      <c r="A69" s="14">
        <v>53</v>
      </c>
      <c r="B69" s="15">
        <v>18</v>
      </c>
      <c r="C69" s="16">
        <v>19</v>
      </c>
      <c r="D69" s="17">
        <v>37</v>
      </c>
    </row>
    <row r="70" spans="1:4" ht="18" customHeight="1" x14ac:dyDescent="0.2">
      <c r="A70" s="14">
        <v>54</v>
      </c>
      <c r="B70" s="15">
        <v>25</v>
      </c>
      <c r="C70" s="16">
        <v>18</v>
      </c>
      <c r="D70" s="17">
        <v>43</v>
      </c>
    </row>
    <row r="71" spans="1:4" ht="18" customHeight="1" x14ac:dyDescent="0.2">
      <c r="A71" s="18" t="s">
        <v>59</v>
      </c>
      <c r="B71" s="15">
        <v>110</v>
      </c>
      <c r="C71" s="16">
        <v>83</v>
      </c>
      <c r="D71" s="17">
        <v>193</v>
      </c>
    </row>
    <row r="72" spans="1:4" ht="18" customHeight="1" x14ac:dyDescent="0.2">
      <c r="A72" s="14">
        <v>55</v>
      </c>
      <c r="B72" s="15">
        <v>12</v>
      </c>
      <c r="C72" s="16">
        <v>31</v>
      </c>
      <c r="D72" s="17">
        <v>43</v>
      </c>
    </row>
    <row r="73" spans="1:4" ht="18" customHeight="1" x14ac:dyDescent="0.2">
      <c r="A73" s="14">
        <v>56</v>
      </c>
      <c r="B73" s="15">
        <v>23</v>
      </c>
      <c r="C73" s="16">
        <v>18</v>
      </c>
      <c r="D73" s="17">
        <v>41</v>
      </c>
    </row>
    <row r="74" spans="1:4" ht="18" customHeight="1" x14ac:dyDescent="0.2">
      <c r="A74" s="14">
        <v>57</v>
      </c>
      <c r="B74" s="15">
        <v>14</v>
      </c>
      <c r="C74" s="16">
        <v>20</v>
      </c>
      <c r="D74" s="17">
        <v>34</v>
      </c>
    </row>
    <row r="75" spans="1:4" ht="18" customHeight="1" x14ac:dyDescent="0.2">
      <c r="A75" s="14">
        <v>58</v>
      </c>
      <c r="B75" s="15">
        <v>23</v>
      </c>
      <c r="C75" s="16">
        <v>26</v>
      </c>
      <c r="D75" s="17">
        <v>49</v>
      </c>
    </row>
    <row r="76" spans="1:4" ht="18" customHeight="1" x14ac:dyDescent="0.2">
      <c r="A76" s="14">
        <v>59</v>
      </c>
      <c r="B76" s="15">
        <v>17</v>
      </c>
      <c r="C76" s="16">
        <v>17</v>
      </c>
      <c r="D76" s="17">
        <v>34</v>
      </c>
    </row>
    <row r="77" spans="1:4" ht="18" customHeight="1" x14ac:dyDescent="0.2">
      <c r="A77" s="18" t="s">
        <v>60</v>
      </c>
      <c r="B77" s="15">
        <v>89</v>
      </c>
      <c r="C77" s="16">
        <v>112</v>
      </c>
      <c r="D77" s="17">
        <v>201</v>
      </c>
    </row>
    <row r="78" spans="1:4" ht="18" customHeight="1" x14ac:dyDescent="0.2">
      <c r="A78" s="14">
        <v>60</v>
      </c>
      <c r="B78" s="15">
        <v>17</v>
      </c>
      <c r="C78" s="16">
        <v>26</v>
      </c>
      <c r="D78" s="17">
        <v>43</v>
      </c>
    </row>
    <row r="79" spans="1:4" ht="18" customHeight="1" x14ac:dyDescent="0.2">
      <c r="A79" s="14">
        <v>61</v>
      </c>
      <c r="B79" s="15">
        <v>22</v>
      </c>
      <c r="C79" s="16">
        <v>22</v>
      </c>
      <c r="D79" s="17">
        <v>44</v>
      </c>
    </row>
    <row r="80" spans="1:4" ht="18" customHeight="1" x14ac:dyDescent="0.2">
      <c r="A80" s="14">
        <v>62</v>
      </c>
      <c r="B80" s="15">
        <v>29</v>
      </c>
      <c r="C80" s="16">
        <v>22</v>
      </c>
      <c r="D80" s="17">
        <v>51</v>
      </c>
    </row>
    <row r="81" spans="1:4" ht="18" customHeight="1" x14ac:dyDescent="0.2">
      <c r="A81" s="14">
        <v>63</v>
      </c>
      <c r="B81" s="15">
        <v>17</v>
      </c>
      <c r="C81" s="16">
        <v>27</v>
      </c>
      <c r="D81" s="17">
        <v>44</v>
      </c>
    </row>
    <row r="82" spans="1:4" ht="18" customHeight="1" x14ac:dyDescent="0.2">
      <c r="A82" s="14">
        <v>64</v>
      </c>
      <c r="B82" s="15">
        <v>26</v>
      </c>
      <c r="C82" s="16">
        <v>22</v>
      </c>
      <c r="D82" s="17">
        <v>48</v>
      </c>
    </row>
    <row r="83" spans="1:4" ht="18" customHeight="1" x14ac:dyDescent="0.2">
      <c r="A83" s="18" t="s">
        <v>61</v>
      </c>
      <c r="B83" s="15">
        <v>111</v>
      </c>
      <c r="C83" s="16">
        <v>119</v>
      </c>
      <c r="D83" s="17">
        <v>230</v>
      </c>
    </row>
    <row r="84" spans="1:4" ht="18" customHeight="1" x14ac:dyDescent="0.2">
      <c r="A84" s="18" t="s">
        <v>62</v>
      </c>
      <c r="B84" s="15">
        <v>859</v>
      </c>
      <c r="C84" s="16">
        <v>786</v>
      </c>
      <c r="D84" s="17">
        <v>1645</v>
      </c>
    </row>
    <row r="85" spans="1:4" ht="18" customHeight="1" x14ac:dyDescent="0.2">
      <c r="A85" s="14">
        <v>65</v>
      </c>
      <c r="B85" s="15">
        <v>28</v>
      </c>
      <c r="C85" s="16">
        <v>31</v>
      </c>
      <c r="D85" s="17">
        <v>59</v>
      </c>
    </row>
    <row r="86" spans="1:4" ht="18" customHeight="1" x14ac:dyDescent="0.2">
      <c r="A86" s="14">
        <v>66</v>
      </c>
      <c r="B86" s="15">
        <v>34</v>
      </c>
      <c r="C86" s="16">
        <v>31</v>
      </c>
      <c r="D86" s="17">
        <v>65</v>
      </c>
    </row>
    <row r="87" spans="1:4" ht="18" customHeight="1" x14ac:dyDescent="0.2">
      <c r="A87" s="14">
        <v>67</v>
      </c>
      <c r="B87" s="15">
        <v>34</v>
      </c>
      <c r="C87" s="16">
        <v>17</v>
      </c>
      <c r="D87" s="17">
        <v>51</v>
      </c>
    </row>
    <row r="88" spans="1:4" ht="18" customHeight="1" x14ac:dyDescent="0.2">
      <c r="A88" s="14">
        <v>68</v>
      </c>
      <c r="B88" s="15">
        <v>24</v>
      </c>
      <c r="C88" s="16">
        <v>22</v>
      </c>
      <c r="D88" s="17">
        <v>46</v>
      </c>
    </row>
    <row r="89" spans="1:4" ht="18" customHeight="1" x14ac:dyDescent="0.2">
      <c r="A89" s="14">
        <v>69</v>
      </c>
      <c r="B89" s="15">
        <v>29</v>
      </c>
      <c r="C89" s="16">
        <v>37</v>
      </c>
      <c r="D89" s="17">
        <v>66</v>
      </c>
    </row>
    <row r="90" spans="1:4" ht="18" customHeight="1" x14ac:dyDescent="0.2">
      <c r="A90" s="18" t="s">
        <v>63</v>
      </c>
      <c r="B90" s="15">
        <v>149</v>
      </c>
      <c r="C90" s="16">
        <v>138</v>
      </c>
      <c r="D90" s="17">
        <v>287</v>
      </c>
    </row>
    <row r="91" spans="1:4" ht="18" customHeight="1" x14ac:dyDescent="0.2">
      <c r="A91" s="14">
        <v>70</v>
      </c>
      <c r="B91" s="15">
        <v>38</v>
      </c>
      <c r="C91" s="16">
        <v>30</v>
      </c>
      <c r="D91" s="17">
        <v>68</v>
      </c>
    </row>
    <row r="92" spans="1:4" ht="18" customHeight="1" x14ac:dyDescent="0.2">
      <c r="A92" s="14">
        <v>71</v>
      </c>
      <c r="B92" s="15">
        <v>35</v>
      </c>
      <c r="C92" s="16">
        <v>33</v>
      </c>
      <c r="D92" s="17">
        <v>68</v>
      </c>
    </row>
    <row r="93" spans="1:4" ht="18" customHeight="1" x14ac:dyDescent="0.2">
      <c r="A93" s="14">
        <v>72</v>
      </c>
      <c r="B93" s="15">
        <v>17</v>
      </c>
      <c r="C93" s="16">
        <v>19</v>
      </c>
      <c r="D93" s="17">
        <v>36</v>
      </c>
    </row>
    <row r="94" spans="1:4" ht="18" customHeight="1" x14ac:dyDescent="0.2">
      <c r="A94" s="14">
        <v>73</v>
      </c>
      <c r="B94" s="15">
        <v>21</v>
      </c>
      <c r="C94" s="16">
        <v>23</v>
      </c>
      <c r="D94" s="17">
        <v>44</v>
      </c>
    </row>
    <row r="95" spans="1:4" ht="18" customHeight="1" x14ac:dyDescent="0.2">
      <c r="A95" s="14">
        <v>74</v>
      </c>
      <c r="B95" s="15">
        <v>22</v>
      </c>
      <c r="C95" s="16">
        <v>23</v>
      </c>
      <c r="D95" s="17">
        <v>45</v>
      </c>
    </row>
    <row r="96" spans="1:4" ht="18" customHeight="1" x14ac:dyDescent="0.2">
      <c r="A96" s="18" t="s">
        <v>64</v>
      </c>
      <c r="B96" s="15">
        <v>133</v>
      </c>
      <c r="C96" s="16">
        <v>128</v>
      </c>
      <c r="D96" s="17">
        <v>261</v>
      </c>
    </row>
    <row r="97" spans="1:4" ht="18" customHeight="1" x14ac:dyDescent="0.2">
      <c r="A97" s="14">
        <v>75</v>
      </c>
      <c r="B97" s="15">
        <v>17</v>
      </c>
      <c r="C97" s="16">
        <v>22</v>
      </c>
      <c r="D97" s="17">
        <v>39</v>
      </c>
    </row>
    <row r="98" spans="1:4" ht="18" customHeight="1" x14ac:dyDescent="0.2">
      <c r="A98" s="14">
        <v>76</v>
      </c>
      <c r="B98" s="15">
        <v>16</v>
      </c>
      <c r="C98" s="16">
        <v>19</v>
      </c>
      <c r="D98" s="17">
        <v>35</v>
      </c>
    </row>
    <row r="99" spans="1:4" ht="18" customHeight="1" x14ac:dyDescent="0.2">
      <c r="A99" s="14">
        <v>77</v>
      </c>
      <c r="B99" s="15">
        <v>18</v>
      </c>
      <c r="C99" s="16">
        <v>21</v>
      </c>
      <c r="D99" s="17">
        <v>39</v>
      </c>
    </row>
    <row r="100" spans="1:4" ht="18" customHeight="1" x14ac:dyDescent="0.2">
      <c r="A100" s="14">
        <v>78</v>
      </c>
      <c r="B100" s="15">
        <v>19</v>
      </c>
      <c r="C100" s="16">
        <v>12</v>
      </c>
      <c r="D100" s="17">
        <v>31</v>
      </c>
    </row>
    <row r="101" spans="1:4" ht="18" customHeight="1" x14ac:dyDescent="0.2">
      <c r="A101" s="14">
        <v>79</v>
      </c>
      <c r="B101" s="15">
        <v>15</v>
      </c>
      <c r="C101" s="16">
        <v>19</v>
      </c>
      <c r="D101" s="17">
        <v>34</v>
      </c>
    </row>
    <row r="102" spans="1:4" ht="18" customHeight="1" x14ac:dyDescent="0.2">
      <c r="A102" s="18" t="s">
        <v>65</v>
      </c>
      <c r="B102" s="15">
        <v>85</v>
      </c>
      <c r="C102" s="16">
        <v>93</v>
      </c>
      <c r="D102" s="17">
        <v>178</v>
      </c>
    </row>
    <row r="103" spans="1:4" ht="18" customHeight="1" x14ac:dyDescent="0.2">
      <c r="A103" s="14">
        <v>80</v>
      </c>
      <c r="B103" s="15">
        <v>10</v>
      </c>
      <c r="C103" s="16">
        <v>20</v>
      </c>
      <c r="D103" s="17">
        <v>30</v>
      </c>
    </row>
    <row r="104" spans="1:4" ht="18" customHeight="1" x14ac:dyDescent="0.2">
      <c r="A104" s="14">
        <v>81</v>
      </c>
      <c r="B104" s="15">
        <v>13</v>
      </c>
      <c r="C104" s="16">
        <v>16</v>
      </c>
      <c r="D104" s="17">
        <v>29</v>
      </c>
    </row>
    <row r="105" spans="1:4" ht="18" customHeight="1" x14ac:dyDescent="0.2">
      <c r="A105" s="14">
        <v>82</v>
      </c>
      <c r="B105" s="15">
        <v>11</v>
      </c>
      <c r="C105" s="16">
        <v>14</v>
      </c>
      <c r="D105" s="17">
        <v>25</v>
      </c>
    </row>
    <row r="106" spans="1:4" ht="18" customHeight="1" x14ac:dyDescent="0.2">
      <c r="A106" s="14">
        <v>83</v>
      </c>
      <c r="B106" s="15">
        <v>14</v>
      </c>
      <c r="C106" s="16">
        <v>14</v>
      </c>
      <c r="D106" s="17">
        <v>28</v>
      </c>
    </row>
    <row r="107" spans="1:4" ht="18" customHeight="1" x14ac:dyDescent="0.2">
      <c r="A107" s="14">
        <v>84</v>
      </c>
      <c r="B107" s="15">
        <v>7</v>
      </c>
      <c r="C107" s="16">
        <v>12</v>
      </c>
      <c r="D107" s="17">
        <v>19</v>
      </c>
    </row>
    <row r="108" spans="1:4" ht="18" customHeight="1" x14ac:dyDescent="0.2">
      <c r="A108" s="18" t="s">
        <v>66</v>
      </c>
      <c r="B108" s="15">
        <v>55</v>
      </c>
      <c r="C108" s="16">
        <v>76</v>
      </c>
      <c r="D108" s="17">
        <v>131</v>
      </c>
    </row>
    <row r="109" spans="1:4" ht="18" customHeight="1" x14ac:dyDescent="0.2">
      <c r="A109" s="14">
        <v>85</v>
      </c>
      <c r="B109" s="15">
        <v>10</v>
      </c>
      <c r="C109" s="16">
        <v>15</v>
      </c>
      <c r="D109" s="17">
        <v>25</v>
      </c>
    </row>
    <row r="110" spans="1:4" ht="18" customHeight="1" x14ac:dyDescent="0.2">
      <c r="A110" s="14">
        <v>86</v>
      </c>
      <c r="B110" s="15">
        <v>3</v>
      </c>
      <c r="C110" s="16">
        <v>9</v>
      </c>
      <c r="D110" s="17">
        <v>12</v>
      </c>
    </row>
    <row r="111" spans="1:4" ht="18" customHeight="1" x14ac:dyDescent="0.2">
      <c r="A111" s="14">
        <v>87</v>
      </c>
      <c r="B111" s="15">
        <v>2</v>
      </c>
      <c r="C111" s="16">
        <v>16</v>
      </c>
      <c r="D111" s="17">
        <v>18</v>
      </c>
    </row>
    <row r="112" spans="1:4" ht="18" customHeight="1" x14ac:dyDescent="0.2">
      <c r="A112" s="14">
        <v>88</v>
      </c>
      <c r="B112" s="15">
        <v>5</v>
      </c>
      <c r="C112" s="16">
        <v>9</v>
      </c>
      <c r="D112" s="17">
        <v>14</v>
      </c>
    </row>
    <row r="113" spans="1:4" ht="18" customHeight="1" x14ac:dyDescent="0.2">
      <c r="A113" s="14">
        <v>89</v>
      </c>
      <c r="B113" s="15">
        <v>1</v>
      </c>
      <c r="C113" s="16">
        <v>5</v>
      </c>
      <c r="D113" s="17">
        <v>6</v>
      </c>
    </row>
    <row r="114" spans="1:4" ht="18" customHeight="1" x14ac:dyDescent="0.2">
      <c r="A114" s="18" t="s">
        <v>67</v>
      </c>
      <c r="B114" s="15">
        <v>21</v>
      </c>
      <c r="C114" s="16">
        <v>54</v>
      </c>
      <c r="D114" s="17">
        <v>75</v>
      </c>
    </row>
    <row r="115" spans="1:4" ht="18" customHeight="1" x14ac:dyDescent="0.2">
      <c r="A115" s="14">
        <v>90</v>
      </c>
      <c r="B115" s="15">
        <v>4</v>
      </c>
      <c r="C115" s="16">
        <v>7</v>
      </c>
      <c r="D115" s="17">
        <v>11</v>
      </c>
    </row>
    <row r="116" spans="1:4" ht="18" customHeight="1" x14ac:dyDescent="0.2">
      <c r="A116" s="14">
        <v>91</v>
      </c>
      <c r="B116" s="15">
        <v>0</v>
      </c>
      <c r="C116" s="16">
        <v>10</v>
      </c>
      <c r="D116" s="17">
        <v>10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10</v>
      </c>
      <c r="C120" s="16">
        <v>29</v>
      </c>
      <c r="D120" s="17">
        <v>3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54</v>
      </c>
      <c r="C130" s="5">
        <v>529</v>
      </c>
      <c r="D130" s="6">
        <v>983</v>
      </c>
    </row>
    <row r="131" spans="1:4" ht="18" customHeight="1" x14ac:dyDescent="0.2">
      <c r="A131" s="20" t="s">
        <v>47</v>
      </c>
      <c r="B131" s="7">
        <v>1468</v>
      </c>
      <c r="C131" s="8">
        <v>1462</v>
      </c>
      <c r="D131" s="9">
        <v>293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8</v>
      </c>
      <c r="C5" s="12">
        <v>10</v>
      </c>
      <c r="D5" s="13">
        <v>18</v>
      </c>
    </row>
    <row r="6" spans="1:10" ht="18" customHeight="1" x14ac:dyDescent="0.2">
      <c r="A6" s="14">
        <v>1</v>
      </c>
      <c r="B6" s="15">
        <v>7</v>
      </c>
      <c r="C6" s="16">
        <v>8</v>
      </c>
      <c r="D6" s="17">
        <v>15</v>
      </c>
    </row>
    <row r="7" spans="1:10" ht="18" customHeight="1" x14ac:dyDescent="0.2">
      <c r="A7" s="14">
        <v>2</v>
      </c>
      <c r="B7" s="15">
        <v>8</v>
      </c>
      <c r="C7" s="16">
        <v>8</v>
      </c>
      <c r="D7" s="17">
        <v>16</v>
      </c>
    </row>
    <row r="8" spans="1:10" ht="18" customHeight="1" x14ac:dyDescent="0.2">
      <c r="A8" s="14">
        <v>3</v>
      </c>
      <c r="B8" s="15">
        <v>13</v>
      </c>
      <c r="C8" s="16">
        <v>9</v>
      </c>
      <c r="D8" s="17">
        <v>22</v>
      </c>
    </row>
    <row r="9" spans="1:10" ht="18" customHeight="1" x14ac:dyDescent="0.2">
      <c r="A9" s="14">
        <v>4</v>
      </c>
      <c r="B9" s="15">
        <v>16</v>
      </c>
      <c r="C9" s="16">
        <v>14</v>
      </c>
      <c r="D9" s="17">
        <v>30</v>
      </c>
    </row>
    <row r="10" spans="1:10" ht="18" customHeight="1" x14ac:dyDescent="0.2">
      <c r="A10" s="18" t="s">
        <v>48</v>
      </c>
      <c r="B10" s="15">
        <v>52</v>
      </c>
      <c r="C10" s="16">
        <v>49</v>
      </c>
      <c r="D10" s="17">
        <v>101</v>
      </c>
    </row>
    <row r="11" spans="1:10" ht="18" customHeight="1" x14ac:dyDescent="0.2">
      <c r="A11" s="14">
        <v>5</v>
      </c>
      <c r="B11" s="15">
        <v>10</v>
      </c>
      <c r="C11" s="16">
        <v>15</v>
      </c>
      <c r="D11" s="17">
        <v>25</v>
      </c>
    </row>
    <row r="12" spans="1:10" ht="18" customHeight="1" x14ac:dyDescent="0.2">
      <c r="A12" s="14">
        <v>6</v>
      </c>
      <c r="B12" s="15">
        <v>18</v>
      </c>
      <c r="C12" s="16">
        <v>15</v>
      </c>
      <c r="D12" s="17">
        <v>33</v>
      </c>
    </row>
    <row r="13" spans="1:10" ht="18" customHeight="1" x14ac:dyDescent="0.2">
      <c r="A13" s="14">
        <v>7</v>
      </c>
      <c r="B13" s="15">
        <v>17</v>
      </c>
      <c r="C13" s="16">
        <v>14</v>
      </c>
      <c r="D13" s="17">
        <v>31</v>
      </c>
    </row>
    <row r="14" spans="1:10" ht="18" customHeight="1" x14ac:dyDescent="0.2">
      <c r="A14" s="14">
        <v>8</v>
      </c>
      <c r="B14" s="15">
        <v>15</v>
      </c>
      <c r="C14" s="16">
        <v>17</v>
      </c>
      <c r="D14" s="17">
        <v>32</v>
      </c>
    </row>
    <row r="15" spans="1:10" ht="18" customHeight="1" x14ac:dyDescent="0.2">
      <c r="A15" s="14">
        <v>9</v>
      </c>
      <c r="B15" s="15">
        <v>23</v>
      </c>
      <c r="C15" s="16">
        <v>20</v>
      </c>
      <c r="D15" s="17">
        <v>43</v>
      </c>
    </row>
    <row r="16" spans="1:10" ht="18" customHeight="1" x14ac:dyDescent="0.2">
      <c r="A16" s="18" t="s">
        <v>49</v>
      </c>
      <c r="B16" s="15">
        <v>83</v>
      </c>
      <c r="C16" s="16">
        <v>81</v>
      </c>
      <c r="D16" s="17">
        <v>164</v>
      </c>
    </row>
    <row r="17" spans="1:4" ht="18" customHeight="1" x14ac:dyDescent="0.2">
      <c r="A17" s="14">
        <v>10</v>
      </c>
      <c r="B17" s="15">
        <v>21</v>
      </c>
      <c r="C17" s="16">
        <v>21</v>
      </c>
      <c r="D17" s="17">
        <v>42</v>
      </c>
    </row>
    <row r="18" spans="1:4" ht="18" customHeight="1" x14ac:dyDescent="0.2">
      <c r="A18" s="14">
        <v>11</v>
      </c>
      <c r="B18" s="15">
        <v>12</v>
      </c>
      <c r="C18" s="16">
        <v>23</v>
      </c>
      <c r="D18" s="17">
        <v>35</v>
      </c>
    </row>
    <row r="19" spans="1:4" ht="18" customHeight="1" x14ac:dyDescent="0.2">
      <c r="A19" s="14">
        <v>12</v>
      </c>
      <c r="B19" s="15">
        <v>11</v>
      </c>
      <c r="C19" s="16">
        <v>16</v>
      </c>
      <c r="D19" s="17">
        <v>27</v>
      </c>
    </row>
    <row r="20" spans="1:4" ht="18" customHeight="1" x14ac:dyDescent="0.2">
      <c r="A20" s="14">
        <v>13</v>
      </c>
      <c r="B20" s="15">
        <v>15</v>
      </c>
      <c r="C20" s="16">
        <v>16</v>
      </c>
      <c r="D20" s="17">
        <v>31</v>
      </c>
    </row>
    <row r="21" spans="1:4" ht="18" customHeight="1" x14ac:dyDescent="0.2">
      <c r="A21" s="14">
        <v>14</v>
      </c>
      <c r="B21" s="15">
        <v>16</v>
      </c>
      <c r="C21" s="16">
        <v>9</v>
      </c>
      <c r="D21" s="17">
        <v>25</v>
      </c>
    </row>
    <row r="22" spans="1:4" ht="18" customHeight="1" x14ac:dyDescent="0.2">
      <c r="A22" s="18" t="s">
        <v>50</v>
      </c>
      <c r="B22" s="15">
        <v>75</v>
      </c>
      <c r="C22" s="16">
        <v>85</v>
      </c>
      <c r="D22" s="17">
        <v>160</v>
      </c>
    </row>
    <row r="23" spans="1:4" ht="18" customHeight="1" x14ac:dyDescent="0.2">
      <c r="A23" s="18" t="s">
        <v>51</v>
      </c>
      <c r="B23" s="15">
        <v>210</v>
      </c>
      <c r="C23" s="16">
        <v>215</v>
      </c>
      <c r="D23" s="17">
        <v>425</v>
      </c>
    </row>
    <row r="24" spans="1:4" ht="18" customHeight="1" x14ac:dyDescent="0.2">
      <c r="A24" s="14">
        <v>15</v>
      </c>
      <c r="B24" s="15">
        <v>25</v>
      </c>
      <c r="C24" s="16">
        <v>22</v>
      </c>
      <c r="D24" s="17">
        <v>47</v>
      </c>
    </row>
    <row r="25" spans="1:4" ht="18" customHeight="1" x14ac:dyDescent="0.2">
      <c r="A25" s="14">
        <v>16</v>
      </c>
      <c r="B25" s="15">
        <v>19</v>
      </c>
      <c r="C25" s="16">
        <v>15</v>
      </c>
      <c r="D25" s="17">
        <v>34</v>
      </c>
    </row>
    <row r="26" spans="1:4" ht="18" customHeight="1" x14ac:dyDescent="0.2">
      <c r="A26" s="14">
        <v>17</v>
      </c>
      <c r="B26" s="15">
        <v>24</v>
      </c>
      <c r="C26" s="16">
        <v>18</v>
      </c>
      <c r="D26" s="17">
        <v>42</v>
      </c>
    </row>
    <row r="27" spans="1:4" ht="18" customHeight="1" x14ac:dyDescent="0.2">
      <c r="A27" s="14">
        <v>18</v>
      </c>
      <c r="B27" s="15">
        <v>20</v>
      </c>
      <c r="C27" s="16">
        <v>16</v>
      </c>
      <c r="D27" s="17">
        <v>36</v>
      </c>
    </row>
    <row r="28" spans="1:4" ht="18" customHeight="1" x14ac:dyDescent="0.2">
      <c r="A28" s="14">
        <v>19</v>
      </c>
      <c r="B28" s="15">
        <v>14</v>
      </c>
      <c r="C28" s="16">
        <v>12</v>
      </c>
      <c r="D28" s="17">
        <v>26</v>
      </c>
    </row>
    <row r="29" spans="1:4" ht="18" customHeight="1" x14ac:dyDescent="0.2">
      <c r="A29" s="18" t="s">
        <v>52</v>
      </c>
      <c r="B29" s="15">
        <v>102</v>
      </c>
      <c r="C29" s="16">
        <v>83</v>
      </c>
      <c r="D29" s="17">
        <v>185</v>
      </c>
    </row>
    <row r="30" spans="1:4" ht="18" customHeight="1" x14ac:dyDescent="0.2">
      <c r="A30" s="14">
        <v>20</v>
      </c>
      <c r="B30" s="15">
        <v>13</v>
      </c>
      <c r="C30" s="16">
        <v>11</v>
      </c>
      <c r="D30" s="17">
        <v>24</v>
      </c>
    </row>
    <row r="31" spans="1:4" ht="18" customHeight="1" x14ac:dyDescent="0.2">
      <c r="A31" s="14">
        <v>21</v>
      </c>
      <c r="B31" s="15">
        <v>14</v>
      </c>
      <c r="C31" s="16">
        <v>8</v>
      </c>
      <c r="D31" s="17">
        <v>22</v>
      </c>
    </row>
    <row r="32" spans="1:4" ht="18" customHeight="1" x14ac:dyDescent="0.2">
      <c r="A32" s="14">
        <v>22</v>
      </c>
      <c r="B32" s="15">
        <v>20</v>
      </c>
      <c r="C32" s="16">
        <v>12</v>
      </c>
      <c r="D32" s="17">
        <v>32</v>
      </c>
    </row>
    <row r="33" spans="1:4" ht="18" customHeight="1" x14ac:dyDescent="0.2">
      <c r="A33" s="14">
        <v>23</v>
      </c>
      <c r="B33" s="15">
        <v>13</v>
      </c>
      <c r="C33" s="16">
        <v>10</v>
      </c>
      <c r="D33" s="17">
        <v>23</v>
      </c>
    </row>
    <row r="34" spans="1:4" ht="18" customHeight="1" x14ac:dyDescent="0.2">
      <c r="A34" s="14">
        <v>24</v>
      </c>
      <c r="B34" s="15">
        <v>7</v>
      </c>
      <c r="C34" s="16">
        <v>13</v>
      </c>
      <c r="D34" s="17">
        <v>20</v>
      </c>
    </row>
    <row r="35" spans="1:4" ht="18" customHeight="1" x14ac:dyDescent="0.2">
      <c r="A35" s="18" t="s">
        <v>53</v>
      </c>
      <c r="B35" s="15">
        <v>67</v>
      </c>
      <c r="C35" s="16">
        <v>54</v>
      </c>
      <c r="D35" s="17">
        <v>121</v>
      </c>
    </row>
    <row r="36" spans="1:4" ht="18" customHeight="1" x14ac:dyDescent="0.2">
      <c r="A36" s="14">
        <v>25</v>
      </c>
      <c r="B36" s="15">
        <v>12</v>
      </c>
      <c r="C36" s="16">
        <v>5</v>
      </c>
      <c r="D36" s="17">
        <v>17</v>
      </c>
    </row>
    <row r="37" spans="1:4" ht="18" customHeight="1" x14ac:dyDescent="0.2">
      <c r="A37" s="14">
        <v>26</v>
      </c>
      <c r="B37" s="15">
        <v>7</v>
      </c>
      <c r="C37" s="16">
        <v>8</v>
      </c>
      <c r="D37" s="17">
        <v>15</v>
      </c>
    </row>
    <row r="38" spans="1:4" ht="18" customHeight="1" x14ac:dyDescent="0.2">
      <c r="A38" s="14">
        <v>27</v>
      </c>
      <c r="B38" s="15">
        <v>14</v>
      </c>
      <c r="C38" s="16">
        <v>12</v>
      </c>
      <c r="D38" s="17">
        <v>26</v>
      </c>
    </row>
    <row r="39" spans="1:4" ht="18" customHeight="1" x14ac:dyDescent="0.2">
      <c r="A39" s="14">
        <v>28</v>
      </c>
      <c r="B39" s="15">
        <v>11</v>
      </c>
      <c r="C39" s="16">
        <v>16</v>
      </c>
      <c r="D39" s="17">
        <v>27</v>
      </c>
    </row>
    <row r="40" spans="1:4" ht="18" customHeight="1" x14ac:dyDescent="0.2">
      <c r="A40" s="14">
        <v>29</v>
      </c>
      <c r="B40" s="15">
        <v>5</v>
      </c>
      <c r="C40" s="16">
        <v>8</v>
      </c>
      <c r="D40" s="17">
        <v>13</v>
      </c>
    </row>
    <row r="41" spans="1:4" ht="18" customHeight="1" x14ac:dyDescent="0.2">
      <c r="A41" s="18" t="s">
        <v>54</v>
      </c>
      <c r="B41" s="15">
        <v>49</v>
      </c>
      <c r="C41" s="16">
        <v>49</v>
      </c>
      <c r="D41" s="17">
        <v>98</v>
      </c>
    </row>
    <row r="42" spans="1:4" ht="18" customHeight="1" x14ac:dyDescent="0.2">
      <c r="A42" s="14">
        <v>30</v>
      </c>
      <c r="B42" s="15">
        <v>7</v>
      </c>
      <c r="C42" s="16">
        <v>11</v>
      </c>
      <c r="D42" s="17">
        <v>18</v>
      </c>
    </row>
    <row r="43" spans="1:4" ht="18" customHeight="1" x14ac:dyDescent="0.2">
      <c r="A43" s="14">
        <v>31</v>
      </c>
      <c r="B43" s="15">
        <v>8</v>
      </c>
      <c r="C43" s="16">
        <v>10</v>
      </c>
      <c r="D43" s="17">
        <v>18</v>
      </c>
    </row>
    <row r="44" spans="1:4" ht="18" customHeight="1" x14ac:dyDescent="0.2">
      <c r="A44" s="14">
        <v>32</v>
      </c>
      <c r="B44" s="15">
        <v>14</v>
      </c>
      <c r="C44" s="16">
        <v>12</v>
      </c>
      <c r="D44" s="17">
        <v>26</v>
      </c>
    </row>
    <row r="45" spans="1:4" ht="18" customHeight="1" x14ac:dyDescent="0.2">
      <c r="A45" s="14">
        <v>33</v>
      </c>
      <c r="B45" s="15">
        <v>15</v>
      </c>
      <c r="C45" s="16">
        <v>16</v>
      </c>
      <c r="D45" s="17">
        <v>31</v>
      </c>
    </row>
    <row r="46" spans="1:4" ht="18" customHeight="1" x14ac:dyDescent="0.2">
      <c r="A46" s="14">
        <v>34</v>
      </c>
      <c r="B46" s="15">
        <v>12</v>
      </c>
      <c r="C46" s="16">
        <v>12</v>
      </c>
      <c r="D46" s="17">
        <v>24</v>
      </c>
    </row>
    <row r="47" spans="1:4" ht="18" customHeight="1" x14ac:dyDescent="0.2">
      <c r="A47" s="18" t="s">
        <v>55</v>
      </c>
      <c r="B47" s="15">
        <v>56</v>
      </c>
      <c r="C47" s="16">
        <v>61</v>
      </c>
      <c r="D47" s="17">
        <v>117</v>
      </c>
    </row>
    <row r="48" spans="1:4" ht="18" customHeight="1" x14ac:dyDescent="0.2">
      <c r="A48" s="14">
        <v>35</v>
      </c>
      <c r="B48" s="15">
        <v>18</v>
      </c>
      <c r="C48" s="16">
        <v>18</v>
      </c>
      <c r="D48" s="17">
        <v>36</v>
      </c>
    </row>
    <row r="49" spans="1:4" ht="18" customHeight="1" x14ac:dyDescent="0.2">
      <c r="A49" s="14">
        <v>36</v>
      </c>
      <c r="B49" s="15">
        <v>16</v>
      </c>
      <c r="C49" s="16">
        <v>10</v>
      </c>
      <c r="D49" s="17">
        <v>26</v>
      </c>
    </row>
    <row r="50" spans="1:4" ht="18" customHeight="1" x14ac:dyDescent="0.2">
      <c r="A50" s="14">
        <v>37</v>
      </c>
      <c r="B50" s="15">
        <v>23</v>
      </c>
      <c r="C50" s="16">
        <v>23</v>
      </c>
      <c r="D50" s="17">
        <v>46</v>
      </c>
    </row>
    <row r="51" spans="1:4" ht="18" customHeight="1" x14ac:dyDescent="0.2">
      <c r="A51" s="14">
        <v>38</v>
      </c>
      <c r="B51" s="15">
        <v>13</v>
      </c>
      <c r="C51" s="16">
        <v>19</v>
      </c>
      <c r="D51" s="17">
        <v>32</v>
      </c>
    </row>
    <row r="52" spans="1:4" ht="18" customHeight="1" x14ac:dyDescent="0.2">
      <c r="A52" s="14">
        <v>39</v>
      </c>
      <c r="B52" s="15">
        <v>9</v>
      </c>
      <c r="C52" s="16">
        <v>20</v>
      </c>
      <c r="D52" s="17">
        <v>29</v>
      </c>
    </row>
    <row r="53" spans="1:4" ht="18" customHeight="1" x14ac:dyDescent="0.2">
      <c r="A53" s="18" t="s">
        <v>56</v>
      </c>
      <c r="B53" s="15">
        <v>79</v>
      </c>
      <c r="C53" s="16">
        <v>90</v>
      </c>
      <c r="D53" s="17">
        <v>169</v>
      </c>
    </row>
    <row r="54" spans="1:4" ht="18" customHeight="1" x14ac:dyDescent="0.2">
      <c r="A54" s="14">
        <v>40</v>
      </c>
      <c r="B54" s="15">
        <v>28</v>
      </c>
      <c r="C54" s="16">
        <v>25</v>
      </c>
      <c r="D54" s="17">
        <v>53</v>
      </c>
    </row>
    <row r="55" spans="1:4" ht="18" customHeight="1" x14ac:dyDescent="0.2">
      <c r="A55" s="14">
        <v>41</v>
      </c>
      <c r="B55" s="15">
        <v>25</v>
      </c>
      <c r="C55" s="16">
        <v>25</v>
      </c>
      <c r="D55" s="17">
        <v>50</v>
      </c>
    </row>
    <row r="56" spans="1:4" ht="18" customHeight="1" x14ac:dyDescent="0.2">
      <c r="A56" s="14">
        <v>42</v>
      </c>
      <c r="B56" s="15">
        <v>26</v>
      </c>
      <c r="C56" s="16">
        <v>29</v>
      </c>
      <c r="D56" s="17">
        <v>55</v>
      </c>
    </row>
    <row r="57" spans="1:4" ht="18" customHeight="1" x14ac:dyDescent="0.2">
      <c r="A57" s="14">
        <v>43</v>
      </c>
      <c r="B57" s="15">
        <v>24</v>
      </c>
      <c r="C57" s="16">
        <v>19</v>
      </c>
      <c r="D57" s="17">
        <v>43</v>
      </c>
    </row>
    <row r="58" spans="1:4" ht="18" customHeight="1" x14ac:dyDescent="0.2">
      <c r="A58" s="14">
        <v>44</v>
      </c>
      <c r="B58" s="15">
        <v>24</v>
      </c>
      <c r="C58" s="16">
        <v>22</v>
      </c>
      <c r="D58" s="17">
        <v>46</v>
      </c>
    </row>
    <row r="59" spans="1:4" ht="18" customHeight="1" x14ac:dyDescent="0.2">
      <c r="A59" s="18" t="s">
        <v>57</v>
      </c>
      <c r="B59" s="15">
        <v>127</v>
      </c>
      <c r="C59" s="16">
        <v>120</v>
      </c>
      <c r="D59" s="17">
        <v>247</v>
      </c>
    </row>
    <row r="60" spans="1:4" ht="18" customHeight="1" x14ac:dyDescent="0.2">
      <c r="A60" s="14">
        <v>45</v>
      </c>
      <c r="B60" s="15">
        <v>31</v>
      </c>
      <c r="C60" s="16">
        <v>27</v>
      </c>
      <c r="D60" s="17">
        <v>58</v>
      </c>
    </row>
    <row r="61" spans="1:4" ht="18" customHeight="1" x14ac:dyDescent="0.2">
      <c r="A61" s="14">
        <v>46</v>
      </c>
      <c r="B61" s="15">
        <v>38</v>
      </c>
      <c r="C61" s="16">
        <v>21</v>
      </c>
      <c r="D61" s="17">
        <v>59</v>
      </c>
    </row>
    <row r="62" spans="1:4" ht="18" customHeight="1" x14ac:dyDescent="0.2">
      <c r="A62" s="14">
        <v>47</v>
      </c>
      <c r="B62" s="15">
        <v>34</v>
      </c>
      <c r="C62" s="16">
        <v>29</v>
      </c>
      <c r="D62" s="17">
        <v>63</v>
      </c>
    </row>
    <row r="63" spans="1:4" ht="18" customHeight="1" x14ac:dyDescent="0.2">
      <c r="A63" s="14">
        <v>48</v>
      </c>
      <c r="B63" s="15">
        <v>29</v>
      </c>
      <c r="C63" s="16">
        <v>26</v>
      </c>
      <c r="D63" s="17">
        <v>55</v>
      </c>
    </row>
    <row r="64" spans="1:4" ht="18" customHeight="1" x14ac:dyDescent="0.2">
      <c r="A64" s="14">
        <v>49</v>
      </c>
      <c r="B64" s="15">
        <v>25</v>
      </c>
      <c r="C64" s="16">
        <v>26</v>
      </c>
      <c r="D64" s="17">
        <v>51</v>
      </c>
    </row>
    <row r="65" spans="1:4" ht="18" customHeight="1" x14ac:dyDescent="0.2">
      <c r="A65" s="18" t="s">
        <v>58</v>
      </c>
      <c r="B65" s="15">
        <v>157</v>
      </c>
      <c r="C65" s="16">
        <v>129</v>
      </c>
      <c r="D65" s="17">
        <v>286</v>
      </c>
    </row>
    <row r="66" spans="1:4" ht="18" customHeight="1" x14ac:dyDescent="0.2">
      <c r="A66" s="14">
        <v>50</v>
      </c>
      <c r="B66" s="15">
        <v>29</v>
      </c>
      <c r="C66" s="16">
        <v>21</v>
      </c>
      <c r="D66" s="17">
        <v>50</v>
      </c>
    </row>
    <row r="67" spans="1:4" ht="18" customHeight="1" x14ac:dyDescent="0.2">
      <c r="A67" s="14">
        <v>51</v>
      </c>
      <c r="B67" s="15">
        <v>26</v>
      </c>
      <c r="C67" s="16">
        <v>21</v>
      </c>
      <c r="D67" s="17">
        <v>47</v>
      </c>
    </row>
    <row r="68" spans="1:4" ht="18" customHeight="1" x14ac:dyDescent="0.2">
      <c r="A68" s="14">
        <v>52</v>
      </c>
      <c r="B68" s="15">
        <v>14</v>
      </c>
      <c r="C68" s="16">
        <v>13</v>
      </c>
      <c r="D68" s="17">
        <v>27</v>
      </c>
    </row>
    <row r="69" spans="1:4" ht="18" customHeight="1" x14ac:dyDescent="0.2">
      <c r="A69" s="14">
        <v>53</v>
      </c>
      <c r="B69" s="15">
        <v>21</v>
      </c>
      <c r="C69" s="16">
        <v>25</v>
      </c>
      <c r="D69" s="17">
        <v>46</v>
      </c>
    </row>
    <row r="70" spans="1:4" ht="18" customHeight="1" x14ac:dyDescent="0.2">
      <c r="A70" s="14">
        <v>54</v>
      </c>
      <c r="B70" s="15">
        <v>10</v>
      </c>
      <c r="C70" s="16">
        <v>17</v>
      </c>
      <c r="D70" s="17">
        <v>27</v>
      </c>
    </row>
    <row r="71" spans="1:4" ht="18" customHeight="1" x14ac:dyDescent="0.2">
      <c r="A71" s="18" t="s">
        <v>59</v>
      </c>
      <c r="B71" s="15">
        <v>100</v>
      </c>
      <c r="C71" s="16">
        <v>97</v>
      </c>
      <c r="D71" s="17">
        <v>197</v>
      </c>
    </row>
    <row r="72" spans="1:4" ht="18" customHeight="1" x14ac:dyDescent="0.2">
      <c r="A72" s="14">
        <v>55</v>
      </c>
      <c r="B72" s="15">
        <v>16</v>
      </c>
      <c r="C72" s="16">
        <v>5</v>
      </c>
      <c r="D72" s="17">
        <v>21</v>
      </c>
    </row>
    <row r="73" spans="1:4" ht="18" customHeight="1" x14ac:dyDescent="0.2">
      <c r="A73" s="14">
        <v>56</v>
      </c>
      <c r="B73" s="15">
        <v>13</v>
      </c>
      <c r="C73" s="16">
        <v>11</v>
      </c>
      <c r="D73" s="17">
        <v>24</v>
      </c>
    </row>
    <row r="74" spans="1:4" ht="18" customHeight="1" x14ac:dyDescent="0.2">
      <c r="A74" s="14">
        <v>57</v>
      </c>
      <c r="B74" s="15">
        <v>11</v>
      </c>
      <c r="C74" s="16">
        <v>12</v>
      </c>
      <c r="D74" s="17">
        <v>23</v>
      </c>
    </row>
    <row r="75" spans="1:4" ht="18" customHeight="1" x14ac:dyDescent="0.2">
      <c r="A75" s="14">
        <v>58</v>
      </c>
      <c r="B75" s="15">
        <v>15</v>
      </c>
      <c r="C75" s="16">
        <v>9</v>
      </c>
      <c r="D75" s="17">
        <v>24</v>
      </c>
    </row>
    <row r="76" spans="1:4" ht="18" customHeight="1" x14ac:dyDescent="0.2">
      <c r="A76" s="14">
        <v>59</v>
      </c>
      <c r="B76" s="15">
        <v>10</v>
      </c>
      <c r="C76" s="16">
        <v>14</v>
      </c>
      <c r="D76" s="17">
        <v>24</v>
      </c>
    </row>
    <row r="77" spans="1:4" ht="18" customHeight="1" x14ac:dyDescent="0.2">
      <c r="A77" s="18" t="s">
        <v>60</v>
      </c>
      <c r="B77" s="15">
        <v>65</v>
      </c>
      <c r="C77" s="16">
        <v>51</v>
      </c>
      <c r="D77" s="17">
        <v>116</v>
      </c>
    </row>
    <row r="78" spans="1:4" ht="18" customHeight="1" x14ac:dyDescent="0.2">
      <c r="A78" s="14">
        <v>60</v>
      </c>
      <c r="B78" s="15">
        <v>9</v>
      </c>
      <c r="C78" s="16">
        <v>25</v>
      </c>
      <c r="D78" s="17">
        <v>34</v>
      </c>
    </row>
    <row r="79" spans="1:4" ht="18" customHeight="1" x14ac:dyDescent="0.2">
      <c r="A79" s="14">
        <v>61</v>
      </c>
      <c r="B79" s="15">
        <v>10</v>
      </c>
      <c r="C79" s="16">
        <v>10</v>
      </c>
      <c r="D79" s="17">
        <v>20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14</v>
      </c>
      <c r="C81" s="16">
        <v>24</v>
      </c>
      <c r="D81" s="17">
        <v>38</v>
      </c>
    </row>
    <row r="82" spans="1:4" ht="18" customHeight="1" x14ac:dyDescent="0.2">
      <c r="A82" s="14">
        <v>64</v>
      </c>
      <c r="B82" s="15">
        <v>18</v>
      </c>
      <c r="C82" s="16">
        <v>21</v>
      </c>
      <c r="D82" s="17">
        <v>39</v>
      </c>
    </row>
    <row r="83" spans="1:4" ht="18" customHeight="1" x14ac:dyDescent="0.2">
      <c r="A83" s="18" t="s">
        <v>61</v>
      </c>
      <c r="B83" s="15">
        <v>63</v>
      </c>
      <c r="C83" s="16">
        <v>92</v>
      </c>
      <c r="D83" s="17">
        <v>155</v>
      </c>
    </row>
    <row r="84" spans="1:4" ht="18" customHeight="1" x14ac:dyDescent="0.2">
      <c r="A84" s="18" t="s">
        <v>62</v>
      </c>
      <c r="B84" s="15">
        <v>865</v>
      </c>
      <c r="C84" s="16">
        <v>826</v>
      </c>
      <c r="D84" s="17">
        <v>1691</v>
      </c>
    </row>
    <row r="85" spans="1:4" ht="18" customHeight="1" x14ac:dyDescent="0.2">
      <c r="A85" s="14">
        <v>65</v>
      </c>
      <c r="B85" s="15">
        <v>17</v>
      </c>
      <c r="C85" s="16">
        <v>19</v>
      </c>
      <c r="D85" s="17">
        <v>36</v>
      </c>
    </row>
    <row r="86" spans="1:4" ht="18" customHeight="1" x14ac:dyDescent="0.2">
      <c r="A86" s="14">
        <v>66</v>
      </c>
      <c r="B86" s="15">
        <v>23</v>
      </c>
      <c r="C86" s="16">
        <v>18</v>
      </c>
      <c r="D86" s="17">
        <v>41</v>
      </c>
    </row>
    <row r="87" spans="1:4" ht="18" customHeight="1" x14ac:dyDescent="0.2">
      <c r="A87" s="14">
        <v>67</v>
      </c>
      <c r="B87" s="15">
        <v>24</v>
      </c>
      <c r="C87" s="16">
        <v>17</v>
      </c>
      <c r="D87" s="17">
        <v>41</v>
      </c>
    </row>
    <row r="88" spans="1:4" ht="18" customHeight="1" x14ac:dyDescent="0.2">
      <c r="A88" s="14">
        <v>68</v>
      </c>
      <c r="B88" s="15">
        <v>17</v>
      </c>
      <c r="C88" s="16">
        <v>26</v>
      </c>
      <c r="D88" s="17">
        <v>43</v>
      </c>
    </row>
    <row r="89" spans="1:4" ht="18" customHeight="1" x14ac:dyDescent="0.2">
      <c r="A89" s="14">
        <v>69</v>
      </c>
      <c r="B89" s="15">
        <v>21</v>
      </c>
      <c r="C89" s="16">
        <v>29</v>
      </c>
      <c r="D89" s="17">
        <v>50</v>
      </c>
    </row>
    <row r="90" spans="1:4" ht="18" customHeight="1" x14ac:dyDescent="0.2">
      <c r="A90" s="18" t="s">
        <v>63</v>
      </c>
      <c r="B90" s="15">
        <v>102</v>
      </c>
      <c r="C90" s="16">
        <v>109</v>
      </c>
      <c r="D90" s="17">
        <v>211</v>
      </c>
    </row>
    <row r="91" spans="1:4" ht="18" customHeight="1" x14ac:dyDescent="0.2">
      <c r="A91" s="14">
        <v>70</v>
      </c>
      <c r="B91" s="15">
        <v>18</v>
      </c>
      <c r="C91" s="16">
        <v>39</v>
      </c>
      <c r="D91" s="17">
        <v>57</v>
      </c>
    </row>
    <row r="92" spans="1:4" ht="18" customHeight="1" x14ac:dyDescent="0.2">
      <c r="A92" s="14">
        <v>71</v>
      </c>
      <c r="B92" s="15">
        <v>23</v>
      </c>
      <c r="C92" s="16">
        <v>42</v>
      </c>
      <c r="D92" s="17">
        <v>65</v>
      </c>
    </row>
    <row r="93" spans="1:4" ht="18" customHeight="1" x14ac:dyDescent="0.2">
      <c r="A93" s="14">
        <v>72</v>
      </c>
      <c r="B93" s="15">
        <v>17</v>
      </c>
      <c r="C93" s="16">
        <v>23</v>
      </c>
      <c r="D93" s="17">
        <v>40</v>
      </c>
    </row>
    <row r="94" spans="1:4" ht="18" customHeight="1" x14ac:dyDescent="0.2">
      <c r="A94" s="14">
        <v>73</v>
      </c>
      <c r="B94" s="15">
        <v>16</v>
      </c>
      <c r="C94" s="16">
        <v>19</v>
      </c>
      <c r="D94" s="17">
        <v>35</v>
      </c>
    </row>
    <row r="95" spans="1:4" ht="18" customHeight="1" x14ac:dyDescent="0.2">
      <c r="A95" s="14">
        <v>74</v>
      </c>
      <c r="B95" s="15">
        <v>26</v>
      </c>
      <c r="C95" s="16">
        <v>33</v>
      </c>
      <c r="D95" s="17">
        <v>59</v>
      </c>
    </row>
    <row r="96" spans="1:4" ht="18" customHeight="1" x14ac:dyDescent="0.2">
      <c r="A96" s="18" t="s">
        <v>64</v>
      </c>
      <c r="B96" s="15">
        <v>100</v>
      </c>
      <c r="C96" s="16">
        <v>156</v>
      </c>
      <c r="D96" s="17">
        <v>256</v>
      </c>
    </row>
    <row r="97" spans="1:4" ht="18" customHeight="1" x14ac:dyDescent="0.2">
      <c r="A97" s="14">
        <v>75</v>
      </c>
      <c r="B97" s="15">
        <v>19</v>
      </c>
      <c r="C97" s="16">
        <v>35</v>
      </c>
      <c r="D97" s="17">
        <v>54</v>
      </c>
    </row>
    <row r="98" spans="1:4" ht="18" customHeight="1" x14ac:dyDescent="0.2">
      <c r="A98" s="14">
        <v>76</v>
      </c>
      <c r="B98" s="15">
        <v>25</v>
      </c>
      <c r="C98" s="16">
        <v>32</v>
      </c>
      <c r="D98" s="17">
        <v>57</v>
      </c>
    </row>
    <row r="99" spans="1:4" ht="18" customHeight="1" x14ac:dyDescent="0.2">
      <c r="A99" s="14">
        <v>77</v>
      </c>
      <c r="B99" s="15">
        <v>26</v>
      </c>
      <c r="C99" s="16">
        <v>34</v>
      </c>
      <c r="D99" s="17">
        <v>60</v>
      </c>
    </row>
    <row r="100" spans="1:4" ht="18" customHeight="1" x14ac:dyDescent="0.2">
      <c r="A100" s="14">
        <v>78</v>
      </c>
      <c r="B100" s="15">
        <v>17</v>
      </c>
      <c r="C100" s="16">
        <v>16</v>
      </c>
      <c r="D100" s="17">
        <v>33</v>
      </c>
    </row>
    <row r="101" spans="1:4" ht="18" customHeight="1" x14ac:dyDescent="0.2">
      <c r="A101" s="14">
        <v>79</v>
      </c>
      <c r="B101" s="15">
        <v>21</v>
      </c>
      <c r="C101" s="16">
        <v>18</v>
      </c>
      <c r="D101" s="17">
        <v>39</v>
      </c>
    </row>
    <row r="102" spans="1:4" ht="18" customHeight="1" x14ac:dyDescent="0.2">
      <c r="A102" s="18" t="s">
        <v>65</v>
      </c>
      <c r="B102" s="15">
        <v>108</v>
      </c>
      <c r="C102" s="16">
        <v>135</v>
      </c>
      <c r="D102" s="17">
        <v>243</v>
      </c>
    </row>
    <row r="103" spans="1:4" ht="18" customHeight="1" x14ac:dyDescent="0.2">
      <c r="A103" s="14">
        <v>80</v>
      </c>
      <c r="B103" s="15">
        <v>11</v>
      </c>
      <c r="C103" s="16">
        <v>12</v>
      </c>
      <c r="D103" s="17">
        <v>23</v>
      </c>
    </row>
    <row r="104" spans="1:4" ht="18" customHeight="1" x14ac:dyDescent="0.2">
      <c r="A104" s="14">
        <v>81</v>
      </c>
      <c r="B104" s="15">
        <v>10</v>
      </c>
      <c r="C104" s="16">
        <v>21</v>
      </c>
      <c r="D104" s="17">
        <v>31</v>
      </c>
    </row>
    <row r="105" spans="1:4" ht="18" customHeight="1" x14ac:dyDescent="0.2">
      <c r="A105" s="14">
        <v>82</v>
      </c>
      <c r="B105" s="15">
        <v>13</v>
      </c>
      <c r="C105" s="16">
        <v>19</v>
      </c>
      <c r="D105" s="17">
        <v>32</v>
      </c>
    </row>
    <row r="106" spans="1:4" ht="18" customHeight="1" x14ac:dyDescent="0.2">
      <c r="A106" s="14">
        <v>83</v>
      </c>
      <c r="B106" s="15">
        <v>14</v>
      </c>
      <c r="C106" s="16">
        <v>14</v>
      </c>
      <c r="D106" s="17">
        <v>28</v>
      </c>
    </row>
    <row r="107" spans="1:4" ht="18" customHeight="1" x14ac:dyDescent="0.2">
      <c r="A107" s="14">
        <v>84</v>
      </c>
      <c r="B107" s="15">
        <v>9</v>
      </c>
      <c r="C107" s="16">
        <v>28</v>
      </c>
      <c r="D107" s="17">
        <v>37</v>
      </c>
    </row>
    <row r="108" spans="1:4" ht="18" customHeight="1" x14ac:dyDescent="0.2">
      <c r="A108" s="18" t="s">
        <v>66</v>
      </c>
      <c r="B108" s="15">
        <v>57</v>
      </c>
      <c r="C108" s="16">
        <v>94</v>
      </c>
      <c r="D108" s="17">
        <v>151</v>
      </c>
    </row>
    <row r="109" spans="1:4" ht="18" customHeight="1" x14ac:dyDescent="0.2">
      <c r="A109" s="14">
        <v>85</v>
      </c>
      <c r="B109" s="15">
        <v>12</v>
      </c>
      <c r="C109" s="16">
        <v>17</v>
      </c>
      <c r="D109" s="17">
        <v>29</v>
      </c>
    </row>
    <row r="110" spans="1:4" ht="18" customHeight="1" x14ac:dyDescent="0.2">
      <c r="A110" s="14">
        <v>86</v>
      </c>
      <c r="B110" s="15">
        <v>7</v>
      </c>
      <c r="C110" s="16">
        <v>10</v>
      </c>
      <c r="D110" s="17">
        <v>17</v>
      </c>
    </row>
    <row r="111" spans="1:4" ht="18" customHeight="1" x14ac:dyDescent="0.2">
      <c r="A111" s="14">
        <v>87</v>
      </c>
      <c r="B111" s="15">
        <v>3</v>
      </c>
      <c r="C111" s="16">
        <v>12</v>
      </c>
      <c r="D111" s="17">
        <v>15</v>
      </c>
    </row>
    <row r="112" spans="1:4" ht="18" customHeight="1" x14ac:dyDescent="0.2">
      <c r="A112" s="14">
        <v>88</v>
      </c>
      <c r="B112" s="15">
        <v>4</v>
      </c>
      <c r="C112" s="16">
        <v>11</v>
      </c>
      <c r="D112" s="17">
        <v>15</v>
      </c>
    </row>
    <row r="113" spans="1:4" ht="18" customHeight="1" x14ac:dyDescent="0.2">
      <c r="A113" s="14">
        <v>89</v>
      </c>
      <c r="B113" s="15">
        <v>6</v>
      </c>
      <c r="C113" s="16">
        <v>12</v>
      </c>
      <c r="D113" s="17">
        <v>18</v>
      </c>
    </row>
    <row r="114" spans="1:4" ht="18" customHeight="1" x14ac:dyDescent="0.2">
      <c r="A114" s="18" t="s">
        <v>67</v>
      </c>
      <c r="B114" s="15">
        <v>32</v>
      </c>
      <c r="C114" s="16">
        <v>62</v>
      </c>
      <c r="D114" s="17">
        <v>94</v>
      </c>
    </row>
    <row r="115" spans="1:4" ht="18" customHeight="1" x14ac:dyDescent="0.2">
      <c r="A115" s="14">
        <v>90</v>
      </c>
      <c r="B115" s="15">
        <v>8</v>
      </c>
      <c r="C115" s="16">
        <v>9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7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3</v>
      </c>
      <c r="C118" s="16">
        <v>5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68</v>
      </c>
      <c r="B120" s="15">
        <v>16</v>
      </c>
      <c r="C120" s="16">
        <v>33</v>
      </c>
      <c r="D120" s="17">
        <v>4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9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15</v>
      </c>
      <c r="C130" s="5">
        <v>601</v>
      </c>
      <c r="D130" s="6">
        <v>1016</v>
      </c>
    </row>
    <row r="131" spans="1:4" ht="18" customHeight="1" x14ac:dyDescent="0.2">
      <c r="A131" s="20" t="s">
        <v>47</v>
      </c>
      <c r="B131" s="7">
        <v>1490</v>
      </c>
      <c r="C131" s="8">
        <v>1642</v>
      </c>
      <c r="D131" s="9">
        <v>31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6</v>
      </c>
      <c r="C5" s="12">
        <v>38</v>
      </c>
      <c r="D5" s="13">
        <v>84</v>
      </c>
    </row>
    <row r="6" spans="1:10" ht="18" customHeight="1" x14ac:dyDescent="0.2">
      <c r="A6" s="14">
        <v>1</v>
      </c>
      <c r="B6" s="15">
        <v>49</v>
      </c>
      <c r="C6" s="16">
        <v>40</v>
      </c>
      <c r="D6" s="17">
        <v>89</v>
      </c>
    </row>
    <row r="7" spans="1:10" ht="18" customHeight="1" x14ac:dyDescent="0.2">
      <c r="A7" s="14">
        <v>2</v>
      </c>
      <c r="B7" s="15">
        <v>42</v>
      </c>
      <c r="C7" s="16">
        <v>37</v>
      </c>
      <c r="D7" s="17">
        <v>79</v>
      </c>
    </row>
    <row r="8" spans="1:10" ht="18" customHeight="1" x14ac:dyDescent="0.2">
      <c r="A8" s="14">
        <v>3</v>
      </c>
      <c r="B8" s="15">
        <v>54</v>
      </c>
      <c r="C8" s="16">
        <v>43</v>
      </c>
      <c r="D8" s="17">
        <v>97</v>
      </c>
    </row>
    <row r="9" spans="1:10" ht="18" customHeight="1" x14ac:dyDescent="0.2">
      <c r="A9" s="14">
        <v>4</v>
      </c>
      <c r="B9" s="15">
        <v>54</v>
      </c>
      <c r="C9" s="16">
        <v>43</v>
      </c>
      <c r="D9" s="17">
        <v>97</v>
      </c>
    </row>
    <row r="10" spans="1:10" ht="18" customHeight="1" x14ac:dyDescent="0.2">
      <c r="A10" s="18" t="s">
        <v>48</v>
      </c>
      <c r="B10" s="15">
        <v>245</v>
      </c>
      <c r="C10" s="16">
        <v>201</v>
      </c>
      <c r="D10" s="17">
        <v>446</v>
      </c>
    </row>
    <row r="11" spans="1:10" ht="18" customHeight="1" x14ac:dyDescent="0.2">
      <c r="A11" s="14">
        <v>5</v>
      </c>
      <c r="B11" s="15">
        <v>33</v>
      </c>
      <c r="C11" s="16">
        <v>44</v>
      </c>
      <c r="D11" s="17">
        <v>77</v>
      </c>
    </row>
    <row r="12" spans="1:10" ht="18" customHeight="1" x14ac:dyDescent="0.2">
      <c r="A12" s="14">
        <v>6</v>
      </c>
      <c r="B12" s="15">
        <v>50</v>
      </c>
      <c r="C12" s="16">
        <v>44</v>
      </c>
      <c r="D12" s="17">
        <v>94</v>
      </c>
    </row>
    <row r="13" spans="1:10" ht="18" customHeight="1" x14ac:dyDescent="0.2">
      <c r="A13" s="14">
        <v>7</v>
      </c>
      <c r="B13" s="15">
        <v>49</v>
      </c>
      <c r="C13" s="16">
        <v>59</v>
      </c>
      <c r="D13" s="17">
        <v>108</v>
      </c>
    </row>
    <row r="14" spans="1:10" ht="18" customHeight="1" x14ac:dyDescent="0.2">
      <c r="A14" s="14">
        <v>8</v>
      </c>
      <c r="B14" s="15">
        <v>54</v>
      </c>
      <c r="C14" s="16">
        <v>47</v>
      </c>
      <c r="D14" s="17">
        <v>101</v>
      </c>
    </row>
    <row r="15" spans="1:10" ht="18" customHeight="1" x14ac:dyDescent="0.2">
      <c r="A15" s="14">
        <v>9</v>
      </c>
      <c r="B15" s="15">
        <v>54</v>
      </c>
      <c r="C15" s="16">
        <v>57</v>
      </c>
      <c r="D15" s="17">
        <v>111</v>
      </c>
    </row>
    <row r="16" spans="1:10" ht="18" customHeight="1" x14ac:dyDescent="0.2">
      <c r="A16" s="18" t="s">
        <v>49</v>
      </c>
      <c r="B16" s="15">
        <v>240</v>
      </c>
      <c r="C16" s="16">
        <v>251</v>
      </c>
      <c r="D16" s="17">
        <v>491</v>
      </c>
    </row>
    <row r="17" spans="1:4" ht="18" customHeight="1" x14ac:dyDescent="0.2">
      <c r="A17" s="14">
        <v>10</v>
      </c>
      <c r="B17" s="15">
        <v>53</v>
      </c>
      <c r="C17" s="16">
        <v>43</v>
      </c>
      <c r="D17" s="17">
        <v>96</v>
      </c>
    </row>
    <row r="18" spans="1:4" ht="18" customHeight="1" x14ac:dyDescent="0.2">
      <c r="A18" s="14">
        <v>11</v>
      </c>
      <c r="B18" s="15">
        <v>42</v>
      </c>
      <c r="C18" s="16">
        <v>52</v>
      </c>
      <c r="D18" s="17">
        <v>94</v>
      </c>
    </row>
    <row r="19" spans="1:4" ht="18" customHeight="1" x14ac:dyDescent="0.2">
      <c r="A19" s="14">
        <v>12</v>
      </c>
      <c r="B19" s="15">
        <v>45</v>
      </c>
      <c r="C19" s="16">
        <v>65</v>
      </c>
      <c r="D19" s="17">
        <v>110</v>
      </c>
    </row>
    <row r="20" spans="1:4" ht="18" customHeight="1" x14ac:dyDescent="0.2">
      <c r="A20" s="14">
        <v>13</v>
      </c>
      <c r="B20" s="15">
        <v>61</v>
      </c>
      <c r="C20" s="16">
        <v>38</v>
      </c>
      <c r="D20" s="17">
        <v>99</v>
      </c>
    </row>
    <row r="21" spans="1:4" ht="18" customHeight="1" x14ac:dyDescent="0.2">
      <c r="A21" s="14">
        <v>14</v>
      </c>
      <c r="B21" s="15">
        <v>61</v>
      </c>
      <c r="C21" s="16">
        <v>51</v>
      </c>
      <c r="D21" s="17">
        <v>112</v>
      </c>
    </row>
    <row r="22" spans="1:4" ht="18" customHeight="1" x14ac:dyDescent="0.2">
      <c r="A22" s="18" t="s">
        <v>50</v>
      </c>
      <c r="B22" s="15">
        <v>262</v>
      </c>
      <c r="C22" s="16">
        <v>249</v>
      </c>
      <c r="D22" s="17">
        <v>511</v>
      </c>
    </row>
    <row r="23" spans="1:4" ht="18" customHeight="1" x14ac:dyDescent="0.2">
      <c r="A23" s="18" t="s">
        <v>51</v>
      </c>
      <c r="B23" s="15">
        <v>747</v>
      </c>
      <c r="C23" s="16">
        <v>701</v>
      </c>
      <c r="D23" s="17">
        <v>1448</v>
      </c>
    </row>
    <row r="24" spans="1:4" ht="18" customHeight="1" x14ac:dyDescent="0.2">
      <c r="A24" s="14">
        <v>15</v>
      </c>
      <c r="B24" s="15">
        <v>66</v>
      </c>
      <c r="C24" s="16">
        <v>59</v>
      </c>
      <c r="D24" s="17">
        <v>125</v>
      </c>
    </row>
    <row r="25" spans="1:4" ht="18" customHeight="1" x14ac:dyDescent="0.2">
      <c r="A25" s="14">
        <v>16</v>
      </c>
      <c r="B25" s="15">
        <v>54</v>
      </c>
      <c r="C25" s="16">
        <v>69</v>
      </c>
      <c r="D25" s="17">
        <v>123</v>
      </c>
    </row>
    <row r="26" spans="1:4" ht="18" customHeight="1" x14ac:dyDescent="0.2">
      <c r="A26" s="14">
        <v>17</v>
      </c>
      <c r="B26" s="15">
        <v>57</v>
      </c>
      <c r="C26" s="16">
        <v>54</v>
      </c>
      <c r="D26" s="17">
        <v>111</v>
      </c>
    </row>
    <row r="27" spans="1:4" ht="18" customHeight="1" x14ac:dyDescent="0.2">
      <c r="A27" s="14">
        <v>18</v>
      </c>
      <c r="B27" s="15">
        <v>73</v>
      </c>
      <c r="C27" s="16">
        <v>43</v>
      </c>
      <c r="D27" s="17">
        <v>116</v>
      </c>
    </row>
    <row r="28" spans="1:4" ht="18" customHeight="1" x14ac:dyDescent="0.2">
      <c r="A28" s="14">
        <v>19</v>
      </c>
      <c r="B28" s="15">
        <v>58</v>
      </c>
      <c r="C28" s="16">
        <v>51</v>
      </c>
      <c r="D28" s="17">
        <v>109</v>
      </c>
    </row>
    <row r="29" spans="1:4" ht="18" customHeight="1" x14ac:dyDescent="0.2">
      <c r="A29" s="18" t="s">
        <v>52</v>
      </c>
      <c r="B29" s="15">
        <v>308</v>
      </c>
      <c r="C29" s="16">
        <v>276</v>
      </c>
      <c r="D29" s="17">
        <v>584</v>
      </c>
    </row>
    <row r="30" spans="1:4" ht="18" customHeight="1" x14ac:dyDescent="0.2">
      <c r="A30" s="14">
        <v>20</v>
      </c>
      <c r="B30" s="15">
        <v>63</v>
      </c>
      <c r="C30" s="16">
        <v>65</v>
      </c>
      <c r="D30" s="17">
        <v>128</v>
      </c>
    </row>
    <row r="31" spans="1:4" ht="18" customHeight="1" x14ac:dyDescent="0.2">
      <c r="A31" s="14">
        <v>21</v>
      </c>
      <c r="B31" s="15">
        <v>61</v>
      </c>
      <c r="C31" s="16">
        <v>55</v>
      </c>
      <c r="D31" s="17">
        <v>116</v>
      </c>
    </row>
    <row r="32" spans="1:4" ht="18" customHeight="1" x14ac:dyDescent="0.2">
      <c r="A32" s="14">
        <v>22</v>
      </c>
      <c r="B32" s="15">
        <v>60</v>
      </c>
      <c r="C32" s="16">
        <v>51</v>
      </c>
      <c r="D32" s="17">
        <v>111</v>
      </c>
    </row>
    <row r="33" spans="1:4" ht="18" customHeight="1" x14ac:dyDescent="0.2">
      <c r="A33" s="14">
        <v>23</v>
      </c>
      <c r="B33" s="15">
        <v>67</v>
      </c>
      <c r="C33" s="16">
        <v>55</v>
      </c>
      <c r="D33" s="17">
        <v>122</v>
      </c>
    </row>
    <row r="34" spans="1:4" ht="18" customHeight="1" x14ac:dyDescent="0.2">
      <c r="A34" s="14">
        <v>24</v>
      </c>
      <c r="B34" s="15">
        <v>58</v>
      </c>
      <c r="C34" s="16">
        <v>70</v>
      </c>
      <c r="D34" s="17">
        <v>128</v>
      </c>
    </row>
    <row r="35" spans="1:4" ht="18" customHeight="1" x14ac:dyDescent="0.2">
      <c r="A35" s="18" t="s">
        <v>53</v>
      </c>
      <c r="B35" s="15">
        <v>309</v>
      </c>
      <c r="C35" s="16">
        <v>296</v>
      </c>
      <c r="D35" s="17">
        <v>605</v>
      </c>
    </row>
    <row r="36" spans="1:4" ht="18" customHeight="1" x14ac:dyDescent="0.2">
      <c r="A36" s="14">
        <v>25</v>
      </c>
      <c r="B36" s="15">
        <v>57</v>
      </c>
      <c r="C36" s="16">
        <v>51</v>
      </c>
      <c r="D36" s="17">
        <v>108</v>
      </c>
    </row>
    <row r="37" spans="1:4" ht="18" customHeight="1" x14ac:dyDescent="0.2">
      <c r="A37" s="14">
        <v>26</v>
      </c>
      <c r="B37" s="15">
        <v>64</v>
      </c>
      <c r="C37" s="16">
        <v>70</v>
      </c>
      <c r="D37" s="17">
        <v>134</v>
      </c>
    </row>
    <row r="38" spans="1:4" ht="18" customHeight="1" x14ac:dyDescent="0.2">
      <c r="A38" s="14">
        <v>27</v>
      </c>
      <c r="B38" s="15">
        <v>49</v>
      </c>
      <c r="C38" s="16">
        <v>56</v>
      </c>
      <c r="D38" s="17">
        <v>105</v>
      </c>
    </row>
    <row r="39" spans="1:4" ht="18" customHeight="1" x14ac:dyDescent="0.2">
      <c r="A39" s="14">
        <v>28</v>
      </c>
      <c r="B39" s="15">
        <v>67</v>
      </c>
      <c r="C39" s="16">
        <v>50</v>
      </c>
      <c r="D39" s="17">
        <v>117</v>
      </c>
    </row>
    <row r="40" spans="1:4" ht="18" customHeight="1" x14ac:dyDescent="0.2">
      <c r="A40" s="14">
        <v>29</v>
      </c>
      <c r="B40" s="15">
        <v>60</v>
      </c>
      <c r="C40" s="16">
        <v>58</v>
      </c>
      <c r="D40" s="17">
        <v>118</v>
      </c>
    </row>
    <row r="41" spans="1:4" ht="18" customHeight="1" x14ac:dyDescent="0.2">
      <c r="A41" s="18" t="s">
        <v>54</v>
      </c>
      <c r="B41" s="15">
        <v>297</v>
      </c>
      <c r="C41" s="16">
        <v>285</v>
      </c>
      <c r="D41" s="17">
        <v>582</v>
      </c>
    </row>
    <row r="42" spans="1:4" ht="18" customHeight="1" x14ac:dyDescent="0.2">
      <c r="A42" s="14">
        <v>30</v>
      </c>
      <c r="B42" s="15">
        <v>71</v>
      </c>
      <c r="C42" s="16">
        <v>57</v>
      </c>
      <c r="D42" s="17">
        <v>128</v>
      </c>
    </row>
    <row r="43" spans="1:4" ht="18" customHeight="1" x14ac:dyDescent="0.2">
      <c r="A43" s="14">
        <v>31</v>
      </c>
      <c r="B43" s="15">
        <v>77</v>
      </c>
      <c r="C43" s="16">
        <v>62</v>
      </c>
      <c r="D43" s="17">
        <v>139</v>
      </c>
    </row>
    <row r="44" spans="1:4" ht="18" customHeight="1" x14ac:dyDescent="0.2">
      <c r="A44" s="14">
        <v>32</v>
      </c>
      <c r="B44" s="15">
        <v>69</v>
      </c>
      <c r="C44" s="16">
        <v>49</v>
      </c>
      <c r="D44" s="17">
        <v>118</v>
      </c>
    </row>
    <row r="45" spans="1:4" ht="18" customHeight="1" x14ac:dyDescent="0.2">
      <c r="A45" s="14">
        <v>33</v>
      </c>
      <c r="B45" s="15">
        <v>85</v>
      </c>
      <c r="C45" s="16">
        <v>56</v>
      </c>
      <c r="D45" s="17">
        <v>141</v>
      </c>
    </row>
    <row r="46" spans="1:4" ht="18" customHeight="1" x14ac:dyDescent="0.2">
      <c r="A46" s="14">
        <v>34</v>
      </c>
      <c r="B46" s="15">
        <v>65</v>
      </c>
      <c r="C46" s="16">
        <v>51</v>
      </c>
      <c r="D46" s="17">
        <v>116</v>
      </c>
    </row>
    <row r="47" spans="1:4" ht="18" customHeight="1" x14ac:dyDescent="0.2">
      <c r="A47" s="18" t="s">
        <v>55</v>
      </c>
      <c r="B47" s="15">
        <v>367</v>
      </c>
      <c r="C47" s="16">
        <v>275</v>
      </c>
      <c r="D47" s="17">
        <v>642</v>
      </c>
    </row>
    <row r="48" spans="1:4" ht="18" customHeight="1" x14ac:dyDescent="0.2">
      <c r="A48" s="14">
        <v>35</v>
      </c>
      <c r="B48" s="15">
        <v>73</v>
      </c>
      <c r="C48" s="16">
        <v>66</v>
      </c>
      <c r="D48" s="17">
        <v>139</v>
      </c>
    </row>
    <row r="49" spans="1:4" ht="18" customHeight="1" x14ac:dyDescent="0.2">
      <c r="A49" s="14">
        <v>36</v>
      </c>
      <c r="B49" s="15">
        <v>74</v>
      </c>
      <c r="C49" s="16">
        <v>70</v>
      </c>
      <c r="D49" s="17">
        <v>144</v>
      </c>
    </row>
    <row r="50" spans="1:4" ht="18" customHeight="1" x14ac:dyDescent="0.2">
      <c r="A50" s="14">
        <v>37</v>
      </c>
      <c r="B50" s="15">
        <v>85</v>
      </c>
      <c r="C50" s="16">
        <v>64</v>
      </c>
      <c r="D50" s="17">
        <v>149</v>
      </c>
    </row>
    <row r="51" spans="1:4" ht="18" customHeight="1" x14ac:dyDescent="0.2">
      <c r="A51" s="14">
        <v>38</v>
      </c>
      <c r="B51" s="15">
        <v>82</v>
      </c>
      <c r="C51" s="16">
        <v>80</v>
      </c>
      <c r="D51" s="17">
        <v>162</v>
      </c>
    </row>
    <row r="52" spans="1:4" ht="18" customHeight="1" x14ac:dyDescent="0.2">
      <c r="A52" s="14">
        <v>39</v>
      </c>
      <c r="B52" s="15">
        <v>76</v>
      </c>
      <c r="C52" s="16">
        <v>88</v>
      </c>
      <c r="D52" s="17">
        <v>164</v>
      </c>
    </row>
    <row r="53" spans="1:4" ht="18" customHeight="1" x14ac:dyDescent="0.2">
      <c r="A53" s="18" t="s">
        <v>56</v>
      </c>
      <c r="B53" s="15">
        <v>390</v>
      </c>
      <c r="C53" s="16">
        <v>368</v>
      </c>
      <c r="D53" s="17">
        <v>758</v>
      </c>
    </row>
    <row r="54" spans="1:4" ht="18" customHeight="1" x14ac:dyDescent="0.2">
      <c r="A54" s="14">
        <v>40</v>
      </c>
      <c r="B54" s="15">
        <v>76</v>
      </c>
      <c r="C54" s="16">
        <v>82</v>
      </c>
      <c r="D54" s="17">
        <v>158</v>
      </c>
    </row>
    <row r="55" spans="1:4" ht="18" customHeight="1" x14ac:dyDescent="0.2">
      <c r="A55" s="14">
        <v>41</v>
      </c>
      <c r="B55" s="15">
        <v>91</v>
      </c>
      <c r="C55" s="16">
        <v>86</v>
      </c>
      <c r="D55" s="17">
        <v>177</v>
      </c>
    </row>
    <row r="56" spans="1:4" ht="18" customHeight="1" x14ac:dyDescent="0.2">
      <c r="A56" s="14">
        <v>42</v>
      </c>
      <c r="B56" s="15">
        <v>82</v>
      </c>
      <c r="C56" s="16">
        <v>101</v>
      </c>
      <c r="D56" s="17">
        <v>183</v>
      </c>
    </row>
    <row r="57" spans="1:4" ht="18" customHeight="1" x14ac:dyDescent="0.2">
      <c r="A57" s="14">
        <v>43</v>
      </c>
      <c r="B57" s="15">
        <v>89</v>
      </c>
      <c r="C57" s="16">
        <v>88</v>
      </c>
      <c r="D57" s="17">
        <v>177</v>
      </c>
    </row>
    <row r="58" spans="1:4" ht="18" customHeight="1" x14ac:dyDescent="0.2">
      <c r="A58" s="14">
        <v>44</v>
      </c>
      <c r="B58" s="15">
        <v>91</v>
      </c>
      <c r="C58" s="16">
        <v>76</v>
      </c>
      <c r="D58" s="17">
        <v>167</v>
      </c>
    </row>
    <row r="59" spans="1:4" ht="18" customHeight="1" x14ac:dyDescent="0.2">
      <c r="A59" s="18" t="s">
        <v>57</v>
      </c>
      <c r="B59" s="15">
        <v>429</v>
      </c>
      <c r="C59" s="16">
        <v>433</v>
      </c>
      <c r="D59" s="17">
        <v>862</v>
      </c>
    </row>
    <row r="60" spans="1:4" ht="18" customHeight="1" x14ac:dyDescent="0.2">
      <c r="A60" s="14">
        <v>45</v>
      </c>
      <c r="B60" s="15">
        <v>94</v>
      </c>
      <c r="C60" s="16">
        <v>102</v>
      </c>
      <c r="D60" s="17">
        <v>196</v>
      </c>
    </row>
    <row r="61" spans="1:4" ht="18" customHeight="1" x14ac:dyDescent="0.2">
      <c r="A61" s="14">
        <v>46</v>
      </c>
      <c r="B61" s="15">
        <v>113</v>
      </c>
      <c r="C61" s="16">
        <v>89</v>
      </c>
      <c r="D61" s="17">
        <v>202</v>
      </c>
    </row>
    <row r="62" spans="1:4" ht="18" customHeight="1" x14ac:dyDescent="0.2">
      <c r="A62" s="14">
        <v>47</v>
      </c>
      <c r="B62" s="15">
        <v>98</v>
      </c>
      <c r="C62" s="16">
        <v>86</v>
      </c>
      <c r="D62" s="17">
        <v>184</v>
      </c>
    </row>
    <row r="63" spans="1:4" ht="18" customHeight="1" x14ac:dyDescent="0.2">
      <c r="A63" s="14">
        <v>48</v>
      </c>
      <c r="B63" s="15">
        <v>104</v>
      </c>
      <c r="C63" s="16">
        <v>90</v>
      </c>
      <c r="D63" s="17">
        <v>194</v>
      </c>
    </row>
    <row r="64" spans="1:4" ht="18" customHeight="1" x14ac:dyDescent="0.2">
      <c r="A64" s="14">
        <v>49</v>
      </c>
      <c r="B64" s="15">
        <v>76</v>
      </c>
      <c r="C64" s="16">
        <v>77</v>
      </c>
      <c r="D64" s="17">
        <v>153</v>
      </c>
    </row>
    <row r="65" spans="1:4" ht="18" customHeight="1" x14ac:dyDescent="0.2">
      <c r="A65" s="18" t="s">
        <v>58</v>
      </c>
      <c r="B65" s="15">
        <v>485</v>
      </c>
      <c r="C65" s="16">
        <v>444</v>
      </c>
      <c r="D65" s="17">
        <v>929</v>
      </c>
    </row>
    <row r="66" spans="1:4" ht="18" customHeight="1" x14ac:dyDescent="0.2">
      <c r="A66" s="14">
        <v>50</v>
      </c>
      <c r="B66" s="15">
        <v>90</v>
      </c>
      <c r="C66" s="16">
        <v>83</v>
      </c>
      <c r="D66" s="17">
        <v>173</v>
      </c>
    </row>
    <row r="67" spans="1:4" ht="18" customHeight="1" x14ac:dyDescent="0.2">
      <c r="A67" s="14">
        <v>51</v>
      </c>
      <c r="B67" s="15">
        <v>93</v>
      </c>
      <c r="C67" s="16">
        <v>94</v>
      </c>
      <c r="D67" s="17">
        <v>187</v>
      </c>
    </row>
    <row r="68" spans="1:4" ht="18" customHeight="1" x14ac:dyDescent="0.2">
      <c r="A68" s="14">
        <v>52</v>
      </c>
      <c r="B68" s="15">
        <v>56</v>
      </c>
      <c r="C68" s="16">
        <v>69</v>
      </c>
      <c r="D68" s="17">
        <v>125</v>
      </c>
    </row>
    <row r="69" spans="1:4" ht="18" customHeight="1" x14ac:dyDescent="0.2">
      <c r="A69" s="14">
        <v>53</v>
      </c>
      <c r="B69" s="15">
        <v>79</v>
      </c>
      <c r="C69" s="16">
        <v>70</v>
      </c>
      <c r="D69" s="17">
        <v>149</v>
      </c>
    </row>
    <row r="70" spans="1:4" ht="18" customHeight="1" x14ac:dyDescent="0.2">
      <c r="A70" s="14">
        <v>54</v>
      </c>
      <c r="B70" s="15">
        <v>83</v>
      </c>
      <c r="C70" s="16">
        <v>83</v>
      </c>
      <c r="D70" s="17">
        <v>166</v>
      </c>
    </row>
    <row r="71" spans="1:4" ht="18" customHeight="1" x14ac:dyDescent="0.2">
      <c r="A71" s="18" t="s">
        <v>59</v>
      </c>
      <c r="B71" s="15">
        <v>401</v>
      </c>
      <c r="C71" s="16">
        <v>399</v>
      </c>
      <c r="D71" s="17">
        <v>800</v>
      </c>
    </row>
    <row r="72" spans="1:4" ht="18" customHeight="1" x14ac:dyDescent="0.2">
      <c r="A72" s="14">
        <v>55</v>
      </c>
      <c r="B72" s="15">
        <v>64</v>
      </c>
      <c r="C72" s="16">
        <v>85</v>
      </c>
      <c r="D72" s="17">
        <v>149</v>
      </c>
    </row>
    <row r="73" spans="1:4" ht="18" customHeight="1" x14ac:dyDescent="0.2">
      <c r="A73" s="14">
        <v>56</v>
      </c>
      <c r="B73" s="15">
        <v>68</v>
      </c>
      <c r="C73" s="16">
        <v>80</v>
      </c>
      <c r="D73" s="17">
        <v>148</v>
      </c>
    </row>
    <row r="74" spans="1:4" ht="18" customHeight="1" x14ac:dyDescent="0.2">
      <c r="A74" s="14">
        <v>57</v>
      </c>
      <c r="B74" s="15">
        <v>72</v>
      </c>
      <c r="C74" s="16">
        <v>61</v>
      </c>
      <c r="D74" s="17">
        <v>133</v>
      </c>
    </row>
    <row r="75" spans="1:4" ht="18" customHeight="1" x14ac:dyDescent="0.2">
      <c r="A75" s="14">
        <v>58</v>
      </c>
      <c r="B75" s="15">
        <v>63</v>
      </c>
      <c r="C75" s="16">
        <v>71</v>
      </c>
      <c r="D75" s="17">
        <v>134</v>
      </c>
    </row>
    <row r="76" spans="1:4" ht="18" customHeight="1" x14ac:dyDescent="0.2">
      <c r="A76" s="14">
        <v>59</v>
      </c>
      <c r="B76" s="15">
        <v>80</v>
      </c>
      <c r="C76" s="16">
        <v>88</v>
      </c>
      <c r="D76" s="17">
        <v>168</v>
      </c>
    </row>
    <row r="77" spans="1:4" ht="18" customHeight="1" x14ac:dyDescent="0.2">
      <c r="A77" s="18" t="s">
        <v>60</v>
      </c>
      <c r="B77" s="15">
        <v>347</v>
      </c>
      <c r="C77" s="16">
        <v>385</v>
      </c>
      <c r="D77" s="17">
        <v>732</v>
      </c>
    </row>
    <row r="78" spans="1:4" ht="18" customHeight="1" x14ac:dyDescent="0.2">
      <c r="A78" s="14">
        <v>60</v>
      </c>
      <c r="B78" s="15">
        <v>84</v>
      </c>
      <c r="C78" s="16">
        <v>86</v>
      </c>
      <c r="D78" s="17">
        <v>170</v>
      </c>
    </row>
    <row r="79" spans="1:4" ht="18" customHeight="1" x14ac:dyDescent="0.2">
      <c r="A79" s="14">
        <v>61</v>
      </c>
      <c r="B79" s="15">
        <v>68</v>
      </c>
      <c r="C79" s="16">
        <v>72</v>
      </c>
      <c r="D79" s="17">
        <v>140</v>
      </c>
    </row>
    <row r="80" spans="1:4" ht="18" customHeight="1" x14ac:dyDescent="0.2">
      <c r="A80" s="14">
        <v>62</v>
      </c>
      <c r="B80" s="15">
        <v>68</v>
      </c>
      <c r="C80" s="16">
        <v>83</v>
      </c>
      <c r="D80" s="17">
        <v>151</v>
      </c>
    </row>
    <row r="81" spans="1:4" ht="18" customHeight="1" x14ac:dyDescent="0.2">
      <c r="A81" s="14">
        <v>63</v>
      </c>
      <c r="B81" s="15">
        <v>82</v>
      </c>
      <c r="C81" s="16">
        <v>87</v>
      </c>
      <c r="D81" s="17">
        <v>169</v>
      </c>
    </row>
    <row r="82" spans="1:4" ht="18" customHeight="1" x14ac:dyDescent="0.2">
      <c r="A82" s="14">
        <v>64</v>
      </c>
      <c r="B82" s="15">
        <v>80</v>
      </c>
      <c r="C82" s="16">
        <v>87</v>
      </c>
      <c r="D82" s="17">
        <v>167</v>
      </c>
    </row>
    <row r="83" spans="1:4" ht="18" customHeight="1" x14ac:dyDescent="0.2">
      <c r="A83" s="18" t="s">
        <v>61</v>
      </c>
      <c r="B83" s="15">
        <v>382</v>
      </c>
      <c r="C83" s="16">
        <v>415</v>
      </c>
      <c r="D83" s="17">
        <v>797</v>
      </c>
    </row>
    <row r="84" spans="1:4" ht="18" customHeight="1" x14ac:dyDescent="0.2">
      <c r="A84" s="18" t="s">
        <v>62</v>
      </c>
      <c r="B84" s="15">
        <v>3715</v>
      </c>
      <c r="C84" s="16">
        <v>3576</v>
      </c>
      <c r="D84" s="17">
        <v>7291</v>
      </c>
    </row>
    <row r="85" spans="1:4" ht="18" customHeight="1" x14ac:dyDescent="0.2">
      <c r="A85" s="14">
        <v>65</v>
      </c>
      <c r="B85" s="15">
        <v>95</v>
      </c>
      <c r="C85" s="16">
        <v>107</v>
      </c>
      <c r="D85" s="17">
        <v>202</v>
      </c>
    </row>
    <row r="86" spans="1:4" ht="18" customHeight="1" x14ac:dyDescent="0.2">
      <c r="A86" s="14">
        <v>66</v>
      </c>
      <c r="B86" s="15">
        <v>88</v>
      </c>
      <c r="C86" s="16">
        <v>77</v>
      </c>
      <c r="D86" s="17">
        <v>165</v>
      </c>
    </row>
    <row r="87" spans="1:4" ht="18" customHeight="1" x14ac:dyDescent="0.2">
      <c r="A87" s="14">
        <v>67</v>
      </c>
      <c r="B87" s="15">
        <v>83</v>
      </c>
      <c r="C87" s="16">
        <v>110</v>
      </c>
      <c r="D87" s="17">
        <v>193</v>
      </c>
    </row>
    <row r="88" spans="1:4" ht="18" customHeight="1" x14ac:dyDescent="0.2">
      <c r="A88" s="14">
        <v>68</v>
      </c>
      <c r="B88" s="15">
        <v>91</v>
      </c>
      <c r="C88" s="16">
        <v>103</v>
      </c>
      <c r="D88" s="17">
        <v>194</v>
      </c>
    </row>
    <row r="89" spans="1:4" ht="18" customHeight="1" x14ac:dyDescent="0.2">
      <c r="A89" s="14">
        <v>69</v>
      </c>
      <c r="B89" s="15">
        <v>108</v>
      </c>
      <c r="C89" s="16">
        <v>110</v>
      </c>
      <c r="D89" s="17">
        <v>218</v>
      </c>
    </row>
    <row r="90" spans="1:4" ht="18" customHeight="1" x14ac:dyDescent="0.2">
      <c r="A90" s="18" t="s">
        <v>63</v>
      </c>
      <c r="B90" s="15">
        <v>465</v>
      </c>
      <c r="C90" s="16">
        <v>507</v>
      </c>
      <c r="D90" s="17">
        <v>972</v>
      </c>
    </row>
    <row r="91" spans="1:4" ht="18" customHeight="1" x14ac:dyDescent="0.2">
      <c r="A91" s="14">
        <v>70</v>
      </c>
      <c r="B91" s="15">
        <v>115</v>
      </c>
      <c r="C91" s="16">
        <v>123</v>
      </c>
      <c r="D91" s="17">
        <v>238</v>
      </c>
    </row>
    <row r="92" spans="1:4" ht="18" customHeight="1" x14ac:dyDescent="0.2">
      <c r="A92" s="14">
        <v>71</v>
      </c>
      <c r="B92" s="15">
        <v>122</v>
      </c>
      <c r="C92" s="16">
        <v>117</v>
      </c>
      <c r="D92" s="17">
        <v>239</v>
      </c>
    </row>
    <row r="93" spans="1:4" ht="18" customHeight="1" x14ac:dyDescent="0.2">
      <c r="A93" s="14">
        <v>72</v>
      </c>
      <c r="B93" s="15">
        <v>57</v>
      </c>
      <c r="C93" s="16">
        <v>70</v>
      </c>
      <c r="D93" s="17">
        <v>127</v>
      </c>
    </row>
    <row r="94" spans="1:4" ht="18" customHeight="1" x14ac:dyDescent="0.2">
      <c r="A94" s="14">
        <v>73</v>
      </c>
      <c r="B94" s="15">
        <v>62</v>
      </c>
      <c r="C94" s="16">
        <v>85</v>
      </c>
      <c r="D94" s="17">
        <v>147</v>
      </c>
    </row>
    <row r="95" spans="1:4" ht="18" customHeight="1" x14ac:dyDescent="0.2">
      <c r="A95" s="14">
        <v>74</v>
      </c>
      <c r="B95" s="15">
        <v>76</v>
      </c>
      <c r="C95" s="16">
        <v>112</v>
      </c>
      <c r="D95" s="17">
        <v>188</v>
      </c>
    </row>
    <row r="96" spans="1:4" ht="18" customHeight="1" x14ac:dyDescent="0.2">
      <c r="A96" s="18" t="s">
        <v>64</v>
      </c>
      <c r="B96" s="15">
        <v>432</v>
      </c>
      <c r="C96" s="16">
        <v>507</v>
      </c>
      <c r="D96" s="17">
        <v>939</v>
      </c>
    </row>
    <row r="97" spans="1:4" ht="18" customHeight="1" x14ac:dyDescent="0.2">
      <c r="A97" s="14">
        <v>75</v>
      </c>
      <c r="B97" s="15">
        <v>87</v>
      </c>
      <c r="C97" s="16">
        <v>97</v>
      </c>
      <c r="D97" s="17">
        <v>184</v>
      </c>
    </row>
    <row r="98" spans="1:4" ht="18" customHeight="1" x14ac:dyDescent="0.2">
      <c r="A98" s="14">
        <v>76</v>
      </c>
      <c r="B98" s="15">
        <v>62</v>
      </c>
      <c r="C98" s="16">
        <v>91</v>
      </c>
      <c r="D98" s="17">
        <v>153</v>
      </c>
    </row>
    <row r="99" spans="1:4" ht="18" customHeight="1" x14ac:dyDescent="0.2">
      <c r="A99" s="14">
        <v>77</v>
      </c>
      <c r="B99" s="15">
        <v>80</v>
      </c>
      <c r="C99" s="16">
        <v>97</v>
      </c>
      <c r="D99" s="17">
        <v>177</v>
      </c>
    </row>
    <row r="100" spans="1:4" ht="18" customHeight="1" x14ac:dyDescent="0.2">
      <c r="A100" s="14">
        <v>78</v>
      </c>
      <c r="B100" s="15">
        <v>85</v>
      </c>
      <c r="C100" s="16">
        <v>86</v>
      </c>
      <c r="D100" s="17">
        <v>171</v>
      </c>
    </row>
    <row r="101" spans="1:4" ht="18" customHeight="1" x14ac:dyDescent="0.2">
      <c r="A101" s="14">
        <v>79</v>
      </c>
      <c r="B101" s="15">
        <v>47</v>
      </c>
      <c r="C101" s="16">
        <v>67</v>
      </c>
      <c r="D101" s="17">
        <v>114</v>
      </c>
    </row>
    <row r="102" spans="1:4" ht="18" customHeight="1" x14ac:dyDescent="0.2">
      <c r="A102" s="18" t="s">
        <v>65</v>
      </c>
      <c r="B102" s="15">
        <v>361</v>
      </c>
      <c r="C102" s="16">
        <v>438</v>
      </c>
      <c r="D102" s="17">
        <v>799</v>
      </c>
    </row>
    <row r="103" spans="1:4" ht="18" customHeight="1" x14ac:dyDescent="0.2">
      <c r="A103" s="14">
        <v>80</v>
      </c>
      <c r="B103" s="15">
        <v>48</v>
      </c>
      <c r="C103" s="16">
        <v>58</v>
      </c>
      <c r="D103" s="17">
        <v>106</v>
      </c>
    </row>
    <row r="104" spans="1:4" ht="18" customHeight="1" x14ac:dyDescent="0.2">
      <c r="A104" s="14">
        <v>81</v>
      </c>
      <c r="B104" s="15">
        <v>36</v>
      </c>
      <c r="C104" s="16">
        <v>64</v>
      </c>
      <c r="D104" s="17">
        <v>100</v>
      </c>
    </row>
    <row r="105" spans="1:4" ht="18" customHeight="1" x14ac:dyDescent="0.2">
      <c r="A105" s="14">
        <v>82</v>
      </c>
      <c r="B105" s="15">
        <v>44</v>
      </c>
      <c r="C105" s="16">
        <v>95</v>
      </c>
      <c r="D105" s="17">
        <v>139</v>
      </c>
    </row>
    <row r="106" spans="1:4" ht="18" customHeight="1" x14ac:dyDescent="0.2">
      <c r="A106" s="14">
        <v>83</v>
      </c>
      <c r="B106" s="15">
        <v>52</v>
      </c>
      <c r="C106" s="16">
        <v>68</v>
      </c>
      <c r="D106" s="17">
        <v>120</v>
      </c>
    </row>
    <row r="107" spans="1:4" ht="18" customHeight="1" x14ac:dyDescent="0.2">
      <c r="A107" s="14">
        <v>84</v>
      </c>
      <c r="B107" s="15">
        <v>36</v>
      </c>
      <c r="C107" s="16">
        <v>54</v>
      </c>
      <c r="D107" s="17">
        <v>90</v>
      </c>
    </row>
    <row r="108" spans="1:4" ht="18" customHeight="1" x14ac:dyDescent="0.2">
      <c r="A108" s="18" t="s">
        <v>66</v>
      </c>
      <c r="B108" s="15">
        <v>216</v>
      </c>
      <c r="C108" s="16">
        <v>339</v>
      </c>
      <c r="D108" s="17">
        <v>555</v>
      </c>
    </row>
    <row r="109" spans="1:4" ht="18" customHeight="1" x14ac:dyDescent="0.2">
      <c r="A109" s="14">
        <v>85</v>
      </c>
      <c r="B109" s="15">
        <v>44</v>
      </c>
      <c r="C109" s="16">
        <v>79</v>
      </c>
      <c r="D109" s="17">
        <v>123</v>
      </c>
    </row>
    <row r="110" spans="1:4" ht="18" customHeight="1" x14ac:dyDescent="0.2">
      <c r="A110" s="14">
        <v>86</v>
      </c>
      <c r="B110" s="15">
        <v>18</v>
      </c>
      <c r="C110" s="16">
        <v>67</v>
      </c>
      <c r="D110" s="17">
        <v>85</v>
      </c>
    </row>
    <row r="111" spans="1:4" ht="18" customHeight="1" x14ac:dyDescent="0.2">
      <c r="A111" s="14">
        <v>87</v>
      </c>
      <c r="B111" s="15">
        <v>33</v>
      </c>
      <c r="C111" s="16">
        <v>67</v>
      </c>
      <c r="D111" s="17">
        <v>100</v>
      </c>
    </row>
    <row r="112" spans="1:4" ht="18" customHeight="1" x14ac:dyDescent="0.2">
      <c r="A112" s="14">
        <v>88</v>
      </c>
      <c r="B112" s="15">
        <v>21</v>
      </c>
      <c r="C112" s="16">
        <v>35</v>
      </c>
      <c r="D112" s="17">
        <v>56</v>
      </c>
    </row>
    <row r="113" spans="1:4" ht="18" customHeight="1" x14ac:dyDescent="0.2">
      <c r="A113" s="14">
        <v>89</v>
      </c>
      <c r="B113" s="15">
        <v>18</v>
      </c>
      <c r="C113" s="16">
        <v>46</v>
      </c>
      <c r="D113" s="17">
        <v>64</v>
      </c>
    </row>
    <row r="114" spans="1:4" ht="18" customHeight="1" x14ac:dyDescent="0.2">
      <c r="A114" s="18" t="s">
        <v>67</v>
      </c>
      <c r="B114" s="15">
        <v>134</v>
      </c>
      <c r="C114" s="16">
        <v>294</v>
      </c>
      <c r="D114" s="17">
        <v>428</v>
      </c>
    </row>
    <row r="115" spans="1:4" ht="18" customHeight="1" x14ac:dyDescent="0.2">
      <c r="A115" s="14">
        <v>90</v>
      </c>
      <c r="B115" s="15">
        <v>18</v>
      </c>
      <c r="C115" s="16">
        <v>26</v>
      </c>
      <c r="D115" s="17">
        <v>44</v>
      </c>
    </row>
    <row r="116" spans="1:4" ht="18" customHeight="1" x14ac:dyDescent="0.2">
      <c r="A116" s="14">
        <v>91</v>
      </c>
      <c r="B116" s="15">
        <v>12</v>
      </c>
      <c r="C116" s="16">
        <v>25</v>
      </c>
      <c r="D116" s="17">
        <v>37</v>
      </c>
    </row>
    <row r="117" spans="1:4" ht="18" customHeight="1" x14ac:dyDescent="0.2">
      <c r="A117" s="14">
        <v>92</v>
      </c>
      <c r="B117" s="15">
        <v>9</v>
      </c>
      <c r="C117" s="16">
        <v>19</v>
      </c>
      <c r="D117" s="17">
        <v>28</v>
      </c>
    </row>
    <row r="118" spans="1:4" ht="18" customHeight="1" x14ac:dyDescent="0.2">
      <c r="A118" s="14">
        <v>93</v>
      </c>
      <c r="B118" s="15">
        <v>3</v>
      </c>
      <c r="C118" s="16">
        <v>27</v>
      </c>
      <c r="D118" s="17">
        <v>30</v>
      </c>
    </row>
    <row r="119" spans="1:4" ht="18" customHeight="1" x14ac:dyDescent="0.2">
      <c r="A119" s="14">
        <v>94</v>
      </c>
      <c r="B119" s="15">
        <v>2</v>
      </c>
      <c r="C119" s="16">
        <v>11</v>
      </c>
      <c r="D119" s="17">
        <v>13</v>
      </c>
    </row>
    <row r="120" spans="1:4" ht="18" customHeight="1" x14ac:dyDescent="0.2">
      <c r="A120" s="18" t="s">
        <v>68</v>
      </c>
      <c r="B120" s="15">
        <v>44</v>
      </c>
      <c r="C120" s="16">
        <v>108</v>
      </c>
      <c r="D120" s="17">
        <v>152</v>
      </c>
    </row>
    <row r="121" spans="1:4" ht="18" customHeight="1" x14ac:dyDescent="0.2">
      <c r="A121" s="14">
        <v>95</v>
      </c>
      <c r="B121" s="15">
        <v>4</v>
      </c>
      <c r="C121" s="16">
        <v>18</v>
      </c>
      <c r="D121" s="17">
        <v>22</v>
      </c>
    </row>
    <row r="122" spans="1:4" ht="18" customHeight="1" x14ac:dyDescent="0.2">
      <c r="A122" s="14">
        <v>96</v>
      </c>
      <c r="B122" s="15">
        <v>4</v>
      </c>
      <c r="C122" s="16">
        <v>13</v>
      </c>
      <c r="D122" s="17">
        <v>17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2</v>
      </c>
      <c r="C125" s="16">
        <v>3</v>
      </c>
      <c r="D125" s="17">
        <v>5</v>
      </c>
    </row>
    <row r="126" spans="1:4" ht="18" customHeight="1" x14ac:dyDescent="0.2">
      <c r="A126" s="18" t="s">
        <v>69</v>
      </c>
      <c r="B126" s="15">
        <v>11</v>
      </c>
      <c r="C126" s="16">
        <v>43</v>
      </c>
      <c r="D126" s="17">
        <v>54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1665</v>
      </c>
      <c r="C130" s="5">
        <v>2238</v>
      </c>
      <c r="D130" s="6">
        <v>3903</v>
      </c>
    </row>
    <row r="131" spans="1:4" ht="18" customHeight="1" x14ac:dyDescent="0.2">
      <c r="A131" s="20" t="s">
        <v>47</v>
      </c>
      <c r="B131" s="7">
        <v>6127</v>
      </c>
      <c r="C131" s="8">
        <v>6515</v>
      </c>
      <c r="D131" s="9">
        <v>126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</v>
      </c>
      <c r="C5" s="12">
        <v>11</v>
      </c>
      <c r="D5" s="13">
        <v>14</v>
      </c>
    </row>
    <row r="6" spans="1:10" ht="18" customHeight="1" x14ac:dyDescent="0.2">
      <c r="A6" s="14">
        <v>1</v>
      </c>
      <c r="B6" s="15">
        <v>7</v>
      </c>
      <c r="C6" s="16">
        <v>9</v>
      </c>
      <c r="D6" s="17">
        <v>16</v>
      </c>
    </row>
    <row r="7" spans="1:10" ht="18" customHeight="1" x14ac:dyDescent="0.2">
      <c r="A7" s="14">
        <v>2</v>
      </c>
      <c r="B7" s="15">
        <v>11</v>
      </c>
      <c r="C7" s="16">
        <v>7</v>
      </c>
      <c r="D7" s="17">
        <v>18</v>
      </c>
    </row>
    <row r="8" spans="1:10" ht="18" customHeight="1" x14ac:dyDescent="0.2">
      <c r="A8" s="14">
        <v>3</v>
      </c>
      <c r="B8" s="15">
        <v>7</v>
      </c>
      <c r="C8" s="16">
        <v>11</v>
      </c>
      <c r="D8" s="17">
        <v>18</v>
      </c>
    </row>
    <row r="9" spans="1:10" ht="18" customHeight="1" x14ac:dyDescent="0.2">
      <c r="A9" s="14">
        <v>4</v>
      </c>
      <c r="B9" s="15">
        <v>5</v>
      </c>
      <c r="C9" s="16">
        <v>7</v>
      </c>
      <c r="D9" s="17">
        <v>12</v>
      </c>
    </row>
    <row r="10" spans="1:10" ht="18" customHeight="1" x14ac:dyDescent="0.2">
      <c r="A10" s="18" t="s">
        <v>74</v>
      </c>
      <c r="B10" s="15">
        <v>33</v>
      </c>
      <c r="C10" s="16">
        <v>45</v>
      </c>
      <c r="D10" s="17">
        <v>78</v>
      </c>
    </row>
    <row r="11" spans="1:10" ht="18" customHeight="1" x14ac:dyDescent="0.2">
      <c r="A11" s="14">
        <v>5</v>
      </c>
      <c r="B11" s="15">
        <v>13</v>
      </c>
      <c r="C11" s="16">
        <v>12</v>
      </c>
      <c r="D11" s="17">
        <v>25</v>
      </c>
    </row>
    <row r="12" spans="1:10" ht="18" customHeight="1" x14ac:dyDescent="0.2">
      <c r="A12" s="14">
        <v>6</v>
      </c>
      <c r="B12" s="15">
        <v>10</v>
      </c>
      <c r="C12" s="16">
        <v>8</v>
      </c>
      <c r="D12" s="17">
        <v>18</v>
      </c>
    </row>
    <row r="13" spans="1:10" ht="18" customHeight="1" x14ac:dyDescent="0.2">
      <c r="A13" s="14">
        <v>7</v>
      </c>
      <c r="B13" s="15">
        <v>17</v>
      </c>
      <c r="C13" s="16">
        <v>8</v>
      </c>
      <c r="D13" s="17">
        <v>25</v>
      </c>
    </row>
    <row r="14" spans="1:10" ht="18" customHeight="1" x14ac:dyDescent="0.2">
      <c r="A14" s="14">
        <v>8</v>
      </c>
      <c r="B14" s="15">
        <v>15</v>
      </c>
      <c r="C14" s="16">
        <v>10</v>
      </c>
      <c r="D14" s="17">
        <v>25</v>
      </c>
    </row>
    <row r="15" spans="1:10" ht="18" customHeight="1" x14ac:dyDescent="0.2">
      <c r="A15" s="14">
        <v>9</v>
      </c>
      <c r="B15" s="15">
        <v>12</v>
      </c>
      <c r="C15" s="16">
        <v>9</v>
      </c>
      <c r="D15" s="17">
        <v>21</v>
      </c>
    </row>
    <row r="16" spans="1:10" ht="18" customHeight="1" x14ac:dyDescent="0.2">
      <c r="A16" s="18" t="s">
        <v>75</v>
      </c>
      <c r="B16" s="15">
        <v>67</v>
      </c>
      <c r="C16" s="16">
        <v>47</v>
      </c>
      <c r="D16" s="17">
        <v>114</v>
      </c>
    </row>
    <row r="17" spans="1:4" ht="18" customHeight="1" x14ac:dyDescent="0.2">
      <c r="A17" s="14">
        <v>10</v>
      </c>
      <c r="B17" s="15">
        <v>17</v>
      </c>
      <c r="C17" s="16">
        <v>22</v>
      </c>
      <c r="D17" s="17">
        <v>39</v>
      </c>
    </row>
    <row r="18" spans="1:4" ht="18" customHeight="1" x14ac:dyDescent="0.2">
      <c r="A18" s="14">
        <v>11</v>
      </c>
      <c r="B18" s="15">
        <v>17</v>
      </c>
      <c r="C18" s="16">
        <v>13</v>
      </c>
      <c r="D18" s="17">
        <v>30</v>
      </c>
    </row>
    <row r="19" spans="1:4" ht="18" customHeight="1" x14ac:dyDescent="0.2">
      <c r="A19" s="14">
        <v>12</v>
      </c>
      <c r="B19" s="15">
        <v>12</v>
      </c>
      <c r="C19" s="16">
        <v>19</v>
      </c>
      <c r="D19" s="17">
        <v>31</v>
      </c>
    </row>
    <row r="20" spans="1:4" ht="18" customHeight="1" x14ac:dyDescent="0.2">
      <c r="A20" s="14">
        <v>13</v>
      </c>
      <c r="B20" s="15">
        <v>12</v>
      </c>
      <c r="C20" s="16">
        <v>13</v>
      </c>
      <c r="D20" s="17">
        <v>25</v>
      </c>
    </row>
    <row r="21" spans="1:4" ht="18" customHeight="1" x14ac:dyDescent="0.2">
      <c r="A21" s="14">
        <v>14</v>
      </c>
      <c r="B21" s="15">
        <v>14</v>
      </c>
      <c r="C21" s="16">
        <v>18</v>
      </c>
      <c r="D21" s="17">
        <v>32</v>
      </c>
    </row>
    <row r="22" spans="1:4" ht="18" customHeight="1" x14ac:dyDescent="0.2">
      <c r="A22" s="18" t="s">
        <v>76</v>
      </c>
      <c r="B22" s="15">
        <v>72</v>
      </c>
      <c r="C22" s="16">
        <v>85</v>
      </c>
      <c r="D22" s="17">
        <v>157</v>
      </c>
    </row>
    <row r="23" spans="1:4" ht="18" customHeight="1" x14ac:dyDescent="0.2">
      <c r="A23" s="18" t="s">
        <v>77</v>
      </c>
      <c r="B23" s="15">
        <v>172</v>
      </c>
      <c r="C23" s="16">
        <v>177</v>
      </c>
      <c r="D23" s="17">
        <v>349</v>
      </c>
    </row>
    <row r="24" spans="1:4" ht="18" customHeight="1" x14ac:dyDescent="0.2">
      <c r="A24" s="14">
        <v>15</v>
      </c>
      <c r="B24" s="15">
        <v>19</v>
      </c>
      <c r="C24" s="16">
        <v>14</v>
      </c>
      <c r="D24" s="17">
        <v>33</v>
      </c>
    </row>
    <row r="25" spans="1:4" ht="18" customHeight="1" x14ac:dyDescent="0.2">
      <c r="A25" s="14">
        <v>16</v>
      </c>
      <c r="B25" s="15">
        <v>12</v>
      </c>
      <c r="C25" s="16">
        <v>11</v>
      </c>
      <c r="D25" s="17">
        <v>23</v>
      </c>
    </row>
    <row r="26" spans="1:4" ht="18" customHeight="1" x14ac:dyDescent="0.2">
      <c r="A26" s="14">
        <v>17</v>
      </c>
      <c r="B26" s="15">
        <v>13</v>
      </c>
      <c r="C26" s="16">
        <v>13</v>
      </c>
      <c r="D26" s="17">
        <v>26</v>
      </c>
    </row>
    <row r="27" spans="1:4" ht="18" customHeight="1" x14ac:dyDescent="0.2">
      <c r="A27" s="14">
        <v>18</v>
      </c>
      <c r="B27" s="15">
        <v>10</v>
      </c>
      <c r="C27" s="16">
        <v>17</v>
      </c>
      <c r="D27" s="17">
        <v>27</v>
      </c>
    </row>
    <row r="28" spans="1:4" ht="18" customHeight="1" x14ac:dyDescent="0.2">
      <c r="A28" s="14">
        <v>19</v>
      </c>
      <c r="B28" s="15">
        <v>15</v>
      </c>
      <c r="C28" s="16">
        <v>17</v>
      </c>
      <c r="D28" s="17">
        <v>32</v>
      </c>
    </row>
    <row r="29" spans="1:4" ht="18" customHeight="1" x14ac:dyDescent="0.2">
      <c r="A29" s="18" t="s">
        <v>78</v>
      </c>
      <c r="B29" s="15">
        <v>69</v>
      </c>
      <c r="C29" s="16">
        <v>72</v>
      </c>
      <c r="D29" s="17">
        <v>141</v>
      </c>
    </row>
    <row r="30" spans="1:4" ht="18" customHeight="1" x14ac:dyDescent="0.2">
      <c r="A30" s="14">
        <v>20</v>
      </c>
      <c r="B30" s="15">
        <v>10</v>
      </c>
      <c r="C30" s="16">
        <v>11</v>
      </c>
      <c r="D30" s="17">
        <v>21</v>
      </c>
    </row>
    <row r="31" spans="1:4" ht="18" customHeight="1" x14ac:dyDescent="0.2">
      <c r="A31" s="14">
        <v>21</v>
      </c>
      <c r="B31" s="15">
        <v>16</v>
      </c>
      <c r="C31" s="16">
        <v>10</v>
      </c>
      <c r="D31" s="17">
        <v>26</v>
      </c>
    </row>
    <row r="32" spans="1:4" ht="18" customHeight="1" x14ac:dyDescent="0.2">
      <c r="A32" s="14">
        <v>22</v>
      </c>
      <c r="B32" s="15">
        <v>26</v>
      </c>
      <c r="C32" s="16">
        <v>17</v>
      </c>
      <c r="D32" s="17">
        <v>43</v>
      </c>
    </row>
    <row r="33" spans="1:4" ht="18" customHeight="1" x14ac:dyDescent="0.2">
      <c r="A33" s="14">
        <v>23</v>
      </c>
      <c r="B33" s="15">
        <v>19</v>
      </c>
      <c r="C33" s="16">
        <v>13</v>
      </c>
      <c r="D33" s="17">
        <v>32</v>
      </c>
    </row>
    <row r="34" spans="1:4" ht="18" customHeight="1" x14ac:dyDescent="0.2">
      <c r="A34" s="14">
        <v>24</v>
      </c>
      <c r="B34" s="15">
        <v>30</v>
      </c>
      <c r="C34" s="16">
        <v>9</v>
      </c>
      <c r="D34" s="17">
        <v>39</v>
      </c>
    </row>
    <row r="35" spans="1:4" ht="18" customHeight="1" x14ac:dyDescent="0.2">
      <c r="A35" s="18" t="s">
        <v>79</v>
      </c>
      <c r="B35" s="15">
        <v>101</v>
      </c>
      <c r="C35" s="16">
        <v>60</v>
      </c>
      <c r="D35" s="17">
        <v>161</v>
      </c>
    </row>
    <row r="36" spans="1:4" ht="18" customHeight="1" x14ac:dyDescent="0.2">
      <c r="A36" s="14">
        <v>25</v>
      </c>
      <c r="B36" s="15">
        <v>21</v>
      </c>
      <c r="C36" s="16">
        <v>12</v>
      </c>
      <c r="D36" s="17">
        <v>33</v>
      </c>
    </row>
    <row r="37" spans="1:4" ht="18" customHeight="1" x14ac:dyDescent="0.2">
      <c r="A37" s="14">
        <v>26</v>
      </c>
      <c r="B37" s="15">
        <v>12</v>
      </c>
      <c r="C37" s="16">
        <v>5</v>
      </c>
      <c r="D37" s="17">
        <v>17</v>
      </c>
    </row>
    <row r="38" spans="1:4" ht="18" customHeight="1" x14ac:dyDescent="0.2">
      <c r="A38" s="14">
        <v>27</v>
      </c>
      <c r="B38" s="15">
        <v>11</v>
      </c>
      <c r="C38" s="16">
        <v>7</v>
      </c>
      <c r="D38" s="17">
        <v>18</v>
      </c>
    </row>
    <row r="39" spans="1:4" ht="18" customHeight="1" x14ac:dyDescent="0.2">
      <c r="A39" s="14">
        <v>28</v>
      </c>
      <c r="B39" s="15">
        <v>11</v>
      </c>
      <c r="C39" s="16">
        <v>13</v>
      </c>
      <c r="D39" s="17">
        <v>24</v>
      </c>
    </row>
    <row r="40" spans="1:4" ht="18" customHeight="1" x14ac:dyDescent="0.2">
      <c r="A40" s="14">
        <v>29</v>
      </c>
      <c r="B40" s="15">
        <v>9</v>
      </c>
      <c r="C40" s="16">
        <v>6</v>
      </c>
      <c r="D40" s="17">
        <v>15</v>
      </c>
    </row>
    <row r="41" spans="1:4" ht="18" customHeight="1" x14ac:dyDescent="0.2">
      <c r="A41" s="18" t="s">
        <v>80</v>
      </c>
      <c r="B41" s="15">
        <v>64</v>
      </c>
      <c r="C41" s="16">
        <v>43</v>
      </c>
      <c r="D41" s="17">
        <v>107</v>
      </c>
    </row>
    <row r="42" spans="1:4" ht="18" customHeight="1" x14ac:dyDescent="0.2">
      <c r="A42" s="14">
        <v>30</v>
      </c>
      <c r="B42" s="15">
        <v>11</v>
      </c>
      <c r="C42" s="16">
        <v>10</v>
      </c>
      <c r="D42" s="17">
        <v>21</v>
      </c>
    </row>
    <row r="43" spans="1:4" ht="18" customHeight="1" x14ac:dyDescent="0.2">
      <c r="A43" s="14">
        <v>31</v>
      </c>
      <c r="B43" s="15">
        <v>15</v>
      </c>
      <c r="C43" s="16">
        <v>8</v>
      </c>
      <c r="D43" s="17">
        <v>23</v>
      </c>
    </row>
    <row r="44" spans="1:4" ht="18" customHeight="1" x14ac:dyDescent="0.2">
      <c r="A44" s="14">
        <v>32</v>
      </c>
      <c r="B44" s="15">
        <v>11</v>
      </c>
      <c r="C44" s="16">
        <v>15</v>
      </c>
      <c r="D44" s="17">
        <v>26</v>
      </c>
    </row>
    <row r="45" spans="1:4" ht="18" customHeight="1" x14ac:dyDescent="0.2">
      <c r="A45" s="14">
        <v>33</v>
      </c>
      <c r="B45" s="15">
        <v>19</v>
      </c>
      <c r="C45" s="16">
        <v>11</v>
      </c>
      <c r="D45" s="17">
        <v>30</v>
      </c>
    </row>
    <row r="46" spans="1:4" ht="18" customHeight="1" x14ac:dyDescent="0.2">
      <c r="A46" s="14">
        <v>34</v>
      </c>
      <c r="B46" s="15">
        <v>23</v>
      </c>
      <c r="C46" s="16">
        <v>11</v>
      </c>
      <c r="D46" s="17">
        <v>34</v>
      </c>
    </row>
    <row r="47" spans="1:4" ht="18" customHeight="1" x14ac:dyDescent="0.2">
      <c r="A47" s="18" t="s">
        <v>81</v>
      </c>
      <c r="B47" s="15">
        <v>79</v>
      </c>
      <c r="C47" s="16">
        <v>55</v>
      </c>
      <c r="D47" s="17">
        <v>134</v>
      </c>
    </row>
    <row r="48" spans="1:4" ht="18" customHeight="1" x14ac:dyDescent="0.2">
      <c r="A48" s="14">
        <v>35</v>
      </c>
      <c r="B48" s="15">
        <v>21</v>
      </c>
      <c r="C48" s="16">
        <v>16</v>
      </c>
      <c r="D48" s="17">
        <v>37</v>
      </c>
    </row>
    <row r="49" spans="1:4" ht="18" customHeight="1" x14ac:dyDescent="0.2">
      <c r="A49" s="14">
        <v>36</v>
      </c>
      <c r="B49" s="15">
        <v>14</v>
      </c>
      <c r="C49" s="16">
        <v>19</v>
      </c>
      <c r="D49" s="17">
        <v>33</v>
      </c>
    </row>
    <row r="50" spans="1:4" ht="18" customHeight="1" x14ac:dyDescent="0.2">
      <c r="A50" s="14">
        <v>37</v>
      </c>
      <c r="B50" s="15">
        <v>20</v>
      </c>
      <c r="C50" s="16">
        <v>11</v>
      </c>
      <c r="D50" s="17">
        <v>31</v>
      </c>
    </row>
    <row r="51" spans="1:4" ht="18" customHeight="1" x14ac:dyDescent="0.2">
      <c r="A51" s="14">
        <v>38</v>
      </c>
      <c r="B51" s="15">
        <v>16</v>
      </c>
      <c r="C51" s="16">
        <v>13</v>
      </c>
      <c r="D51" s="17">
        <v>29</v>
      </c>
    </row>
    <row r="52" spans="1:4" ht="18" customHeight="1" x14ac:dyDescent="0.2">
      <c r="A52" s="14">
        <v>39</v>
      </c>
      <c r="B52" s="15">
        <v>23</v>
      </c>
      <c r="C52" s="16">
        <v>10</v>
      </c>
      <c r="D52" s="17">
        <v>33</v>
      </c>
    </row>
    <row r="53" spans="1:4" ht="18" customHeight="1" x14ac:dyDescent="0.2">
      <c r="A53" s="18" t="s">
        <v>82</v>
      </c>
      <c r="B53" s="15">
        <v>94</v>
      </c>
      <c r="C53" s="16">
        <v>69</v>
      </c>
      <c r="D53" s="17">
        <v>163</v>
      </c>
    </row>
    <row r="54" spans="1:4" ht="18" customHeight="1" x14ac:dyDescent="0.2">
      <c r="A54" s="14">
        <v>40</v>
      </c>
      <c r="B54" s="15">
        <v>18</v>
      </c>
      <c r="C54" s="16">
        <v>13</v>
      </c>
      <c r="D54" s="17">
        <v>31</v>
      </c>
    </row>
    <row r="55" spans="1:4" ht="18" customHeight="1" x14ac:dyDescent="0.2">
      <c r="A55" s="14">
        <v>41</v>
      </c>
      <c r="B55" s="15">
        <v>16</v>
      </c>
      <c r="C55" s="16">
        <v>26</v>
      </c>
      <c r="D55" s="17">
        <v>42</v>
      </c>
    </row>
    <row r="56" spans="1:4" ht="18" customHeight="1" x14ac:dyDescent="0.2">
      <c r="A56" s="14">
        <v>42</v>
      </c>
      <c r="B56" s="15">
        <v>19</v>
      </c>
      <c r="C56" s="16">
        <v>30</v>
      </c>
      <c r="D56" s="17">
        <v>49</v>
      </c>
    </row>
    <row r="57" spans="1:4" ht="18" customHeight="1" x14ac:dyDescent="0.2">
      <c r="A57" s="14">
        <v>43</v>
      </c>
      <c r="B57" s="15">
        <v>19</v>
      </c>
      <c r="C57" s="16">
        <v>18</v>
      </c>
      <c r="D57" s="17">
        <v>37</v>
      </c>
    </row>
    <row r="58" spans="1:4" ht="18" customHeight="1" x14ac:dyDescent="0.2">
      <c r="A58" s="14">
        <v>44</v>
      </c>
      <c r="B58" s="15">
        <v>16</v>
      </c>
      <c r="C58" s="16">
        <v>28</v>
      </c>
      <c r="D58" s="17">
        <v>44</v>
      </c>
    </row>
    <row r="59" spans="1:4" ht="18" customHeight="1" x14ac:dyDescent="0.2">
      <c r="A59" s="18" t="s">
        <v>83</v>
      </c>
      <c r="B59" s="15">
        <v>88</v>
      </c>
      <c r="C59" s="16">
        <v>115</v>
      </c>
      <c r="D59" s="17">
        <v>203</v>
      </c>
    </row>
    <row r="60" spans="1:4" ht="18" customHeight="1" x14ac:dyDescent="0.2">
      <c r="A60" s="14">
        <v>45</v>
      </c>
      <c r="B60" s="15">
        <v>26</v>
      </c>
      <c r="C60" s="16">
        <v>28</v>
      </c>
      <c r="D60" s="17">
        <v>54</v>
      </c>
    </row>
    <row r="61" spans="1:4" ht="18" customHeight="1" x14ac:dyDescent="0.2">
      <c r="A61" s="14">
        <v>46</v>
      </c>
      <c r="B61" s="15">
        <v>22</v>
      </c>
      <c r="C61" s="16">
        <v>24</v>
      </c>
      <c r="D61" s="17">
        <v>46</v>
      </c>
    </row>
    <row r="62" spans="1:4" ht="18" customHeight="1" x14ac:dyDescent="0.2">
      <c r="A62" s="14">
        <v>47</v>
      </c>
      <c r="B62" s="15">
        <v>30</v>
      </c>
      <c r="C62" s="16">
        <v>20</v>
      </c>
      <c r="D62" s="17">
        <v>50</v>
      </c>
    </row>
    <row r="63" spans="1:4" ht="18" customHeight="1" x14ac:dyDescent="0.2">
      <c r="A63" s="14">
        <v>48</v>
      </c>
      <c r="B63" s="15">
        <v>24</v>
      </c>
      <c r="C63" s="16">
        <v>22</v>
      </c>
      <c r="D63" s="17">
        <v>46</v>
      </c>
    </row>
    <row r="64" spans="1:4" ht="18" customHeight="1" x14ac:dyDescent="0.2">
      <c r="A64" s="14">
        <v>49</v>
      </c>
      <c r="B64" s="15">
        <v>22</v>
      </c>
      <c r="C64" s="16">
        <v>15</v>
      </c>
      <c r="D64" s="17">
        <v>37</v>
      </c>
    </row>
    <row r="65" spans="1:4" ht="18" customHeight="1" x14ac:dyDescent="0.2">
      <c r="A65" s="18" t="s">
        <v>84</v>
      </c>
      <c r="B65" s="15">
        <v>124</v>
      </c>
      <c r="C65" s="16">
        <v>109</v>
      </c>
      <c r="D65" s="17">
        <v>233</v>
      </c>
    </row>
    <row r="66" spans="1:4" ht="18" customHeight="1" x14ac:dyDescent="0.2">
      <c r="A66" s="14">
        <v>50</v>
      </c>
      <c r="B66" s="15">
        <v>17</v>
      </c>
      <c r="C66" s="16">
        <v>29</v>
      </c>
      <c r="D66" s="17">
        <v>46</v>
      </c>
    </row>
    <row r="67" spans="1:4" ht="18" customHeight="1" x14ac:dyDescent="0.2">
      <c r="A67" s="14">
        <v>51</v>
      </c>
      <c r="B67" s="15">
        <v>27</v>
      </c>
      <c r="C67" s="16">
        <v>19</v>
      </c>
      <c r="D67" s="17">
        <v>46</v>
      </c>
    </row>
    <row r="68" spans="1:4" ht="18" customHeight="1" x14ac:dyDescent="0.2">
      <c r="A68" s="14">
        <v>52</v>
      </c>
      <c r="B68" s="15">
        <v>11</v>
      </c>
      <c r="C68" s="16">
        <v>17</v>
      </c>
      <c r="D68" s="17">
        <v>28</v>
      </c>
    </row>
    <row r="69" spans="1:4" ht="18" customHeight="1" x14ac:dyDescent="0.2">
      <c r="A69" s="14">
        <v>53</v>
      </c>
      <c r="B69" s="15">
        <v>28</v>
      </c>
      <c r="C69" s="16">
        <v>23</v>
      </c>
      <c r="D69" s="17">
        <v>51</v>
      </c>
    </row>
    <row r="70" spans="1:4" ht="18" customHeight="1" x14ac:dyDescent="0.2">
      <c r="A70" s="14">
        <v>54</v>
      </c>
      <c r="B70" s="15">
        <v>16</v>
      </c>
      <c r="C70" s="16">
        <v>27</v>
      </c>
      <c r="D70" s="17">
        <v>43</v>
      </c>
    </row>
    <row r="71" spans="1:4" ht="18" customHeight="1" x14ac:dyDescent="0.2">
      <c r="A71" s="18" t="s">
        <v>85</v>
      </c>
      <c r="B71" s="15">
        <v>99</v>
      </c>
      <c r="C71" s="16">
        <v>115</v>
      </c>
      <c r="D71" s="17">
        <v>214</v>
      </c>
    </row>
    <row r="72" spans="1:4" ht="18" customHeight="1" x14ac:dyDescent="0.2">
      <c r="A72" s="14">
        <v>55</v>
      </c>
      <c r="B72" s="15">
        <v>22</v>
      </c>
      <c r="C72" s="16">
        <v>23</v>
      </c>
      <c r="D72" s="17">
        <v>45</v>
      </c>
    </row>
    <row r="73" spans="1:4" ht="18" customHeight="1" x14ac:dyDescent="0.2">
      <c r="A73" s="14">
        <v>56</v>
      </c>
      <c r="B73" s="15">
        <v>11</v>
      </c>
      <c r="C73" s="16">
        <v>14</v>
      </c>
      <c r="D73" s="17">
        <v>25</v>
      </c>
    </row>
    <row r="74" spans="1:4" ht="18" customHeight="1" x14ac:dyDescent="0.2">
      <c r="A74" s="14">
        <v>57</v>
      </c>
      <c r="B74" s="15">
        <v>21</v>
      </c>
      <c r="C74" s="16">
        <v>15</v>
      </c>
      <c r="D74" s="17">
        <v>36</v>
      </c>
    </row>
    <row r="75" spans="1:4" ht="18" customHeight="1" x14ac:dyDescent="0.2">
      <c r="A75" s="14">
        <v>58</v>
      </c>
      <c r="B75" s="15">
        <v>23</v>
      </c>
      <c r="C75" s="16">
        <v>20</v>
      </c>
      <c r="D75" s="17">
        <v>43</v>
      </c>
    </row>
    <row r="76" spans="1:4" ht="18" customHeight="1" x14ac:dyDescent="0.2">
      <c r="A76" s="14">
        <v>59</v>
      </c>
      <c r="B76" s="15">
        <v>11</v>
      </c>
      <c r="C76" s="16">
        <v>20</v>
      </c>
      <c r="D76" s="17">
        <v>31</v>
      </c>
    </row>
    <row r="77" spans="1:4" ht="18" customHeight="1" x14ac:dyDescent="0.2">
      <c r="A77" s="18" t="s">
        <v>86</v>
      </c>
      <c r="B77" s="15">
        <v>88</v>
      </c>
      <c r="C77" s="16">
        <v>92</v>
      </c>
      <c r="D77" s="17">
        <v>180</v>
      </c>
    </row>
    <row r="78" spans="1:4" ht="18" customHeight="1" x14ac:dyDescent="0.2">
      <c r="A78" s="14">
        <v>60</v>
      </c>
      <c r="B78" s="15">
        <v>17</v>
      </c>
      <c r="C78" s="16">
        <v>12</v>
      </c>
      <c r="D78" s="17">
        <v>29</v>
      </c>
    </row>
    <row r="79" spans="1:4" ht="18" customHeight="1" x14ac:dyDescent="0.2">
      <c r="A79" s="14">
        <v>61</v>
      </c>
      <c r="B79" s="15">
        <v>18</v>
      </c>
      <c r="C79" s="16">
        <v>16</v>
      </c>
      <c r="D79" s="17">
        <v>34</v>
      </c>
    </row>
    <row r="80" spans="1:4" ht="18" customHeight="1" x14ac:dyDescent="0.2">
      <c r="A80" s="14">
        <v>62</v>
      </c>
      <c r="B80" s="15">
        <v>17</v>
      </c>
      <c r="C80" s="16">
        <v>17</v>
      </c>
      <c r="D80" s="17">
        <v>34</v>
      </c>
    </row>
    <row r="81" spans="1:4" ht="18" customHeight="1" x14ac:dyDescent="0.2">
      <c r="A81" s="14">
        <v>63</v>
      </c>
      <c r="B81" s="15">
        <v>15</v>
      </c>
      <c r="C81" s="16">
        <v>19</v>
      </c>
      <c r="D81" s="17">
        <v>34</v>
      </c>
    </row>
    <row r="82" spans="1:4" ht="18" customHeight="1" x14ac:dyDescent="0.2">
      <c r="A82" s="14">
        <v>64</v>
      </c>
      <c r="B82" s="15">
        <v>18</v>
      </c>
      <c r="C82" s="16">
        <v>20</v>
      </c>
      <c r="D82" s="17">
        <v>38</v>
      </c>
    </row>
    <row r="83" spans="1:4" ht="18" customHeight="1" x14ac:dyDescent="0.2">
      <c r="A83" s="18" t="s">
        <v>87</v>
      </c>
      <c r="B83" s="15">
        <v>85</v>
      </c>
      <c r="C83" s="16">
        <v>84</v>
      </c>
      <c r="D83" s="17">
        <v>169</v>
      </c>
    </row>
    <row r="84" spans="1:4" ht="18" customHeight="1" x14ac:dyDescent="0.2">
      <c r="A84" s="18" t="s">
        <v>88</v>
      </c>
      <c r="B84" s="15">
        <v>891</v>
      </c>
      <c r="C84" s="16">
        <v>814</v>
      </c>
      <c r="D84" s="17">
        <v>1705</v>
      </c>
    </row>
    <row r="85" spans="1:4" ht="18" customHeight="1" x14ac:dyDescent="0.2">
      <c r="A85" s="14">
        <v>65</v>
      </c>
      <c r="B85" s="15">
        <v>21</v>
      </c>
      <c r="C85" s="16">
        <v>37</v>
      </c>
      <c r="D85" s="17">
        <v>58</v>
      </c>
    </row>
    <row r="86" spans="1:4" ht="18" customHeight="1" x14ac:dyDescent="0.2">
      <c r="A86" s="14">
        <v>66</v>
      </c>
      <c r="B86" s="15">
        <v>18</v>
      </c>
      <c r="C86" s="16">
        <v>24</v>
      </c>
      <c r="D86" s="17">
        <v>42</v>
      </c>
    </row>
    <row r="87" spans="1:4" ht="18" customHeight="1" x14ac:dyDescent="0.2">
      <c r="A87" s="14">
        <v>67</v>
      </c>
      <c r="B87" s="15">
        <v>17</v>
      </c>
      <c r="C87" s="16">
        <v>28</v>
      </c>
      <c r="D87" s="17">
        <v>45</v>
      </c>
    </row>
    <row r="88" spans="1:4" ht="18" customHeight="1" x14ac:dyDescent="0.2">
      <c r="A88" s="14">
        <v>68</v>
      </c>
      <c r="B88" s="15">
        <v>21</v>
      </c>
      <c r="C88" s="16">
        <v>20</v>
      </c>
      <c r="D88" s="17">
        <v>41</v>
      </c>
    </row>
    <row r="89" spans="1:4" ht="18" customHeight="1" x14ac:dyDescent="0.2">
      <c r="A89" s="14">
        <v>69</v>
      </c>
      <c r="B89" s="15">
        <v>30</v>
      </c>
      <c r="C89" s="16">
        <v>31</v>
      </c>
      <c r="D89" s="17">
        <v>61</v>
      </c>
    </row>
    <row r="90" spans="1:4" ht="18" customHeight="1" x14ac:dyDescent="0.2">
      <c r="A90" s="18" t="s">
        <v>89</v>
      </c>
      <c r="B90" s="15">
        <v>107</v>
      </c>
      <c r="C90" s="16">
        <v>140</v>
      </c>
      <c r="D90" s="17">
        <v>247</v>
      </c>
    </row>
    <row r="91" spans="1:4" ht="18" customHeight="1" x14ac:dyDescent="0.2">
      <c r="A91" s="14">
        <v>70</v>
      </c>
      <c r="B91" s="15">
        <v>20</v>
      </c>
      <c r="C91" s="16">
        <v>39</v>
      </c>
      <c r="D91" s="17">
        <v>59</v>
      </c>
    </row>
    <row r="92" spans="1:4" ht="18" customHeight="1" x14ac:dyDescent="0.2">
      <c r="A92" s="14">
        <v>71</v>
      </c>
      <c r="B92" s="15">
        <v>23</v>
      </c>
      <c r="C92" s="16">
        <v>29</v>
      </c>
      <c r="D92" s="17">
        <v>52</v>
      </c>
    </row>
    <row r="93" spans="1:4" ht="18" customHeight="1" x14ac:dyDescent="0.2">
      <c r="A93" s="14">
        <v>72</v>
      </c>
      <c r="B93" s="15">
        <v>17</v>
      </c>
      <c r="C93" s="16">
        <v>17</v>
      </c>
      <c r="D93" s="17">
        <v>34</v>
      </c>
    </row>
    <row r="94" spans="1:4" ht="18" customHeight="1" x14ac:dyDescent="0.2">
      <c r="A94" s="14">
        <v>73</v>
      </c>
      <c r="B94" s="15">
        <v>13</v>
      </c>
      <c r="C94" s="16">
        <v>12</v>
      </c>
      <c r="D94" s="17">
        <v>25</v>
      </c>
    </row>
    <row r="95" spans="1:4" ht="18" customHeight="1" x14ac:dyDescent="0.2">
      <c r="A95" s="14">
        <v>74</v>
      </c>
      <c r="B95" s="15">
        <v>19</v>
      </c>
      <c r="C95" s="16">
        <v>20</v>
      </c>
      <c r="D95" s="17">
        <v>39</v>
      </c>
    </row>
    <row r="96" spans="1:4" ht="18" customHeight="1" x14ac:dyDescent="0.2">
      <c r="A96" s="18" t="s">
        <v>90</v>
      </c>
      <c r="B96" s="15">
        <v>92</v>
      </c>
      <c r="C96" s="16">
        <v>117</v>
      </c>
      <c r="D96" s="17">
        <v>209</v>
      </c>
    </row>
    <row r="97" spans="1:4" ht="18" customHeight="1" x14ac:dyDescent="0.2">
      <c r="A97" s="14">
        <v>75</v>
      </c>
      <c r="B97" s="15">
        <v>21</v>
      </c>
      <c r="C97" s="16">
        <v>21</v>
      </c>
      <c r="D97" s="17">
        <v>42</v>
      </c>
    </row>
    <row r="98" spans="1:4" ht="18" customHeight="1" x14ac:dyDescent="0.2">
      <c r="A98" s="14">
        <v>76</v>
      </c>
      <c r="B98" s="15">
        <v>14</v>
      </c>
      <c r="C98" s="16">
        <v>15</v>
      </c>
      <c r="D98" s="17">
        <v>29</v>
      </c>
    </row>
    <row r="99" spans="1:4" ht="18" customHeight="1" x14ac:dyDescent="0.2">
      <c r="A99" s="14">
        <v>77</v>
      </c>
      <c r="B99" s="15">
        <v>11</v>
      </c>
      <c r="C99" s="16">
        <v>15</v>
      </c>
      <c r="D99" s="17">
        <v>26</v>
      </c>
    </row>
    <row r="100" spans="1:4" ht="18" customHeight="1" x14ac:dyDescent="0.2">
      <c r="A100" s="14">
        <v>78</v>
      </c>
      <c r="B100" s="15">
        <v>14</v>
      </c>
      <c r="C100" s="16">
        <v>22</v>
      </c>
      <c r="D100" s="17">
        <v>36</v>
      </c>
    </row>
    <row r="101" spans="1:4" ht="18" customHeight="1" x14ac:dyDescent="0.2">
      <c r="A101" s="14">
        <v>79</v>
      </c>
      <c r="B101" s="15">
        <v>5</v>
      </c>
      <c r="C101" s="16">
        <v>11</v>
      </c>
      <c r="D101" s="17">
        <v>16</v>
      </c>
    </row>
    <row r="102" spans="1:4" ht="18" customHeight="1" x14ac:dyDescent="0.2">
      <c r="A102" s="18" t="s">
        <v>91</v>
      </c>
      <c r="B102" s="15">
        <v>65</v>
      </c>
      <c r="C102" s="16">
        <v>84</v>
      </c>
      <c r="D102" s="17">
        <v>149</v>
      </c>
    </row>
    <row r="103" spans="1:4" ht="18" customHeight="1" x14ac:dyDescent="0.2">
      <c r="A103" s="14">
        <v>80</v>
      </c>
      <c r="B103" s="15">
        <v>11</v>
      </c>
      <c r="C103" s="16">
        <v>18</v>
      </c>
      <c r="D103" s="17">
        <v>29</v>
      </c>
    </row>
    <row r="104" spans="1:4" ht="18" customHeight="1" x14ac:dyDescent="0.2">
      <c r="A104" s="14">
        <v>81</v>
      </c>
      <c r="B104" s="15">
        <v>10</v>
      </c>
      <c r="C104" s="16">
        <v>15</v>
      </c>
      <c r="D104" s="17">
        <v>25</v>
      </c>
    </row>
    <row r="105" spans="1:4" ht="18" customHeight="1" x14ac:dyDescent="0.2">
      <c r="A105" s="14">
        <v>82</v>
      </c>
      <c r="B105" s="15">
        <v>14</v>
      </c>
      <c r="C105" s="16">
        <v>23</v>
      </c>
      <c r="D105" s="17">
        <v>37</v>
      </c>
    </row>
    <row r="106" spans="1:4" ht="18" customHeight="1" x14ac:dyDescent="0.2">
      <c r="A106" s="14">
        <v>83</v>
      </c>
      <c r="B106" s="15">
        <v>7</v>
      </c>
      <c r="C106" s="16">
        <v>17</v>
      </c>
      <c r="D106" s="17">
        <v>24</v>
      </c>
    </row>
    <row r="107" spans="1:4" ht="18" customHeight="1" x14ac:dyDescent="0.2">
      <c r="A107" s="14">
        <v>84</v>
      </c>
      <c r="B107" s="15">
        <v>10</v>
      </c>
      <c r="C107" s="16">
        <v>19</v>
      </c>
      <c r="D107" s="17">
        <v>29</v>
      </c>
    </row>
    <row r="108" spans="1:4" ht="18" customHeight="1" x14ac:dyDescent="0.2">
      <c r="A108" s="18" t="s">
        <v>92</v>
      </c>
      <c r="B108" s="15">
        <v>52</v>
      </c>
      <c r="C108" s="16">
        <v>92</v>
      </c>
      <c r="D108" s="17">
        <v>144</v>
      </c>
    </row>
    <row r="109" spans="1:4" ht="18" customHeight="1" x14ac:dyDescent="0.2">
      <c r="A109" s="14">
        <v>85</v>
      </c>
      <c r="B109" s="15">
        <v>12</v>
      </c>
      <c r="C109" s="16">
        <v>17</v>
      </c>
      <c r="D109" s="17">
        <v>29</v>
      </c>
    </row>
    <row r="110" spans="1:4" ht="18" customHeight="1" x14ac:dyDescent="0.2">
      <c r="A110" s="14">
        <v>86</v>
      </c>
      <c r="B110" s="15">
        <v>5</v>
      </c>
      <c r="C110" s="16">
        <v>14</v>
      </c>
      <c r="D110" s="17">
        <v>19</v>
      </c>
    </row>
    <row r="111" spans="1:4" ht="18" customHeight="1" x14ac:dyDescent="0.2">
      <c r="A111" s="14">
        <v>87</v>
      </c>
      <c r="B111" s="15">
        <v>5</v>
      </c>
      <c r="C111" s="16">
        <v>22</v>
      </c>
      <c r="D111" s="17">
        <v>27</v>
      </c>
    </row>
    <row r="112" spans="1:4" ht="18" customHeight="1" x14ac:dyDescent="0.2">
      <c r="A112" s="14">
        <v>88</v>
      </c>
      <c r="B112" s="15">
        <v>10</v>
      </c>
      <c r="C112" s="16">
        <v>12</v>
      </c>
      <c r="D112" s="17">
        <v>22</v>
      </c>
    </row>
    <row r="113" spans="1:4" ht="18" customHeight="1" x14ac:dyDescent="0.2">
      <c r="A113" s="14">
        <v>89</v>
      </c>
      <c r="B113" s="15">
        <v>2</v>
      </c>
      <c r="C113" s="16">
        <v>13</v>
      </c>
      <c r="D113" s="17">
        <v>15</v>
      </c>
    </row>
    <row r="114" spans="1:4" ht="18" customHeight="1" x14ac:dyDescent="0.2">
      <c r="A114" s="18" t="s">
        <v>93</v>
      </c>
      <c r="B114" s="15">
        <v>34</v>
      </c>
      <c r="C114" s="16">
        <v>78</v>
      </c>
      <c r="D114" s="17">
        <v>112</v>
      </c>
    </row>
    <row r="115" spans="1:4" ht="18" customHeight="1" x14ac:dyDescent="0.2">
      <c r="A115" s="14">
        <v>90</v>
      </c>
      <c r="B115" s="15">
        <v>7</v>
      </c>
      <c r="C115" s="16">
        <v>12</v>
      </c>
      <c r="D115" s="17">
        <v>19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4</v>
      </c>
      <c r="C117" s="16">
        <v>13</v>
      </c>
      <c r="D117" s="17">
        <v>17</v>
      </c>
    </row>
    <row r="118" spans="1:4" ht="18" customHeight="1" x14ac:dyDescent="0.2">
      <c r="A118" s="14">
        <v>93</v>
      </c>
      <c r="B118" s="15">
        <v>3</v>
      </c>
      <c r="C118" s="16">
        <v>6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94</v>
      </c>
      <c r="B120" s="15">
        <v>17</v>
      </c>
      <c r="C120" s="16">
        <v>45</v>
      </c>
      <c r="D120" s="17">
        <v>62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95</v>
      </c>
      <c r="B126" s="15">
        <v>5</v>
      </c>
      <c r="C126" s="16">
        <v>19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96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97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8</v>
      </c>
      <c r="B130" s="4">
        <v>372</v>
      </c>
      <c r="C130" s="5">
        <v>576</v>
      </c>
      <c r="D130" s="6">
        <v>948</v>
      </c>
    </row>
    <row r="131" spans="1:4" ht="18" customHeight="1" x14ac:dyDescent="0.2">
      <c r="A131" s="20" t="s">
        <v>47</v>
      </c>
      <c r="B131" s="7">
        <v>1435</v>
      </c>
      <c r="C131" s="8">
        <v>1567</v>
      </c>
      <c r="D131" s="9">
        <v>300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6</v>
      </c>
      <c r="C5" s="12">
        <v>13</v>
      </c>
      <c r="D5" s="13">
        <v>29</v>
      </c>
    </row>
    <row r="6" spans="1:10" ht="18" customHeight="1" x14ac:dyDescent="0.2">
      <c r="A6" s="14">
        <v>1</v>
      </c>
      <c r="B6" s="15">
        <v>15</v>
      </c>
      <c r="C6" s="16">
        <v>16</v>
      </c>
      <c r="D6" s="17">
        <v>31</v>
      </c>
    </row>
    <row r="7" spans="1:10" ht="18" customHeight="1" x14ac:dyDescent="0.2">
      <c r="A7" s="14">
        <v>2</v>
      </c>
      <c r="B7" s="15">
        <v>13</v>
      </c>
      <c r="C7" s="16">
        <v>14</v>
      </c>
      <c r="D7" s="17">
        <v>27</v>
      </c>
    </row>
    <row r="8" spans="1:10" ht="18" customHeight="1" x14ac:dyDescent="0.2">
      <c r="A8" s="14">
        <v>3</v>
      </c>
      <c r="B8" s="15">
        <v>9</v>
      </c>
      <c r="C8" s="16">
        <v>6</v>
      </c>
      <c r="D8" s="17">
        <v>15</v>
      </c>
    </row>
    <row r="9" spans="1:10" ht="18" customHeight="1" x14ac:dyDescent="0.2">
      <c r="A9" s="14">
        <v>4</v>
      </c>
      <c r="B9" s="15">
        <v>13</v>
      </c>
      <c r="C9" s="16">
        <v>11</v>
      </c>
      <c r="D9" s="17">
        <v>24</v>
      </c>
    </row>
    <row r="10" spans="1:10" ht="18" customHeight="1" x14ac:dyDescent="0.2">
      <c r="A10" s="18" t="s">
        <v>48</v>
      </c>
      <c r="B10" s="15">
        <v>66</v>
      </c>
      <c r="C10" s="16">
        <v>60</v>
      </c>
      <c r="D10" s="17">
        <v>126</v>
      </c>
    </row>
    <row r="11" spans="1:10" ht="18" customHeight="1" x14ac:dyDescent="0.2">
      <c r="A11" s="14">
        <v>5</v>
      </c>
      <c r="B11" s="15">
        <v>21</v>
      </c>
      <c r="C11" s="16">
        <v>18</v>
      </c>
      <c r="D11" s="17">
        <v>39</v>
      </c>
    </row>
    <row r="12" spans="1:10" ht="18" customHeight="1" x14ac:dyDescent="0.2">
      <c r="A12" s="14">
        <v>6</v>
      </c>
      <c r="B12" s="15">
        <v>18</v>
      </c>
      <c r="C12" s="16">
        <v>14</v>
      </c>
      <c r="D12" s="17">
        <v>32</v>
      </c>
    </row>
    <row r="13" spans="1:10" ht="18" customHeight="1" x14ac:dyDescent="0.2">
      <c r="A13" s="14">
        <v>7</v>
      </c>
      <c r="B13" s="15">
        <v>14</v>
      </c>
      <c r="C13" s="16">
        <v>12</v>
      </c>
      <c r="D13" s="17">
        <v>26</v>
      </c>
    </row>
    <row r="14" spans="1:10" ht="18" customHeight="1" x14ac:dyDescent="0.2">
      <c r="A14" s="14">
        <v>8</v>
      </c>
      <c r="B14" s="15">
        <v>12</v>
      </c>
      <c r="C14" s="16">
        <v>16</v>
      </c>
      <c r="D14" s="17">
        <v>28</v>
      </c>
    </row>
    <row r="15" spans="1:10" ht="18" customHeight="1" x14ac:dyDescent="0.2">
      <c r="A15" s="14">
        <v>9</v>
      </c>
      <c r="B15" s="15">
        <v>13</v>
      </c>
      <c r="C15" s="16">
        <v>12</v>
      </c>
      <c r="D15" s="17">
        <v>25</v>
      </c>
    </row>
    <row r="16" spans="1:10" ht="18" customHeight="1" x14ac:dyDescent="0.2">
      <c r="A16" s="18" t="s">
        <v>49</v>
      </c>
      <c r="B16" s="15">
        <v>78</v>
      </c>
      <c r="C16" s="16">
        <v>72</v>
      </c>
      <c r="D16" s="17">
        <v>150</v>
      </c>
    </row>
    <row r="17" spans="1:4" ht="18" customHeight="1" x14ac:dyDescent="0.2">
      <c r="A17" s="14">
        <v>10</v>
      </c>
      <c r="B17" s="15">
        <v>14</v>
      </c>
      <c r="C17" s="16">
        <v>13</v>
      </c>
      <c r="D17" s="17">
        <v>27</v>
      </c>
    </row>
    <row r="18" spans="1:4" ht="18" customHeight="1" x14ac:dyDescent="0.2">
      <c r="A18" s="14">
        <v>11</v>
      </c>
      <c r="B18" s="15">
        <v>16</v>
      </c>
      <c r="C18" s="16">
        <v>15</v>
      </c>
      <c r="D18" s="17">
        <v>31</v>
      </c>
    </row>
    <row r="19" spans="1:4" ht="18" customHeight="1" x14ac:dyDescent="0.2">
      <c r="A19" s="14">
        <v>12</v>
      </c>
      <c r="B19" s="15">
        <v>8</v>
      </c>
      <c r="C19" s="16">
        <v>17</v>
      </c>
      <c r="D19" s="17">
        <v>25</v>
      </c>
    </row>
    <row r="20" spans="1:4" ht="18" customHeight="1" x14ac:dyDescent="0.2">
      <c r="A20" s="14">
        <v>13</v>
      </c>
      <c r="B20" s="15">
        <v>14</v>
      </c>
      <c r="C20" s="16">
        <v>15</v>
      </c>
      <c r="D20" s="17">
        <v>29</v>
      </c>
    </row>
    <row r="21" spans="1:4" ht="18" customHeight="1" x14ac:dyDescent="0.2">
      <c r="A21" s="14">
        <v>14</v>
      </c>
      <c r="B21" s="15">
        <v>13</v>
      </c>
      <c r="C21" s="16">
        <v>16</v>
      </c>
      <c r="D21" s="17">
        <v>29</v>
      </c>
    </row>
    <row r="22" spans="1:4" ht="18" customHeight="1" x14ac:dyDescent="0.2">
      <c r="A22" s="18" t="s">
        <v>50</v>
      </c>
      <c r="B22" s="15">
        <v>65</v>
      </c>
      <c r="C22" s="16">
        <v>76</v>
      </c>
      <c r="D22" s="17">
        <v>141</v>
      </c>
    </row>
    <row r="23" spans="1:4" ht="18" customHeight="1" x14ac:dyDescent="0.2">
      <c r="A23" s="18" t="s">
        <v>51</v>
      </c>
      <c r="B23" s="15">
        <v>209</v>
      </c>
      <c r="C23" s="16">
        <v>208</v>
      </c>
      <c r="D23" s="17">
        <v>417</v>
      </c>
    </row>
    <row r="24" spans="1:4" ht="18" customHeight="1" x14ac:dyDescent="0.2">
      <c r="A24" s="14">
        <v>15</v>
      </c>
      <c r="B24" s="15">
        <v>16</v>
      </c>
      <c r="C24" s="16">
        <v>18</v>
      </c>
      <c r="D24" s="17">
        <v>34</v>
      </c>
    </row>
    <row r="25" spans="1:4" ht="18" customHeight="1" x14ac:dyDescent="0.2">
      <c r="A25" s="14">
        <v>16</v>
      </c>
      <c r="B25" s="15">
        <v>18</v>
      </c>
      <c r="C25" s="16">
        <v>13</v>
      </c>
      <c r="D25" s="17">
        <v>31</v>
      </c>
    </row>
    <row r="26" spans="1:4" ht="18" customHeight="1" x14ac:dyDescent="0.2">
      <c r="A26" s="14">
        <v>17</v>
      </c>
      <c r="B26" s="15">
        <v>21</v>
      </c>
      <c r="C26" s="16">
        <v>15</v>
      </c>
      <c r="D26" s="17">
        <v>36</v>
      </c>
    </row>
    <row r="27" spans="1:4" ht="18" customHeight="1" x14ac:dyDescent="0.2">
      <c r="A27" s="14">
        <v>18</v>
      </c>
      <c r="B27" s="15">
        <v>29</v>
      </c>
      <c r="C27" s="16">
        <v>16</v>
      </c>
      <c r="D27" s="17">
        <v>45</v>
      </c>
    </row>
    <row r="28" spans="1:4" ht="18" customHeight="1" x14ac:dyDescent="0.2">
      <c r="A28" s="14">
        <v>19</v>
      </c>
      <c r="B28" s="15">
        <v>15</v>
      </c>
      <c r="C28" s="16">
        <v>19</v>
      </c>
      <c r="D28" s="17">
        <v>34</v>
      </c>
    </row>
    <row r="29" spans="1:4" ht="18" customHeight="1" x14ac:dyDescent="0.2">
      <c r="A29" s="18" t="s">
        <v>52</v>
      </c>
      <c r="B29" s="15">
        <v>99</v>
      </c>
      <c r="C29" s="16">
        <v>81</v>
      </c>
      <c r="D29" s="17">
        <v>180</v>
      </c>
    </row>
    <row r="30" spans="1:4" ht="18" customHeight="1" x14ac:dyDescent="0.2">
      <c r="A30" s="14">
        <v>20</v>
      </c>
      <c r="B30" s="15">
        <v>17</v>
      </c>
      <c r="C30" s="16">
        <v>29</v>
      </c>
      <c r="D30" s="17">
        <v>46</v>
      </c>
    </row>
    <row r="31" spans="1:4" ht="18" customHeight="1" x14ac:dyDescent="0.2">
      <c r="A31" s="14">
        <v>21</v>
      </c>
      <c r="B31" s="15">
        <v>24</v>
      </c>
      <c r="C31" s="16">
        <v>18</v>
      </c>
      <c r="D31" s="17">
        <v>42</v>
      </c>
    </row>
    <row r="32" spans="1:4" ht="18" customHeight="1" x14ac:dyDescent="0.2">
      <c r="A32" s="14">
        <v>22</v>
      </c>
      <c r="B32" s="15">
        <v>17</v>
      </c>
      <c r="C32" s="16">
        <v>18</v>
      </c>
      <c r="D32" s="17">
        <v>35</v>
      </c>
    </row>
    <row r="33" spans="1:4" ht="18" customHeight="1" x14ac:dyDescent="0.2">
      <c r="A33" s="14">
        <v>23</v>
      </c>
      <c r="B33" s="15">
        <v>21</v>
      </c>
      <c r="C33" s="16">
        <v>19</v>
      </c>
      <c r="D33" s="17">
        <v>40</v>
      </c>
    </row>
    <row r="34" spans="1:4" ht="18" customHeight="1" x14ac:dyDescent="0.2">
      <c r="A34" s="14">
        <v>24</v>
      </c>
      <c r="B34" s="15">
        <v>26</v>
      </c>
      <c r="C34" s="16">
        <v>22</v>
      </c>
      <c r="D34" s="17">
        <v>48</v>
      </c>
    </row>
    <row r="35" spans="1:4" ht="18" customHeight="1" x14ac:dyDescent="0.2">
      <c r="A35" s="18" t="s">
        <v>53</v>
      </c>
      <c r="B35" s="15">
        <v>105</v>
      </c>
      <c r="C35" s="16">
        <v>106</v>
      </c>
      <c r="D35" s="17">
        <v>211</v>
      </c>
    </row>
    <row r="36" spans="1:4" ht="18" customHeight="1" x14ac:dyDescent="0.2">
      <c r="A36" s="14">
        <v>25</v>
      </c>
      <c r="B36" s="15">
        <v>13</v>
      </c>
      <c r="C36" s="16">
        <v>27</v>
      </c>
      <c r="D36" s="17">
        <v>40</v>
      </c>
    </row>
    <row r="37" spans="1:4" ht="18" customHeight="1" x14ac:dyDescent="0.2">
      <c r="A37" s="14">
        <v>26</v>
      </c>
      <c r="B37" s="15">
        <v>20</v>
      </c>
      <c r="C37" s="16">
        <v>14</v>
      </c>
      <c r="D37" s="17">
        <v>34</v>
      </c>
    </row>
    <row r="38" spans="1:4" ht="18" customHeight="1" x14ac:dyDescent="0.2">
      <c r="A38" s="14">
        <v>27</v>
      </c>
      <c r="B38" s="15">
        <v>21</v>
      </c>
      <c r="C38" s="16">
        <v>14</v>
      </c>
      <c r="D38" s="17">
        <v>35</v>
      </c>
    </row>
    <row r="39" spans="1:4" ht="18" customHeight="1" x14ac:dyDescent="0.2">
      <c r="A39" s="14">
        <v>28</v>
      </c>
      <c r="B39" s="15">
        <v>20</v>
      </c>
      <c r="C39" s="16">
        <v>24</v>
      </c>
      <c r="D39" s="17">
        <v>44</v>
      </c>
    </row>
    <row r="40" spans="1:4" ht="18" customHeight="1" x14ac:dyDescent="0.2">
      <c r="A40" s="14">
        <v>29</v>
      </c>
      <c r="B40" s="15">
        <v>17</v>
      </c>
      <c r="C40" s="16">
        <v>14</v>
      </c>
      <c r="D40" s="17">
        <v>31</v>
      </c>
    </row>
    <row r="41" spans="1:4" ht="18" customHeight="1" x14ac:dyDescent="0.2">
      <c r="A41" s="18" t="s">
        <v>54</v>
      </c>
      <c r="B41" s="15">
        <v>91</v>
      </c>
      <c r="C41" s="16">
        <v>93</v>
      </c>
      <c r="D41" s="17">
        <v>184</v>
      </c>
    </row>
    <row r="42" spans="1:4" ht="18" customHeight="1" x14ac:dyDescent="0.2">
      <c r="A42" s="14">
        <v>30</v>
      </c>
      <c r="B42" s="15">
        <v>30</v>
      </c>
      <c r="C42" s="16">
        <v>19</v>
      </c>
      <c r="D42" s="17">
        <v>49</v>
      </c>
    </row>
    <row r="43" spans="1:4" ht="18" customHeight="1" x14ac:dyDescent="0.2">
      <c r="A43" s="14">
        <v>31</v>
      </c>
      <c r="B43" s="15">
        <v>23</v>
      </c>
      <c r="C43" s="16">
        <v>16</v>
      </c>
      <c r="D43" s="17">
        <v>39</v>
      </c>
    </row>
    <row r="44" spans="1:4" ht="18" customHeight="1" x14ac:dyDescent="0.2">
      <c r="A44" s="14">
        <v>32</v>
      </c>
      <c r="B44" s="15">
        <v>25</v>
      </c>
      <c r="C44" s="16">
        <v>24</v>
      </c>
      <c r="D44" s="17">
        <v>49</v>
      </c>
    </row>
    <row r="45" spans="1:4" ht="18" customHeight="1" x14ac:dyDescent="0.2">
      <c r="A45" s="14">
        <v>33</v>
      </c>
      <c r="B45" s="15">
        <v>24</v>
      </c>
      <c r="C45" s="16">
        <v>16</v>
      </c>
      <c r="D45" s="17">
        <v>40</v>
      </c>
    </row>
    <row r="46" spans="1:4" ht="18" customHeight="1" x14ac:dyDescent="0.2">
      <c r="A46" s="14">
        <v>34</v>
      </c>
      <c r="B46" s="15">
        <v>23</v>
      </c>
      <c r="C46" s="16">
        <v>23</v>
      </c>
      <c r="D46" s="17">
        <v>46</v>
      </c>
    </row>
    <row r="47" spans="1:4" ht="18" customHeight="1" x14ac:dyDescent="0.2">
      <c r="A47" s="18" t="s">
        <v>55</v>
      </c>
      <c r="B47" s="15">
        <v>125</v>
      </c>
      <c r="C47" s="16">
        <v>98</v>
      </c>
      <c r="D47" s="17">
        <v>223</v>
      </c>
    </row>
    <row r="48" spans="1:4" ht="18" customHeight="1" x14ac:dyDescent="0.2">
      <c r="A48" s="14">
        <v>35</v>
      </c>
      <c r="B48" s="15">
        <v>18</v>
      </c>
      <c r="C48" s="16">
        <v>23</v>
      </c>
      <c r="D48" s="17">
        <v>41</v>
      </c>
    </row>
    <row r="49" spans="1:4" ht="18" customHeight="1" x14ac:dyDescent="0.2">
      <c r="A49" s="14">
        <v>36</v>
      </c>
      <c r="B49" s="15">
        <v>13</v>
      </c>
      <c r="C49" s="16">
        <v>23</v>
      </c>
      <c r="D49" s="17">
        <v>36</v>
      </c>
    </row>
    <row r="50" spans="1:4" ht="18" customHeight="1" x14ac:dyDescent="0.2">
      <c r="A50" s="14">
        <v>37</v>
      </c>
      <c r="B50" s="15">
        <v>17</v>
      </c>
      <c r="C50" s="16">
        <v>12</v>
      </c>
      <c r="D50" s="17">
        <v>29</v>
      </c>
    </row>
    <row r="51" spans="1:4" ht="18" customHeight="1" x14ac:dyDescent="0.2">
      <c r="A51" s="14">
        <v>38</v>
      </c>
      <c r="B51" s="15">
        <v>24</v>
      </c>
      <c r="C51" s="16">
        <v>28</v>
      </c>
      <c r="D51" s="17">
        <v>52</v>
      </c>
    </row>
    <row r="52" spans="1:4" ht="18" customHeight="1" x14ac:dyDescent="0.2">
      <c r="A52" s="14">
        <v>39</v>
      </c>
      <c r="B52" s="15">
        <v>25</v>
      </c>
      <c r="C52" s="16">
        <v>21</v>
      </c>
      <c r="D52" s="17">
        <v>46</v>
      </c>
    </row>
    <row r="53" spans="1:4" ht="18" customHeight="1" x14ac:dyDescent="0.2">
      <c r="A53" s="18" t="s">
        <v>56</v>
      </c>
      <c r="B53" s="15">
        <v>97</v>
      </c>
      <c r="C53" s="16">
        <v>107</v>
      </c>
      <c r="D53" s="17">
        <v>204</v>
      </c>
    </row>
    <row r="54" spans="1:4" ht="18" customHeight="1" x14ac:dyDescent="0.2">
      <c r="A54" s="14">
        <v>40</v>
      </c>
      <c r="B54" s="15">
        <v>26</v>
      </c>
      <c r="C54" s="16">
        <v>26</v>
      </c>
      <c r="D54" s="17">
        <v>52</v>
      </c>
    </row>
    <row r="55" spans="1:4" ht="18" customHeight="1" x14ac:dyDescent="0.2">
      <c r="A55" s="14">
        <v>41</v>
      </c>
      <c r="B55" s="15">
        <v>26</v>
      </c>
      <c r="C55" s="16">
        <v>18</v>
      </c>
      <c r="D55" s="17">
        <v>44</v>
      </c>
    </row>
    <row r="56" spans="1:4" ht="18" customHeight="1" x14ac:dyDescent="0.2">
      <c r="A56" s="14">
        <v>42</v>
      </c>
      <c r="B56" s="15">
        <v>30</v>
      </c>
      <c r="C56" s="16">
        <v>23</v>
      </c>
      <c r="D56" s="17">
        <v>53</v>
      </c>
    </row>
    <row r="57" spans="1:4" ht="18" customHeight="1" x14ac:dyDescent="0.2">
      <c r="A57" s="14">
        <v>43</v>
      </c>
      <c r="B57" s="15">
        <v>30</v>
      </c>
      <c r="C57" s="16">
        <v>25</v>
      </c>
      <c r="D57" s="17">
        <v>55</v>
      </c>
    </row>
    <row r="58" spans="1:4" ht="18" customHeight="1" x14ac:dyDescent="0.2">
      <c r="A58" s="14">
        <v>44</v>
      </c>
      <c r="B58" s="15">
        <v>33</v>
      </c>
      <c r="C58" s="16">
        <v>30</v>
      </c>
      <c r="D58" s="17">
        <v>63</v>
      </c>
    </row>
    <row r="59" spans="1:4" ht="18" customHeight="1" x14ac:dyDescent="0.2">
      <c r="A59" s="18" t="s">
        <v>57</v>
      </c>
      <c r="B59" s="15">
        <v>145</v>
      </c>
      <c r="C59" s="16">
        <v>122</v>
      </c>
      <c r="D59" s="17">
        <v>267</v>
      </c>
    </row>
    <row r="60" spans="1:4" ht="18" customHeight="1" x14ac:dyDescent="0.2">
      <c r="A60" s="14">
        <v>45</v>
      </c>
      <c r="B60" s="15">
        <v>46</v>
      </c>
      <c r="C60" s="16">
        <v>26</v>
      </c>
      <c r="D60" s="17">
        <v>72</v>
      </c>
    </row>
    <row r="61" spans="1:4" ht="18" customHeight="1" x14ac:dyDescent="0.2">
      <c r="A61" s="14">
        <v>46</v>
      </c>
      <c r="B61" s="15">
        <v>33</v>
      </c>
      <c r="C61" s="16">
        <v>26</v>
      </c>
      <c r="D61" s="17">
        <v>59</v>
      </c>
    </row>
    <row r="62" spans="1:4" ht="18" customHeight="1" x14ac:dyDescent="0.2">
      <c r="A62" s="14">
        <v>47</v>
      </c>
      <c r="B62" s="15">
        <v>29</v>
      </c>
      <c r="C62" s="16">
        <v>25</v>
      </c>
      <c r="D62" s="17">
        <v>54</v>
      </c>
    </row>
    <row r="63" spans="1:4" ht="18" customHeight="1" x14ac:dyDescent="0.2">
      <c r="A63" s="14">
        <v>48</v>
      </c>
      <c r="B63" s="15">
        <v>26</v>
      </c>
      <c r="C63" s="16">
        <v>25</v>
      </c>
      <c r="D63" s="17">
        <v>51</v>
      </c>
    </row>
    <row r="64" spans="1:4" ht="18" customHeight="1" x14ac:dyDescent="0.2">
      <c r="A64" s="14">
        <v>49</v>
      </c>
      <c r="B64" s="15">
        <v>32</v>
      </c>
      <c r="C64" s="16">
        <v>42</v>
      </c>
      <c r="D64" s="17">
        <v>74</v>
      </c>
    </row>
    <row r="65" spans="1:4" ht="18" customHeight="1" x14ac:dyDescent="0.2">
      <c r="A65" s="18" t="s">
        <v>58</v>
      </c>
      <c r="B65" s="15">
        <v>166</v>
      </c>
      <c r="C65" s="16">
        <v>144</v>
      </c>
      <c r="D65" s="17">
        <v>310</v>
      </c>
    </row>
    <row r="66" spans="1:4" ht="18" customHeight="1" x14ac:dyDescent="0.2">
      <c r="A66" s="14">
        <v>50</v>
      </c>
      <c r="B66" s="15">
        <v>29</v>
      </c>
      <c r="C66" s="16">
        <v>27</v>
      </c>
      <c r="D66" s="17">
        <v>56</v>
      </c>
    </row>
    <row r="67" spans="1:4" ht="18" customHeight="1" x14ac:dyDescent="0.2">
      <c r="A67" s="14">
        <v>51</v>
      </c>
      <c r="B67" s="15">
        <v>34</v>
      </c>
      <c r="C67" s="16">
        <v>31</v>
      </c>
      <c r="D67" s="17">
        <v>65</v>
      </c>
    </row>
    <row r="68" spans="1:4" ht="18" customHeight="1" x14ac:dyDescent="0.2">
      <c r="A68" s="14">
        <v>52</v>
      </c>
      <c r="B68" s="15">
        <v>23</v>
      </c>
      <c r="C68" s="16">
        <v>16</v>
      </c>
      <c r="D68" s="17">
        <v>39</v>
      </c>
    </row>
    <row r="69" spans="1:4" ht="18" customHeight="1" x14ac:dyDescent="0.2">
      <c r="A69" s="14">
        <v>53</v>
      </c>
      <c r="B69" s="15">
        <v>29</v>
      </c>
      <c r="C69" s="16">
        <v>28</v>
      </c>
      <c r="D69" s="17">
        <v>57</v>
      </c>
    </row>
    <row r="70" spans="1:4" ht="18" customHeight="1" x14ac:dyDescent="0.2">
      <c r="A70" s="14">
        <v>54</v>
      </c>
      <c r="B70" s="15">
        <v>36</v>
      </c>
      <c r="C70" s="16">
        <v>29</v>
      </c>
      <c r="D70" s="17">
        <v>65</v>
      </c>
    </row>
    <row r="71" spans="1:4" ht="18" customHeight="1" x14ac:dyDescent="0.2">
      <c r="A71" s="18" t="s">
        <v>59</v>
      </c>
      <c r="B71" s="15">
        <v>151</v>
      </c>
      <c r="C71" s="16">
        <v>131</v>
      </c>
      <c r="D71" s="17">
        <v>282</v>
      </c>
    </row>
    <row r="72" spans="1:4" ht="18" customHeight="1" x14ac:dyDescent="0.2">
      <c r="A72" s="14">
        <v>55</v>
      </c>
      <c r="B72" s="15">
        <v>25</v>
      </c>
      <c r="C72" s="16">
        <v>27</v>
      </c>
      <c r="D72" s="17">
        <v>52</v>
      </c>
    </row>
    <row r="73" spans="1:4" ht="18" customHeight="1" x14ac:dyDescent="0.2">
      <c r="A73" s="14">
        <v>56</v>
      </c>
      <c r="B73" s="15">
        <v>24</v>
      </c>
      <c r="C73" s="16">
        <v>24</v>
      </c>
      <c r="D73" s="17">
        <v>48</v>
      </c>
    </row>
    <row r="74" spans="1:4" ht="18" customHeight="1" x14ac:dyDescent="0.2">
      <c r="A74" s="14">
        <v>57</v>
      </c>
      <c r="B74" s="15">
        <v>30</v>
      </c>
      <c r="C74" s="16">
        <v>23</v>
      </c>
      <c r="D74" s="17">
        <v>53</v>
      </c>
    </row>
    <row r="75" spans="1:4" ht="18" customHeight="1" x14ac:dyDescent="0.2">
      <c r="A75" s="14">
        <v>58</v>
      </c>
      <c r="B75" s="15">
        <v>27</v>
      </c>
      <c r="C75" s="16">
        <v>25</v>
      </c>
      <c r="D75" s="17">
        <v>52</v>
      </c>
    </row>
    <row r="76" spans="1:4" ht="18" customHeight="1" x14ac:dyDescent="0.2">
      <c r="A76" s="14">
        <v>59</v>
      </c>
      <c r="B76" s="15">
        <v>28</v>
      </c>
      <c r="C76" s="16">
        <v>21</v>
      </c>
      <c r="D76" s="17">
        <v>49</v>
      </c>
    </row>
    <row r="77" spans="1:4" ht="18" customHeight="1" x14ac:dyDescent="0.2">
      <c r="A77" s="18" t="s">
        <v>60</v>
      </c>
      <c r="B77" s="15">
        <v>134</v>
      </c>
      <c r="C77" s="16">
        <v>120</v>
      </c>
      <c r="D77" s="17">
        <v>254</v>
      </c>
    </row>
    <row r="78" spans="1:4" ht="18" customHeight="1" x14ac:dyDescent="0.2">
      <c r="A78" s="14">
        <v>60</v>
      </c>
      <c r="B78" s="15">
        <v>17</v>
      </c>
      <c r="C78" s="16">
        <v>30</v>
      </c>
      <c r="D78" s="17">
        <v>47</v>
      </c>
    </row>
    <row r="79" spans="1:4" ht="18" customHeight="1" x14ac:dyDescent="0.2">
      <c r="A79" s="14">
        <v>61</v>
      </c>
      <c r="B79" s="15">
        <v>20</v>
      </c>
      <c r="C79" s="16">
        <v>26</v>
      </c>
      <c r="D79" s="17">
        <v>46</v>
      </c>
    </row>
    <row r="80" spans="1:4" ht="18" customHeight="1" x14ac:dyDescent="0.2">
      <c r="A80" s="14">
        <v>62</v>
      </c>
      <c r="B80" s="15">
        <v>26</v>
      </c>
      <c r="C80" s="16">
        <v>27</v>
      </c>
      <c r="D80" s="17">
        <v>53</v>
      </c>
    </row>
    <row r="81" spans="1:4" ht="18" customHeight="1" x14ac:dyDescent="0.2">
      <c r="A81" s="14">
        <v>63</v>
      </c>
      <c r="B81" s="15">
        <v>28</v>
      </c>
      <c r="C81" s="16">
        <v>18</v>
      </c>
      <c r="D81" s="17">
        <v>46</v>
      </c>
    </row>
    <row r="82" spans="1:4" ht="18" customHeight="1" x14ac:dyDescent="0.2">
      <c r="A82" s="14">
        <v>64</v>
      </c>
      <c r="B82" s="15">
        <v>29</v>
      </c>
      <c r="C82" s="16">
        <v>30</v>
      </c>
      <c r="D82" s="17">
        <v>59</v>
      </c>
    </row>
    <row r="83" spans="1:4" ht="18" customHeight="1" x14ac:dyDescent="0.2">
      <c r="A83" s="18" t="s">
        <v>61</v>
      </c>
      <c r="B83" s="15">
        <v>120</v>
      </c>
      <c r="C83" s="16">
        <v>131</v>
      </c>
      <c r="D83" s="17">
        <v>251</v>
      </c>
    </row>
    <row r="84" spans="1:4" ht="18" customHeight="1" x14ac:dyDescent="0.2">
      <c r="A84" s="18" t="s">
        <v>62</v>
      </c>
      <c r="B84" s="15">
        <v>1233</v>
      </c>
      <c r="C84" s="16">
        <v>1133</v>
      </c>
      <c r="D84" s="17">
        <v>2366</v>
      </c>
    </row>
    <row r="85" spans="1:4" ht="18" customHeight="1" x14ac:dyDescent="0.2">
      <c r="A85" s="14">
        <v>65</v>
      </c>
      <c r="B85" s="15">
        <v>35</v>
      </c>
      <c r="C85" s="16">
        <v>32</v>
      </c>
      <c r="D85" s="17">
        <v>67</v>
      </c>
    </row>
    <row r="86" spans="1:4" ht="18" customHeight="1" x14ac:dyDescent="0.2">
      <c r="A86" s="14">
        <v>66</v>
      </c>
      <c r="B86" s="15">
        <v>32</v>
      </c>
      <c r="C86" s="16">
        <v>33</v>
      </c>
      <c r="D86" s="17">
        <v>65</v>
      </c>
    </row>
    <row r="87" spans="1:4" ht="18" customHeight="1" x14ac:dyDescent="0.2">
      <c r="A87" s="14">
        <v>67</v>
      </c>
      <c r="B87" s="15">
        <v>34</v>
      </c>
      <c r="C87" s="16">
        <v>34</v>
      </c>
      <c r="D87" s="17">
        <v>68</v>
      </c>
    </row>
    <row r="88" spans="1:4" ht="18" customHeight="1" x14ac:dyDescent="0.2">
      <c r="A88" s="14">
        <v>68</v>
      </c>
      <c r="B88" s="15">
        <v>32</v>
      </c>
      <c r="C88" s="16">
        <v>36</v>
      </c>
      <c r="D88" s="17">
        <v>68</v>
      </c>
    </row>
    <row r="89" spans="1:4" ht="18" customHeight="1" x14ac:dyDescent="0.2">
      <c r="A89" s="14">
        <v>69</v>
      </c>
      <c r="B89" s="15">
        <v>45</v>
      </c>
      <c r="C89" s="16">
        <v>42</v>
      </c>
      <c r="D89" s="17">
        <v>87</v>
      </c>
    </row>
    <row r="90" spans="1:4" ht="18" customHeight="1" x14ac:dyDescent="0.2">
      <c r="A90" s="18" t="s">
        <v>63</v>
      </c>
      <c r="B90" s="15">
        <v>178</v>
      </c>
      <c r="C90" s="16">
        <v>177</v>
      </c>
      <c r="D90" s="17">
        <v>355</v>
      </c>
    </row>
    <row r="91" spans="1:4" ht="18" customHeight="1" x14ac:dyDescent="0.2">
      <c r="A91" s="14">
        <v>70</v>
      </c>
      <c r="B91" s="15">
        <v>43</v>
      </c>
      <c r="C91" s="16">
        <v>52</v>
      </c>
      <c r="D91" s="17">
        <v>95</v>
      </c>
    </row>
    <row r="92" spans="1:4" ht="18" customHeight="1" x14ac:dyDescent="0.2">
      <c r="A92" s="14">
        <v>71</v>
      </c>
      <c r="B92" s="15">
        <v>37</v>
      </c>
      <c r="C92" s="16">
        <v>56</v>
      </c>
      <c r="D92" s="17">
        <v>93</v>
      </c>
    </row>
    <row r="93" spans="1:4" ht="18" customHeight="1" x14ac:dyDescent="0.2">
      <c r="A93" s="14">
        <v>72</v>
      </c>
      <c r="B93" s="15">
        <v>25</v>
      </c>
      <c r="C93" s="16">
        <v>23</v>
      </c>
      <c r="D93" s="17">
        <v>48</v>
      </c>
    </row>
    <row r="94" spans="1:4" ht="18" customHeight="1" x14ac:dyDescent="0.2">
      <c r="A94" s="14">
        <v>73</v>
      </c>
      <c r="B94" s="15">
        <v>20</v>
      </c>
      <c r="C94" s="16">
        <v>30</v>
      </c>
      <c r="D94" s="17">
        <v>50</v>
      </c>
    </row>
    <row r="95" spans="1:4" ht="18" customHeight="1" x14ac:dyDescent="0.2">
      <c r="A95" s="14">
        <v>74</v>
      </c>
      <c r="B95" s="15">
        <v>15</v>
      </c>
      <c r="C95" s="16">
        <v>44</v>
      </c>
      <c r="D95" s="17">
        <v>59</v>
      </c>
    </row>
    <row r="96" spans="1:4" ht="18" customHeight="1" x14ac:dyDescent="0.2">
      <c r="A96" s="18" t="s">
        <v>64</v>
      </c>
      <c r="B96" s="15">
        <v>140</v>
      </c>
      <c r="C96" s="16">
        <v>205</v>
      </c>
      <c r="D96" s="17">
        <v>345</v>
      </c>
    </row>
    <row r="97" spans="1:4" ht="18" customHeight="1" x14ac:dyDescent="0.2">
      <c r="A97" s="14">
        <v>75</v>
      </c>
      <c r="B97" s="15">
        <v>26</v>
      </c>
      <c r="C97" s="16">
        <v>35</v>
      </c>
      <c r="D97" s="17">
        <v>61</v>
      </c>
    </row>
    <row r="98" spans="1:4" ht="18" customHeight="1" x14ac:dyDescent="0.2">
      <c r="A98" s="14">
        <v>76</v>
      </c>
      <c r="B98" s="15">
        <v>28</v>
      </c>
      <c r="C98" s="16">
        <v>32</v>
      </c>
      <c r="D98" s="17">
        <v>60</v>
      </c>
    </row>
    <row r="99" spans="1:4" ht="18" customHeight="1" x14ac:dyDescent="0.2">
      <c r="A99" s="14">
        <v>77</v>
      </c>
      <c r="B99" s="15">
        <v>34</v>
      </c>
      <c r="C99" s="16">
        <v>34</v>
      </c>
      <c r="D99" s="17">
        <v>68</v>
      </c>
    </row>
    <row r="100" spans="1:4" ht="18" customHeight="1" x14ac:dyDescent="0.2">
      <c r="A100" s="14">
        <v>78</v>
      </c>
      <c r="B100" s="15">
        <v>21</v>
      </c>
      <c r="C100" s="16">
        <v>27</v>
      </c>
      <c r="D100" s="17">
        <v>48</v>
      </c>
    </row>
    <row r="101" spans="1:4" ht="18" customHeight="1" x14ac:dyDescent="0.2">
      <c r="A101" s="14">
        <v>79</v>
      </c>
      <c r="B101" s="15">
        <v>19</v>
      </c>
      <c r="C101" s="16">
        <v>27</v>
      </c>
      <c r="D101" s="17">
        <v>46</v>
      </c>
    </row>
    <row r="102" spans="1:4" ht="18" customHeight="1" x14ac:dyDescent="0.2">
      <c r="A102" s="18" t="s">
        <v>65</v>
      </c>
      <c r="B102" s="15">
        <v>128</v>
      </c>
      <c r="C102" s="16">
        <v>155</v>
      </c>
      <c r="D102" s="17">
        <v>283</v>
      </c>
    </row>
    <row r="103" spans="1:4" ht="18" customHeight="1" x14ac:dyDescent="0.2">
      <c r="A103" s="14">
        <v>80</v>
      </c>
      <c r="B103" s="15">
        <v>15</v>
      </c>
      <c r="C103" s="16">
        <v>21</v>
      </c>
      <c r="D103" s="17">
        <v>36</v>
      </c>
    </row>
    <row r="104" spans="1:4" ht="18" customHeight="1" x14ac:dyDescent="0.2">
      <c r="A104" s="14">
        <v>81</v>
      </c>
      <c r="B104" s="15">
        <v>28</v>
      </c>
      <c r="C104" s="16">
        <v>18</v>
      </c>
      <c r="D104" s="17">
        <v>46</v>
      </c>
    </row>
    <row r="105" spans="1:4" ht="18" customHeight="1" x14ac:dyDescent="0.2">
      <c r="A105" s="14">
        <v>82</v>
      </c>
      <c r="B105" s="15">
        <v>14</v>
      </c>
      <c r="C105" s="16">
        <v>25</v>
      </c>
      <c r="D105" s="17">
        <v>39</v>
      </c>
    </row>
    <row r="106" spans="1:4" ht="18" customHeight="1" x14ac:dyDescent="0.2">
      <c r="A106" s="14">
        <v>83</v>
      </c>
      <c r="B106" s="15">
        <v>12</v>
      </c>
      <c r="C106" s="16">
        <v>8</v>
      </c>
      <c r="D106" s="17">
        <v>20</v>
      </c>
    </row>
    <row r="107" spans="1:4" ht="18" customHeight="1" x14ac:dyDescent="0.2">
      <c r="A107" s="14">
        <v>84</v>
      </c>
      <c r="B107" s="15">
        <v>14</v>
      </c>
      <c r="C107" s="16">
        <v>14</v>
      </c>
      <c r="D107" s="17">
        <v>28</v>
      </c>
    </row>
    <row r="108" spans="1:4" ht="18" customHeight="1" x14ac:dyDescent="0.2">
      <c r="A108" s="18" t="s">
        <v>66</v>
      </c>
      <c r="B108" s="15">
        <v>83</v>
      </c>
      <c r="C108" s="16">
        <v>86</v>
      </c>
      <c r="D108" s="17">
        <v>169</v>
      </c>
    </row>
    <row r="109" spans="1:4" ht="18" customHeight="1" x14ac:dyDescent="0.2">
      <c r="A109" s="14">
        <v>85</v>
      </c>
      <c r="B109" s="15">
        <v>9</v>
      </c>
      <c r="C109" s="16">
        <v>23</v>
      </c>
      <c r="D109" s="17">
        <v>32</v>
      </c>
    </row>
    <row r="110" spans="1:4" ht="18" customHeight="1" x14ac:dyDescent="0.2">
      <c r="A110" s="14">
        <v>86</v>
      </c>
      <c r="B110" s="15">
        <v>7</v>
      </c>
      <c r="C110" s="16">
        <v>23</v>
      </c>
      <c r="D110" s="17">
        <v>30</v>
      </c>
    </row>
    <row r="111" spans="1:4" ht="18" customHeight="1" x14ac:dyDescent="0.2">
      <c r="A111" s="14">
        <v>87</v>
      </c>
      <c r="B111" s="15">
        <v>12</v>
      </c>
      <c r="C111" s="16">
        <v>11</v>
      </c>
      <c r="D111" s="17">
        <v>23</v>
      </c>
    </row>
    <row r="112" spans="1:4" ht="18" customHeight="1" x14ac:dyDescent="0.2">
      <c r="A112" s="14">
        <v>88</v>
      </c>
      <c r="B112" s="15">
        <v>5</v>
      </c>
      <c r="C112" s="16">
        <v>11</v>
      </c>
      <c r="D112" s="17">
        <v>16</v>
      </c>
    </row>
    <row r="113" spans="1:4" ht="18" customHeight="1" x14ac:dyDescent="0.2">
      <c r="A113" s="14">
        <v>89</v>
      </c>
      <c r="B113" s="15">
        <v>7</v>
      </c>
      <c r="C113" s="16">
        <v>10</v>
      </c>
      <c r="D113" s="17">
        <v>17</v>
      </c>
    </row>
    <row r="114" spans="1:4" ht="18" customHeight="1" x14ac:dyDescent="0.2">
      <c r="A114" s="18" t="s">
        <v>67</v>
      </c>
      <c r="B114" s="15">
        <v>40</v>
      </c>
      <c r="C114" s="16">
        <v>78</v>
      </c>
      <c r="D114" s="17">
        <v>118</v>
      </c>
    </row>
    <row r="115" spans="1:4" ht="18" customHeight="1" x14ac:dyDescent="0.2">
      <c r="A115" s="14">
        <v>90</v>
      </c>
      <c r="B115" s="15">
        <v>1</v>
      </c>
      <c r="C115" s="16">
        <v>16</v>
      </c>
      <c r="D115" s="17">
        <v>17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5</v>
      </c>
      <c r="C117" s="16">
        <v>5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11</v>
      </c>
      <c r="C120" s="16">
        <v>43</v>
      </c>
      <c r="D120" s="17">
        <v>54</v>
      </c>
    </row>
    <row r="121" spans="1:4" ht="18" customHeight="1" x14ac:dyDescent="0.2">
      <c r="A121" s="14">
        <v>95</v>
      </c>
      <c r="B121" s="15">
        <v>2</v>
      </c>
      <c r="C121" s="16">
        <v>3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584</v>
      </c>
      <c r="C130" s="5">
        <v>758</v>
      </c>
      <c r="D130" s="6">
        <v>1342</v>
      </c>
    </row>
    <row r="131" spans="1:4" ht="18" customHeight="1" x14ac:dyDescent="0.2">
      <c r="A131" s="20" t="s">
        <v>47</v>
      </c>
      <c r="B131" s="7">
        <v>2026</v>
      </c>
      <c r="C131" s="8">
        <v>2099</v>
      </c>
      <c r="D131" s="9">
        <v>41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</v>
      </c>
      <c r="C5" s="12">
        <v>6</v>
      </c>
      <c r="D5" s="13">
        <v>13</v>
      </c>
    </row>
    <row r="6" spans="1:10" ht="18" customHeight="1" x14ac:dyDescent="0.2">
      <c r="A6" s="14">
        <v>1</v>
      </c>
      <c r="B6" s="15">
        <v>7</v>
      </c>
      <c r="C6" s="16">
        <v>3</v>
      </c>
      <c r="D6" s="17">
        <v>10</v>
      </c>
    </row>
    <row r="7" spans="1:10" ht="18" customHeight="1" x14ac:dyDescent="0.2">
      <c r="A7" s="14">
        <v>2</v>
      </c>
      <c r="B7" s="15">
        <v>4</v>
      </c>
      <c r="C7" s="16">
        <v>6</v>
      </c>
      <c r="D7" s="17">
        <v>10</v>
      </c>
    </row>
    <row r="8" spans="1:10" ht="18" customHeight="1" x14ac:dyDescent="0.2">
      <c r="A8" s="14">
        <v>3</v>
      </c>
      <c r="B8" s="15">
        <v>2</v>
      </c>
      <c r="C8" s="16">
        <v>5</v>
      </c>
      <c r="D8" s="17">
        <v>7</v>
      </c>
    </row>
    <row r="9" spans="1:10" ht="18" customHeight="1" x14ac:dyDescent="0.2">
      <c r="A9" s="14">
        <v>4</v>
      </c>
      <c r="B9" s="15">
        <v>11</v>
      </c>
      <c r="C9" s="16">
        <v>4</v>
      </c>
      <c r="D9" s="17">
        <v>15</v>
      </c>
    </row>
    <row r="10" spans="1:10" ht="18" customHeight="1" x14ac:dyDescent="0.2">
      <c r="A10" s="18" t="s">
        <v>48</v>
      </c>
      <c r="B10" s="15">
        <v>31</v>
      </c>
      <c r="C10" s="16">
        <v>24</v>
      </c>
      <c r="D10" s="17">
        <v>55</v>
      </c>
    </row>
    <row r="11" spans="1:10" ht="18" customHeight="1" x14ac:dyDescent="0.2">
      <c r="A11" s="14">
        <v>5</v>
      </c>
      <c r="B11" s="15">
        <v>7</v>
      </c>
      <c r="C11" s="16">
        <v>9</v>
      </c>
      <c r="D11" s="17">
        <v>16</v>
      </c>
    </row>
    <row r="12" spans="1:10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10" ht="18" customHeight="1" x14ac:dyDescent="0.2">
      <c r="A13" s="14">
        <v>7</v>
      </c>
      <c r="B13" s="15">
        <v>8</v>
      </c>
      <c r="C13" s="16">
        <v>7</v>
      </c>
      <c r="D13" s="17">
        <v>15</v>
      </c>
    </row>
    <row r="14" spans="1:10" ht="18" customHeight="1" x14ac:dyDescent="0.2">
      <c r="A14" s="14">
        <v>8</v>
      </c>
      <c r="B14" s="15">
        <v>8</v>
      </c>
      <c r="C14" s="16">
        <v>6</v>
      </c>
      <c r="D14" s="17">
        <v>14</v>
      </c>
    </row>
    <row r="15" spans="1:10" ht="18" customHeight="1" x14ac:dyDescent="0.2">
      <c r="A15" s="14">
        <v>9</v>
      </c>
      <c r="B15" s="15">
        <v>6</v>
      </c>
      <c r="C15" s="16">
        <v>12</v>
      </c>
      <c r="D15" s="17">
        <v>18</v>
      </c>
    </row>
    <row r="16" spans="1:10" ht="18" customHeight="1" x14ac:dyDescent="0.2">
      <c r="A16" s="18" t="s">
        <v>49</v>
      </c>
      <c r="B16" s="15">
        <v>36</v>
      </c>
      <c r="C16" s="16">
        <v>40</v>
      </c>
      <c r="D16" s="17">
        <v>76</v>
      </c>
    </row>
    <row r="17" spans="1:4" ht="18" customHeight="1" x14ac:dyDescent="0.2">
      <c r="A17" s="14">
        <v>10</v>
      </c>
      <c r="B17" s="15">
        <v>11</v>
      </c>
      <c r="C17" s="16">
        <v>6</v>
      </c>
      <c r="D17" s="17">
        <v>17</v>
      </c>
    </row>
    <row r="18" spans="1:4" ht="18" customHeight="1" x14ac:dyDescent="0.2">
      <c r="A18" s="14">
        <v>11</v>
      </c>
      <c r="B18" s="15">
        <v>9</v>
      </c>
      <c r="C18" s="16">
        <v>9</v>
      </c>
      <c r="D18" s="17">
        <v>18</v>
      </c>
    </row>
    <row r="19" spans="1:4" ht="18" customHeight="1" x14ac:dyDescent="0.2">
      <c r="A19" s="14">
        <v>12</v>
      </c>
      <c r="B19" s="15">
        <v>5</v>
      </c>
      <c r="C19" s="16">
        <v>7</v>
      </c>
      <c r="D19" s="17">
        <v>12</v>
      </c>
    </row>
    <row r="20" spans="1:4" ht="18" customHeight="1" x14ac:dyDescent="0.2">
      <c r="A20" s="14">
        <v>13</v>
      </c>
      <c r="B20" s="15">
        <v>8</v>
      </c>
      <c r="C20" s="16">
        <v>4</v>
      </c>
      <c r="D20" s="17">
        <v>12</v>
      </c>
    </row>
    <row r="21" spans="1:4" ht="18" customHeight="1" x14ac:dyDescent="0.2">
      <c r="A21" s="14">
        <v>14</v>
      </c>
      <c r="B21" s="15">
        <v>11</v>
      </c>
      <c r="C21" s="16">
        <v>7</v>
      </c>
      <c r="D21" s="17">
        <v>18</v>
      </c>
    </row>
    <row r="22" spans="1:4" ht="18" customHeight="1" x14ac:dyDescent="0.2">
      <c r="A22" s="18" t="s">
        <v>50</v>
      </c>
      <c r="B22" s="15">
        <v>44</v>
      </c>
      <c r="C22" s="16">
        <v>33</v>
      </c>
      <c r="D22" s="17">
        <v>77</v>
      </c>
    </row>
    <row r="23" spans="1:4" ht="18" customHeight="1" x14ac:dyDescent="0.2">
      <c r="A23" s="18" t="s">
        <v>51</v>
      </c>
      <c r="B23" s="15">
        <v>111</v>
      </c>
      <c r="C23" s="16">
        <v>97</v>
      </c>
      <c r="D23" s="17">
        <v>208</v>
      </c>
    </row>
    <row r="24" spans="1:4" ht="18" customHeight="1" x14ac:dyDescent="0.2">
      <c r="A24" s="14">
        <v>15</v>
      </c>
      <c r="B24" s="15">
        <v>7</v>
      </c>
      <c r="C24" s="16">
        <v>9</v>
      </c>
      <c r="D24" s="17">
        <v>16</v>
      </c>
    </row>
    <row r="25" spans="1:4" ht="18" customHeight="1" x14ac:dyDescent="0.2">
      <c r="A25" s="14">
        <v>16</v>
      </c>
      <c r="B25" s="15">
        <v>10</v>
      </c>
      <c r="C25" s="16">
        <v>5</v>
      </c>
      <c r="D25" s="17">
        <v>15</v>
      </c>
    </row>
    <row r="26" spans="1:4" ht="18" customHeight="1" x14ac:dyDescent="0.2">
      <c r="A26" s="14">
        <v>17</v>
      </c>
      <c r="B26" s="15">
        <v>7</v>
      </c>
      <c r="C26" s="16">
        <v>6</v>
      </c>
      <c r="D26" s="17">
        <v>13</v>
      </c>
    </row>
    <row r="27" spans="1:4" ht="18" customHeight="1" x14ac:dyDescent="0.2">
      <c r="A27" s="14">
        <v>18</v>
      </c>
      <c r="B27" s="15">
        <v>7</v>
      </c>
      <c r="C27" s="16">
        <v>4</v>
      </c>
      <c r="D27" s="17">
        <v>11</v>
      </c>
    </row>
    <row r="28" spans="1:4" ht="18" customHeight="1" x14ac:dyDescent="0.2">
      <c r="A28" s="14">
        <v>19</v>
      </c>
      <c r="B28" s="15">
        <v>13</v>
      </c>
      <c r="C28" s="16">
        <v>14</v>
      </c>
      <c r="D28" s="17">
        <v>27</v>
      </c>
    </row>
    <row r="29" spans="1:4" ht="18" customHeight="1" x14ac:dyDescent="0.2">
      <c r="A29" s="18" t="s">
        <v>52</v>
      </c>
      <c r="B29" s="15">
        <v>44</v>
      </c>
      <c r="C29" s="16">
        <v>38</v>
      </c>
      <c r="D29" s="17">
        <v>82</v>
      </c>
    </row>
    <row r="30" spans="1:4" ht="18" customHeight="1" x14ac:dyDescent="0.2">
      <c r="A30" s="14">
        <v>20</v>
      </c>
      <c r="B30" s="15">
        <v>11</v>
      </c>
      <c r="C30" s="16">
        <v>10</v>
      </c>
      <c r="D30" s="17">
        <v>21</v>
      </c>
    </row>
    <row r="31" spans="1:4" ht="18" customHeight="1" x14ac:dyDescent="0.2">
      <c r="A31" s="14">
        <v>21</v>
      </c>
      <c r="B31" s="15">
        <v>10</v>
      </c>
      <c r="C31" s="16">
        <v>8</v>
      </c>
      <c r="D31" s="17">
        <v>18</v>
      </c>
    </row>
    <row r="32" spans="1:4" ht="18" customHeight="1" x14ac:dyDescent="0.2">
      <c r="A32" s="14">
        <v>22</v>
      </c>
      <c r="B32" s="15">
        <v>7</v>
      </c>
      <c r="C32" s="16">
        <v>10</v>
      </c>
      <c r="D32" s="17">
        <v>17</v>
      </c>
    </row>
    <row r="33" spans="1:4" ht="18" customHeight="1" x14ac:dyDescent="0.2">
      <c r="A33" s="14">
        <v>23</v>
      </c>
      <c r="B33" s="15">
        <v>7</v>
      </c>
      <c r="C33" s="16">
        <v>6</v>
      </c>
      <c r="D33" s="17">
        <v>13</v>
      </c>
    </row>
    <row r="34" spans="1:4" ht="18" customHeight="1" x14ac:dyDescent="0.2">
      <c r="A34" s="14">
        <v>24</v>
      </c>
      <c r="B34" s="15">
        <v>13</v>
      </c>
      <c r="C34" s="16">
        <v>5</v>
      </c>
      <c r="D34" s="17">
        <v>18</v>
      </c>
    </row>
    <row r="35" spans="1:4" ht="18" customHeight="1" x14ac:dyDescent="0.2">
      <c r="A35" s="18" t="s">
        <v>53</v>
      </c>
      <c r="B35" s="15">
        <v>48</v>
      </c>
      <c r="C35" s="16">
        <v>39</v>
      </c>
      <c r="D35" s="17">
        <v>87</v>
      </c>
    </row>
    <row r="36" spans="1:4" ht="18" customHeight="1" x14ac:dyDescent="0.2">
      <c r="A36" s="14">
        <v>25</v>
      </c>
      <c r="B36" s="15">
        <v>10</v>
      </c>
      <c r="C36" s="16">
        <v>4</v>
      </c>
      <c r="D36" s="17">
        <v>14</v>
      </c>
    </row>
    <row r="37" spans="1:4" ht="18" customHeight="1" x14ac:dyDescent="0.2">
      <c r="A37" s="14">
        <v>26</v>
      </c>
      <c r="B37" s="15">
        <v>12</v>
      </c>
      <c r="C37" s="16">
        <v>4</v>
      </c>
      <c r="D37" s="17">
        <v>16</v>
      </c>
    </row>
    <row r="38" spans="1:4" ht="18" customHeight="1" x14ac:dyDescent="0.2">
      <c r="A38" s="14">
        <v>27</v>
      </c>
      <c r="B38" s="15">
        <v>7</v>
      </c>
      <c r="C38" s="16">
        <v>4</v>
      </c>
      <c r="D38" s="17">
        <v>11</v>
      </c>
    </row>
    <row r="39" spans="1:4" ht="18" customHeight="1" x14ac:dyDescent="0.2">
      <c r="A39" s="14">
        <v>28</v>
      </c>
      <c r="B39" s="15">
        <v>12</v>
      </c>
      <c r="C39" s="16">
        <v>5</v>
      </c>
      <c r="D39" s="17">
        <v>17</v>
      </c>
    </row>
    <row r="40" spans="1:4" ht="18" customHeight="1" x14ac:dyDescent="0.2">
      <c r="A40" s="14">
        <v>29</v>
      </c>
      <c r="B40" s="15">
        <v>10</v>
      </c>
      <c r="C40" s="16">
        <v>6</v>
      </c>
      <c r="D40" s="17">
        <v>16</v>
      </c>
    </row>
    <row r="41" spans="1:4" ht="18" customHeight="1" x14ac:dyDescent="0.2">
      <c r="A41" s="18" t="s">
        <v>54</v>
      </c>
      <c r="B41" s="15">
        <v>51</v>
      </c>
      <c r="C41" s="16">
        <v>23</v>
      </c>
      <c r="D41" s="17">
        <v>74</v>
      </c>
    </row>
    <row r="42" spans="1:4" ht="18" customHeight="1" x14ac:dyDescent="0.2">
      <c r="A42" s="14">
        <v>30</v>
      </c>
      <c r="B42" s="15">
        <v>10</v>
      </c>
      <c r="C42" s="16">
        <v>5</v>
      </c>
      <c r="D42" s="17">
        <v>15</v>
      </c>
    </row>
    <row r="43" spans="1:4" ht="18" customHeight="1" x14ac:dyDescent="0.2">
      <c r="A43" s="14">
        <v>31</v>
      </c>
      <c r="B43" s="15">
        <v>6</v>
      </c>
      <c r="C43" s="16">
        <v>10</v>
      </c>
      <c r="D43" s="17">
        <v>16</v>
      </c>
    </row>
    <row r="44" spans="1:4" ht="18" customHeight="1" x14ac:dyDescent="0.2">
      <c r="A44" s="14">
        <v>32</v>
      </c>
      <c r="B44" s="15">
        <v>10</v>
      </c>
      <c r="C44" s="16">
        <v>9</v>
      </c>
      <c r="D44" s="17">
        <v>19</v>
      </c>
    </row>
    <row r="45" spans="1:4" ht="18" customHeight="1" x14ac:dyDescent="0.2">
      <c r="A45" s="14">
        <v>33</v>
      </c>
      <c r="B45" s="15">
        <v>11</v>
      </c>
      <c r="C45" s="16">
        <v>2</v>
      </c>
      <c r="D45" s="17">
        <v>13</v>
      </c>
    </row>
    <row r="46" spans="1:4" ht="18" customHeight="1" x14ac:dyDescent="0.2">
      <c r="A46" s="14">
        <v>34</v>
      </c>
      <c r="B46" s="15">
        <v>8</v>
      </c>
      <c r="C46" s="16">
        <v>8</v>
      </c>
      <c r="D46" s="17">
        <v>16</v>
      </c>
    </row>
    <row r="47" spans="1:4" ht="18" customHeight="1" x14ac:dyDescent="0.2">
      <c r="A47" s="18" t="s">
        <v>55</v>
      </c>
      <c r="B47" s="15">
        <v>45</v>
      </c>
      <c r="C47" s="16">
        <v>34</v>
      </c>
      <c r="D47" s="17">
        <v>79</v>
      </c>
    </row>
    <row r="48" spans="1:4" ht="18" customHeight="1" x14ac:dyDescent="0.2">
      <c r="A48" s="14">
        <v>35</v>
      </c>
      <c r="B48" s="15">
        <v>14</v>
      </c>
      <c r="C48" s="16">
        <v>8</v>
      </c>
      <c r="D48" s="17">
        <v>22</v>
      </c>
    </row>
    <row r="49" spans="1:4" ht="18" customHeight="1" x14ac:dyDescent="0.2">
      <c r="A49" s="14">
        <v>36</v>
      </c>
      <c r="B49" s="15">
        <v>9</v>
      </c>
      <c r="C49" s="16">
        <v>5</v>
      </c>
      <c r="D49" s="17">
        <v>14</v>
      </c>
    </row>
    <row r="50" spans="1:4" ht="18" customHeight="1" x14ac:dyDescent="0.2">
      <c r="A50" s="14">
        <v>37</v>
      </c>
      <c r="B50" s="15">
        <v>7</v>
      </c>
      <c r="C50" s="16">
        <v>10</v>
      </c>
      <c r="D50" s="17">
        <v>17</v>
      </c>
    </row>
    <row r="51" spans="1:4" ht="18" customHeight="1" x14ac:dyDescent="0.2">
      <c r="A51" s="14">
        <v>38</v>
      </c>
      <c r="B51" s="15">
        <v>9</v>
      </c>
      <c r="C51" s="16">
        <v>12</v>
      </c>
      <c r="D51" s="17">
        <v>21</v>
      </c>
    </row>
    <row r="52" spans="1:4" ht="18" customHeight="1" x14ac:dyDescent="0.2">
      <c r="A52" s="14">
        <v>39</v>
      </c>
      <c r="B52" s="15">
        <v>8</v>
      </c>
      <c r="C52" s="16">
        <v>9</v>
      </c>
      <c r="D52" s="17">
        <v>17</v>
      </c>
    </row>
    <row r="53" spans="1:4" ht="18" customHeight="1" x14ac:dyDescent="0.2">
      <c r="A53" s="18" t="s">
        <v>56</v>
      </c>
      <c r="B53" s="15">
        <v>47</v>
      </c>
      <c r="C53" s="16">
        <v>44</v>
      </c>
      <c r="D53" s="17">
        <v>91</v>
      </c>
    </row>
    <row r="54" spans="1:4" ht="18" customHeight="1" x14ac:dyDescent="0.2">
      <c r="A54" s="14">
        <v>40</v>
      </c>
      <c r="B54" s="15">
        <v>11</v>
      </c>
      <c r="C54" s="16">
        <v>10</v>
      </c>
      <c r="D54" s="17">
        <v>21</v>
      </c>
    </row>
    <row r="55" spans="1:4" ht="18" customHeight="1" x14ac:dyDescent="0.2">
      <c r="A55" s="14">
        <v>41</v>
      </c>
      <c r="B55" s="15">
        <v>15</v>
      </c>
      <c r="C55" s="16">
        <v>5</v>
      </c>
      <c r="D55" s="17">
        <v>20</v>
      </c>
    </row>
    <row r="56" spans="1:4" ht="18" customHeight="1" x14ac:dyDescent="0.2">
      <c r="A56" s="14">
        <v>42</v>
      </c>
      <c r="B56" s="15">
        <v>12</v>
      </c>
      <c r="C56" s="16">
        <v>24</v>
      </c>
      <c r="D56" s="17">
        <v>36</v>
      </c>
    </row>
    <row r="57" spans="1:4" ht="18" customHeight="1" x14ac:dyDescent="0.2">
      <c r="A57" s="14">
        <v>43</v>
      </c>
      <c r="B57" s="15">
        <v>11</v>
      </c>
      <c r="C57" s="16">
        <v>8</v>
      </c>
      <c r="D57" s="17">
        <v>19</v>
      </c>
    </row>
    <row r="58" spans="1:4" ht="18" customHeight="1" x14ac:dyDescent="0.2">
      <c r="A58" s="14">
        <v>44</v>
      </c>
      <c r="B58" s="15">
        <v>8</v>
      </c>
      <c r="C58" s="16">
        <v>12</v>
      </c>
      <c r="D58" s="17">
        <v>20</v>
      </c>
    </row>
    <row r="59" spans="1:4" ht="18" customHeight="1" x14ac:dyDescent="0.2">
      <c r="A59" s="18" t="s">
        <v>57</v>
      </c>
      <c r="B59" s="15">
        <v>57</v>
      </c>
      <c r="C59" s="16">
        <v>59</v>
      </c>
      <c r="D59" s="17">
        <v>116</v>
      </c>
    </row>
    <row r="60" spans="1:4" ht="18" customHeight="1" x14ac:dyDescent="0.2">
      <c r="A60" s="14">
        <v>45</v>
      </c>
      <c r="B60" s="15">
        <v>18</v>
      </c>
      <c r="C60" s="16">
        <v>10</v>
      </c>
      <c r="D60" s="17">
        <v>28</v>
      </c>
    </row>
    <row r="61" spans="1:4" ht="18" customHeight="1" x14ac:dyDescent="0.2">
      <c r="A61" s="14">
        <v>46</v>
      </c>
      <c r="B61" s="15">
        <v>14</v>
      </c>
      <c r="C61" s="16">
        <v>14</v>
      </c>
      <c r="D61" s="17">
        <v>28</v>
      </c>
    </row>
    <row r="62" spans="1:4" ht="18" customHeight="1" x14ac:dyDescent="0.2">
      <c r="A62" s="14">
        <v>47</v>
      </c>
      <c r="B62" s="15">
        <v>13</v>
      </c>
      <c r="C62" s="16">
        <v>14</v>
      </c>
      <c r="D62" s="17">
        <v>27</v>
      </c>
    </row>
    <row r="63" spans="1:4" ht="18" customHeight="1" x14ac:dyDescent="0.2">
      <c r="A63" s="14">
        <v>48</v>
      </c>
      <c r="B63" s="15">
        <v>11</v>
      </c>
      <c r="C63" s="16">
        <v>10</v>
      </c>
      <c r="D63" s="17">
        <v>21</v>
      </c>
    </row>
    <row r="64" spans="1:4" ht="18" customHeight="1" x14ac:dyDescent="0.2">
      <c r="A64" s="14">
        <v>49</v>
      </c>
      <c r="B64" s="15">
        <v>10</v>
      </c>
      <c r="C64" s="16">
        <v>8</v>
      </c>
      <c r="D64" s="17">
        <v>18</v>
      </c>
    </row>
    <row r="65" spans="1:4" ht="18" customHeight="1" x14ac:dyDescent="0.2">
      <c r="A65" s="18" t="s">
        <v>58</v>
      </c>
      <c r="B65" s="15">
        <v>66</v>
      </c>
      <c r="C65" s="16">
        <v>56</v>
      </c>
      <c r="D65" s="17">
        <v>122</v>
      </c>
    </row>
    <row r="66" spans="1:4" ht="18" customHeight="1" x14ac:dyDescent="0.2">
      <c r="A66" s="14">
        <v>50</v>
      </c>
      <c r="B66" s="15">
        <v>8</v>
      </c>
      <c r="C66" s="16">
        <v>7</v>
      </c>
      <c r="D66" s="17">
        <v>15</v>
      </c>
    </row>
    <row r="67" spans="1:4" ht="18" customHeight="1" x14ac:dyDescent="0.2">
      <c r="A67" s="14">
        <v>51</v>
      </c>
      <c r="B67" s="15">
        <v>18</v>
      </c>
      <c r="C67" s="16">
        <v>15</v>
      </c>
      <c r="D67" s="17">
        <v>33</v>
      </c>
    </row>
    <row r="68" spans="1:4" ht="18" customHeight="1" x14ac:dyDescent="0.2">
      <c r="A68" s="14">
        <v>52</v>
      </c>
      <c r="B68" s="15">
        <v>7</v>
      </c>
      <c r="C68" s="16">
        <v>6</v>
      </c>
      <c r="D68" s="17">
        <v>13</v>
      </c>
    </row>
    <row r="69" spans="1:4" ht="18" customHeight="1" x14ac:dyDescent="0.2">
      <c r="A69" s="14">
        <v>53</v>
      </c>
      <c r="B69" s="15">
        <v>8</v>
      </c>
      <c r="C69" s="16">
        <v>8</v>
      </c>
      <c r="D69" s="17">
        <v>16</v>
      </c>
    </row>
    <row r="70" spans="1:4" ht="18" customHeight="1" x14ac:dyDescent="0.2">
      <c r="A70" s="14">
        <v>54</v>
      </c>
      <c r="B70" s="15">
        <v>12</v>
      </c>
      <c r="C70" s="16">
        <v>12</v>
      </c>
      <c r="D70" s="17">
        <v>24</v>
      </c>
    </row>
    <row r="71" spans="1:4" ht="18" customHeight="1" x14ac:dyDescent="0.2">
      <c r="A71" s="18" t="s">
        <v>59</v>
      </c>
      <c r="B71" s="15">
        <v>53</v>
      </c>
      <c r="C71" s="16">
        <v>48</v>
      </c>
      <c r="D71" s="17">
        <v>101</v>
      </c>
    </row>
    <row r="72" spans="1:4" ht="18" customHeight="1" x14ac:dyDescent="0.2">
      <c r="A72" s="14">
        <v>55</v>
      </c>
      <c r="B72" s="15">
        <v>15</v>
      </c>
      <c r="C72" s="16">
        <v>12</v>
      </c>
      <c r="D72" s="17">
        <v>27</v>
      </c>
    </row>
    <row r="73" spans="1:4" ht="18" customHeight="1" x14ac:dyDescent="0.2">
      <c r="A73" s="14">
        <v>56</v>
      </c>
      <c r="B73" s="15">
        <v>5</v>
      </c>
      <c r="C73" s="16">
        <v>10</v>
      </c>
      <c r="D73" s="17">
        <v>15</v>
      </c>
    </row>
    <row r="74" spans="1:4" ht="18" customHeight="1" x14ac:dyDescent="0.2">
      <c r="A74" s="14">
        <v>57</v>
      </c>
      <c r="B74" s="15">
        <v>11</v>
      </c>
      <c r="C74" s="16">
        <v>9</v>
      </c>
      <c r="D74" s="17">
        <v>20</v>
      </c>
    </row>
    <row r="75" spans="1:4" ht="18" customHeight="1" x14ac:dyDescent="0.2">
      <c r="A75" s="14">
        <v>58</v>
      </c>
      <c r="B75" s="15">
        <v>12</v>
      </c>
      <c r="C75" s="16">
        <v>13</v>
      </c>
      <c r="D75" s="17">
        <v>25</v>
      </c>
    </row>
    <row r="76" spans="1:4" ht="18" customHeight="1" x14ac:dyDescent="0.2">
      <c r="A76" s="14">
        <v>59</v>
      </c>
      <c r="B76" s="15">
        <v>12</v>
      </c>
      <c r="C76" s="16">
        <v>12</v>
      </c>
      <c r="D76" s="17">
        <v>24</v>
      </c>
    </row>
    <row r="77" spans="1:4" ht="18" customHeight="1" x14ac:dyDescent="0.2">
      <c r="A77" s="18" t="s">
        <v>60</v>
      </c>
      <c r="B77" s="15">
        <v>55</v>
      </c>
      <c r="C77" s="16">
        <v>56</v>
      </c>
      <c r="D77" s="17">
        <v>111</v>
      </c>
    </row>
    <row r="78" spans="1:4" ht="18" customHeight="1" x14ac:dyDescent="0.2">
      <c r="A78" s="14">
        <v>60</v>
      </c>
      <c r="B78" s="15">
        <v>12</v>
      </c>
      <c r="C78" s="16">
        <v>12</v>
      </c>
      <c r="D78" s="17">
        <v>24</v>
      </c>
    </row>
    <row r="79" spans="1:4" ht="18" customHeight="1" x14ac:dyDescent="0.2">
      <c r="A79" s="14">
        <v>61</v>
      </c>
      <c r="B79" s="15">
        <v>7</v>
      </c>
      <c r="C79" s="16">
        <v>14</v>
      </c>
      <c r="D79" s="17">
        <v>21</v>
      </c>
    </row>
    <row r="80" spans="1:4" ht="18" customHeight="1" x14ac:dyDescent="0.2">
      <c r="A80" s="14">
        <v>62</v>
      </c>
      <c r="B80" s="15">
        <v>11</v>
      </c>
      <c r="C80" s="16">
        <v>10</v>
      </c>
      <c r="D80" s="17">
        <v>21</v>
      </c>
    </row>
    <row r="81" spans="1:4" ht="18" customHeight="1" x14ac:dyDescent="0.2">
      <c r="A81" s="14">
        <v>63</v>
      </c>
      <c r="B81" s="15">
        <v>15</v>
      </c>
      <c r="C81" s="16">
        <v>12</v>
      </c>
      <c r="D81" s="17">
        <v>27</v>
      </c>
    </row>
    <row r="82" spans="1:4" ht="18" customHeight="1" x14ac:dyDescent="0.2">
      <c r="A82" s="14">
        <v>64</v>
      </c>
      <c r="B82" s="15">
        <v>5</v>
      </c>
      <c r="C82" s="16">
        <v>7</v>
      </c>
      <c r="D82" s="17">
        <v>12</v>
      </c>
    </row>
    <row r="83" spans="1:4" ht="18" customHeight="1" x14ac:dyDescent="0.2">
      <c r="A83" s="18" t="s">
        <v>61</v>
      </c>
      <c r="B83" s="15">
        <v>50</v>
      </c>
      <c r="C83" s="16">
        <v>55</v>
      </c>
      <c r="D83" s="17">
        <v>105</v>
      </c>
    </row>
    <row r="84" spans="1:4" ht="18" customHeight="1" x14ac:dyDescent="0.2">
      <c r="A84" s="18" t="s">
        <v>62</v>
      </c>
      <c r="B84" s="15">
        <v>516</v>
      </c>
      <c r="C84" s="16">
        <v>452</v>
      </c>
      <c r="D84" s="17">
        <v>968</v>
      </c>
    </row>
    <row r="85" spans="1:4" ht="18" customHeight="1" x14ac:dyDescent="0.2">
      <c r="A85" s="14">
        <v>65</v>
      </c>
      <c r="B85" s="15">
        <v>11</v>
      </c>
      <c r="C85" s="16">
        <v>13</v>
      </c>
      <c r="D85" s="17">
        <v>24</v>
      </c>
    </row>
    <row r="86" spans="1:4" ht="18" customHeight="1" x14ac:dyDescent="0.2">
      <c r="A86" s="14">
        <v>66</v>
      </c>
      <c r="B86" s="15">
        <v>16</v>
      </c>
      <c r="C86" s="16">
        <v>15</v>
      </c>
      <c r="D86" s="17">
        <v>31</v>
      </c>
    </row>
    <row r="87" spans="1:4" ht="18" customHeight="1" x14ac:dyDescent="0.2">
      <c r="A87" s="14">
        <v>67</v>
      </c>
      <c r="B87" s="15">
        <v>7</v>
      </c>
      <c r="C87" s="16">
        <v>11</v>
      </c>
      <c r="D87" s="17">
        <v>18</v>
      </c>
    </row>
    <row r="88" spans="1:4" ht="18" customHeight="1" x14ac:dyDescent="0.2">
      <c r="A88" s="14">
        <v>68</v>
      </c>
      <c r="B88" s="15">
        <v>6</v>
      </c>
      <c r="C88" s="16">
        <v>15</v>
      </c>
      <c r="D88" s="17">
        <v>21</v>
      </c>
    </row>
    <row r="89" spans="1:4" ht="18" customHeight="1" x14ac:dyDescent="0.2">
      <c r="A89" s="14">
        <v>69</v>
      </c>
      <c r="B89" s="15">
        <v>20</v>
      </c>
      <c r="C89" s="16">
        <v>15</v>
      </c>
      <c r="D89" s="17">
        <v>35</v>
      </c>
    </row>
    <row r="90" spans="1:4" ht="18" customHeight="1" x14ac:dyDescent="0.2">
      <c r="A90" s="18" t="s">
        <v>63</v>
      </c>
      <c r="B90" s="15">
        <v>60</v>
      </c>
      <c r="C90" s="16">
        <v>69</v>
      </c>
      <c r="D90" s="17">
        <v>129</v>
      </c>
    </row>
    <row r="91" spans="1:4" ht="18" customHeight="1" x14ac:dyDescent="0.2">
      <c r="A91" s="14">
        <v>70</v>
      </c>
      <c r="B91" s="15">
        <v>20</v>
      </c>
      <c r="C91" s="16">
        <v>19</v>
      </c>
      <c r="D91" s="17">
        <v>39</v>
      </c>
    </row>
    <row r="92" spans="1:4" ht="18" customHeight="1" x14ac:dyDescent="0.2">
      <c r="A92" s="14">
        <v>71</v>
      </c>
      <c r="B92" s="15">
        <v>16</v>
      </c>
      <c r="C92" s="16">
        <v>12</v>
      </c>
      <c r="D92" s="17">
        <v>28</v>
      </c>
    </row>
    <row r="93" spans="1:4" ht="18" customHeight="1" x14ac:dyDescent="0.2">
      <c r="A93" s="14">
        <v>72</v>
      </c>
      <c r="B93" s="15">
        <v>8</v>
      </c>
      <c r="C93" s="16">
        <v>15</v>
      </c>
      <c r="D93" s="17">
        <v>23</v>
      </c>
    </row>
    <row r="94" spans="1:4" ht="18" customHeight="1" x14ac:dyDescent="0.2">
      <c r="A94" s="14">
        <v>73</v>
      </c>
      <c r="B94" s="15">
        <v>11</v>
      </c>
      <c r="C94" s="16">
        <v>11</v>
      </c>
      <c r="D94" s="17">
        <v>22</v>
      </c>
    </row>
    <row r="95" spans="1:4" ht="18" customHeight="1" x14ac:dyDescent="0.2">
      <c r="A95" s="14">
        <v>74</v>
      </c>
      <c r="B95" s="15">
        <v>13</v>
      </c>
      <c r="C95" s="16">
        <v>10</v>
      </c>
      <c r="D95" s="17">
        <v>23</v>
      </c>
    </row>
    <row r="96" spans="1:4" ht="18" customHeight="1" x14ac:dyDescent="0.2">
      <c r="A96" s="18" t="s">
        <v>64</v>
      </c>
      <c r="B96" s="15">
        <v>68</v>
      </c>
      <c r="C96" s="16">
        <v>67</v>
      </c>
      <c r="D96" s="17">
        <v>135</v>
      </c>
    </row>
    <row r="97" spans="1:4" ht="18" customHeight="1" x14ac:dyDescent="0.2">
      <c r="A97" s="14">
        <v>75</v>
      </c>
      <c r="B97" s="15">
        <v>9</v>
      </c>
      <c r="C97" s="16">
        <v>11</v>
      </c>
      <c r="D97" s="17">
        <v>20</v>
      </c>
    </row>
    <row r="98" spans="1:4" ht="18" customHeight="1" x14ac:dyDescent="0.2">
      <c r="A98" s="14">
        <v>76</v>
      </c>
      <c r="B98" s="15">
        <v>12</v>
      </c>
      <c r="C98" s="16">
        <v>11</v>
      </c>
      <c r="D98" s="17">
        <v>23</v>
      </c>
    </row>
    <row r="99" spans="1:4" ht="18" customHeight="1" x14ac:dyDescent="0.2">
      <c r="A99" s="14">
        <v>77</v>
      </c>
      <c r="B99" s="15">
        <v>5</v>
      </c>
      <c r="C99" s="16">
        <v>17</v>
      </c>
      <c r="D99" s="17">
        <v>22</v>
      </c>
    </row>
    <row r="100" spans="1:4" ht="18" customHeight="1" x14ac:dyDescent="0.2">
      <c r="A100" s="14">
        <v>78</v>
      </c>
      <c r="B100" s="15">
        <v>10</v>
      </c>
      <c r="C100" s="16">
        <v>15</v>
      </c>
      <c r="D100" s="17">
        <v>25</v>
      </c>
    </row>
    <row r="101" spans="1:4" ht="18" customHeight="1" x14ac:dyDescent="0.2">
      <c r="A101" s="14">
        <v>79</v>
      </c>
      <c r="B101" s="15">
        <v>5</v>
      </c>
      <c r="C101" s="16">
        <v>11</v>
      </c>
      <c r="D101" s="17">
        <v>16</v>
      </c>
    </row>
    <row r="102" spans="1:4" ht="18" customHeight="1" x14ac:dyDescent="0.2">
      <c r="A102" s="18" t="s">
        <v>65</v>
      </c>
      <c r="B102" s="15">
        <v>41</v>
      </c>
      <c r="C102" s="16">
        <v>65</v>
      </c>
      <c r="D102" s="17">
        <v>106</v>
      </c>
    </row>
    <row r="103" spans="1:4" ht="18" customHeight="1" x14ac:dyDescent="0.2">
      <c r="A103" s="14">
        <v>80</v>
      </c>
      <c r="B103" s="15">
        <v>5</v>
      </c>
      <c r="C103" s="16">
        <v>7</v>
      </c>
      <c r="D103" s="17">
        <v>12</v>
      </c>
    </row>
    <row r="104" spans="1:4" ht="18" customHeight="1" x14ac:dyDescent="0.2">
      <c r="A104" s="14">
        <v>81</v>
      </c>
      <c r="B104" s="15">
        <v>10</v>
      </c>
      <c r="C104" s="16">
        <v>18</v>
      </c>
      <c r="D104" s="17">
        <v>28</v>
      </c>
    </row>
    <row r="105" spans="1:4" ht="18" customHeight="1" x14ac:dyDescent="0.2">
      <c r="A105" s="14">
        <v>82</v>
      </c>
      <c r="B105" s="15">
        <v>7</v>
      </c>
      <c r="C105" s="16">
        <v>13</v>
      </c>
      <c r="D105" s="17">
        <v>20</v>
      </c>
    </row>
    <row r="106" spans="1:4" ht="18" customHeight="1" x14ac:dyDescent="0.2">
      <c r="A106" s="14">
        <v>83</v>
      </c>
      <c r="B106" s="15">
        <v>3</v>
      </c>
      <c r="C106" s="16">
        <v>12</v>
      </c>
      <c r="D106" s="17">
        <v>15</v>
      </c>
    </row>
    <row r="107" spans="1:4" ht="18" customHeight="1" x14ac:dyDescent="0.2">
      <c r="A107" s="14">
        <v>84</v>
      </c>
      <c r="B107" s="15">
        <v>8</v>
      </c>
      <c r="C107" s="16">
        <v>7</v>
      </c>
      <c r="D107" s="17">
        <v>15</v>
      </c>
    </row>
    <row r="108" spans="1:4" ht="18" customHeight="1" x14ac:dyDescent="0.2">
      <c r="A108" s="18" t="s">
        <v>66</v>
      </c>
      <c r="B108" s="15">
        <v>33</v>
      </c>
      <c r="C108" s="16">
        <v>57</v>
      </c>
      <c r="D108" s="17">
        <v>90</v>
      </c>
    </row>
    <row r="109" spans="1:4" ht="18" customHeight="1" x14ac:dyDescent="0.2">
      <c r="A109" s="14">
        <v>85</v>
      </c>
      <c r="B109" s="15">
        <v>3</v>
      </c>
      <c r="C109" s="16">
        <v>5</v>
      </c>
      <c r="D109" s="17">
        <v>8</v>
      </c>
    </row>
    <row r="110" spans="1:4" ht="18" customHeight="1" x14ac:dyDescent="0.2">
      <c r="A110" s="14">
        <v>86</v>
      </c>
      <c r="B110" s="15">
        <v>2</v>
      </c>
      <c r="C110" s="16">
        <v>7</v>
      </c>
      <c r="D110" s="17">
        <v>9</v>
      </c>
    </row>
    <row r="111" spans="1:4" ht="18" customHeight="1" x14ac:dyDescent="0.2">
      <c r="A111" s="14">
        <v>87</v>
      </c>
      <c r="B111" s="15">
        <v>3</v>
      </c>
      <c r="C111" s="16">
        <v>10</v>
      </c>
      <c r="D111" s="17">
        <v>13</v>
      </c>
    </row>
    <row r="112" spans="1:4" ht="18" customHeight="1" x14ac:dyDescent="0.2">
      <c r="A112" s="14">
        <v>88</v>
      </c>
      <c r="B112" s="15">
        <v>3</v>
      </c>
      <c r="C112" s="16">
        <v>9</v>
      </c>
      <c r="D112" s="17">
        <v>12</v>
      </c>
    </row>
    <row r="113" spans="1:4" ht="18" customHeight="1" x14ac:dyDescent="0.2">
      <c r="A113" s="14">
        <v>89</v>
      </c>
      <c r="B113" s="15">
        <v>1</v>
      </c>
      <c r="C113" s="16">
        <v>6</v>
      </c>
      <c r="D113" s="17">
        <v>7</v>
      </c>
    </row>
    <row r="114" spans="1:4" ht="18" customHeight="1" x14ac:dyDescent="0.2">
      <c r="A114" s="18" t="s">
        <v>67</v>
      </c>
      <c r="B114" s="15">
        <v>12</v>
      </c>
      <c r="C114" s="16">
        <v>37</v>
      </c>
      <c r="D114" s="17">
        <v>49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7</v>
      </c>
      <c r="C120" s="16">
        <v>17</v>
      </c>
      <c r="D120" s="17">
        <v>24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8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22</v>
      </c>
      <c r="C130" s="5">
        <v>320</v>
      </c>
      <c r="D130" s="6">
        <v>542</v>
      </c>
    </row>
    <row r="131" spans="1:4" ht="18" customHeight="1" x14ac:dyDescent="0.2">
      <c r="A131" s="20" t="s">
        <v>47</v>
      </c>
      <c r="B131" s="7">
        <v>849</v>
      </c>
      <c r="C131" s="8">
        <v>869</v>
      </c>
      <c r="D131" s="9">
        <v>171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</v>
      </c>
      <c r="C5" s="12">
        <v>5</v>
      </c>
      <c r="D5" s="13">
        <v>9</v>
      </c>
    </row>
    <row r="6" spans="1:10" ht="18" customHeight="1" x14ac:dyDescent="0.2">
      <c r="A6" s="14">
        <v>1</v>
      </c>
      <c r="B6" s="15">
        <v>6</v>
      </c>
      <c r="C6" s="16">
        <v>4</v>
      </c>
      <c r="D6" s="17">
        <v>10</v>
      </c>
    </row>
    <row r="7" spans="1:10" ht="18" customHeight="1" x14ac:dyDescent="0.2">
      <c r="A7" s="14">
        <v>2</v>
      </c>
      <c r="B7" s="15">
        <v>5</v>
      </c>
      <c r="C7" s="16">
        <v>4</v>
      </c>
      <c r="D7" s="17">
        <v>9</v>
      </c>
    </row>
    <row r="8" spans="1:10" ht="18" customHeight="1" x14ac:dyDescent="0.2">
      <c r="A8" s="14">
        <v>3</v>
      </c>
      <c r="B8" s="15">
        <v>2</v>
      </c>
      <c r="C8" s="16">
        <v>3</v>
      </c>
      <c r="D8" s="17">
        <v>5</v>
      </c>
    </row>
    <row r="9" spans="1:10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10" ht="18" customHeight="1" x14ac:dyDescent="0.2">
      <c r="A10" s="18" t="s">
        <v>48</v>
      </c>
      <c r="B10" s="15">
        <v>21</v>
      </c>
      <c r="C10" s="16">
        <v>19</v>
      </c>
      <c r="D10" s="17">
        <v>40</v>
      </c>
    </row>
    <row r="11" spans="1:10" ht="18" customHeight="1" x14ac:dyDescent="0.2">
      <c r="A11" s="14">
        <v>5</v>
      </c>
      <c r="B11" s="15">
        <v>3</v>
      </c>
      <c r="C11" s="16">
        <v>4</v>
      </c>
      <c r="D11" s="17">
        <v>7</v>
      </c>
    </row>
    <row r="12" spans="1:10" ht="18" customHeight="1" x14ac:dyDescent="0.2">
      <c r="A12" s="14">
        <v>6</v>
      </c>
      <c r="B12" s="15">
        <v>2</v>
      </c>
      <c r="C12" s="16">
        <v>6</v>
      </c>
      <c r="D12" s="17">
        <v>8</v>
      </c>
    </row>
    <row r="13" spans="1:10" ht="18" customHeight="1" x14ac:dyDescent="0.2">
      <c r="A13" s="14">
        <v>7</v>
      </c>
      <c r="B13" s="15">
        <v>3</v>
      </c>
      <c r="C13" s="16">
        <v>3</v>
      </c>
      <c r="D13" s="17">
        <v>6</v>
      </c>
    </row>
    <row r="14" spans="1:10" ht="18" customHeight="1" x14ac:dyDescent="0.2">
      <c r="A14" s="14">
        <v>8</v>
      </c>
      <c r="B14" s="15">
        <v>4</v>
      </c>
      <c r="C14" s="16">
        <v>3</v>
      </c>
      <c r="D14" s="17">
        <v>7</v>
      </c>
    </row>
    <row r="15" spans="1:10" ht="18" customHeight="1" x14ac:dyDescent="0.2">
      <c r="A15" s="14">
        <v>9</v>
      </c>
      <c r="B15" s="15">
        <v>3</v>
      </c>
      <c r="C15" s="16">
        <v>4</v>
      </c>
      <c r="D15" s="17">
        <v>7</v>
      </c>
    </row>
    <row r="16" spans="1:10" ht="18" customHeight="1" x14ac:dyDescent="0.2">
      <c r="A16" s="18" t="s">
        <v>49</v>
      </c>
      <c r="B16" s="15">
        <v>15</v>
      </c>
      <c r="C16" s="16">
        <v>20</v>
      </c>
      <c r="D16" s="17">
        <v>35</v>
      </c>
    </row>
    <row r="17" spans="1:4" ht="18" customHeight="1" x14ac:dyDescent="0.2">
      <c r="A17" s="14">
        <v>10</v>
      </c>
      <c r="B17" s="15">
        <v>3</v>
      </c>
      <c r="C17" s="16">
        <v>4</v>
      </c>
      <c r="D17" s="17">
        <v>7</v>
      </c>
    </row>
    <row r="18" spans="1:4" ht="18" customHeight="1" x14ac:dyDescent="0.2">
      <c r="A18" s="14">
        <v>11</v>
      </c>
      <c r="B18" s="15">
        <v>2</v>
      </c>
      <c r="C18" s="16">
        <v>5</v>
      </c>
      <c r="D18" s="17">
        <v>7</v>
      </c>
    </row>
    <row r="19" spans="1:4" ht="18" customHeight="1" x14ac:dyDescent="0.2">
      <c r="A19" s="14">
        <v>12</v>
      </c>
      <c r="B19" s="15">
        <v>4</v>
      </c>
      <c r="C19" s="16">
        <v>4</v>
      </c>
      <c r="D19" s="17">
        <v>8</v>
      </c>
    </row>
    <row r="20" spans="1:4" ht="18" customHeight="1" x14ac:dyDescent="0.2">
      <c r="A20" s="14">
        <v>13</v>
      </c>
      <c r="B20" s="15">
        <v>3</v>
      </c>
      <c r="C20" s="16">
        <v>4</v>
      </c>
      <c r="D20" s="17">
        <v>7</v>
      </c>
    </row>
    <row r="21" spans="1:4" ht="18" customHeight="1" x14ac:dyDescent="0.2">
      <c r="A21" s="14">
        <v>14</v>
      </c>
      <c r="B21" s="15">
        <v>8</v>
      </c>
      <c r="C21" s="16">
        <v>9</v>
      </c>
      <c r="D21" s="17">
        <v>17</v>
      </c>
    </row>
    <row r="22" spans="1:4" ht="18" customHeight="1" x14ac:dyDescent="0.2">
      <c r="A22" s="18" t="s">
        <v>50</v>
      </c>
      <c r="B22" s="15">
        <v>20</v>
      </c>
      <c r="C22" s="16">
        <v>26</v>
      </c>
      <c r="D22" s="17">
        <v>46</v>
      </c>
    </row>
    <row r="23" spans="1:4" ht="18" customHeight="1" x14ac:dyDescent="0.2">
      <c r="A23" s="18" t="s">
        <v>51</v>
      </c>
      <c r="B23" s="15">
        <v>56</v>
      </c>
      <c r="C23" s="16">
        <v>65</v>
      </c>
      <c r="D23" s="17">
        <v>121</v>
      </c>
    </row>
    <row r="24" spans="1:4" ht="18" customHeight="1" x14ac:dyDescent="0.2">
      <c r="A24" s="14">
        <v>15</v>
      </c>
      <c r="B24" s="15">
        <v>10</v>
      </c>
      <c r="C24" s="16">
        <v>1</v>
      </c>
      <c r="D24" s="17">
        <v>11</v>
      </c>
    </row>
    <row r="25" spans="1:4" ht="18" customHeight="1" x14ac:dyDescent="0.2">
      <c r="A25" s="14">
        <v>16</v>
      </c>
      <c r="B25" s="15">
        <v>7</v>
      </c>
      <c r="C25" s="16">
        <v>6</v>
      </c>
      <c r="D25" s="17">
        <v>13</v>
      </c>
    </row>
    <row r="26" spans="1:4" ht="18" customHeight="1" x14ac:dyDescent="0.2">
      <c r="A26" s="14">
        <v>17</v>
      </c>
      <c r="B26" s="15">
        <v>5</v>
      </c>
      <c r="C26" s="16">
        <v>7</v>
      </c>
      <c r="D26" s="17">
        <v>12</v>
      </c>
    </row>
    <row r="27" spans="1:4" ht="18" customHeight="1" x14ac:dyDescent="0.2">
      <c r="A27" s="14">
        <v>18</v>
      </c>
      <c r="B27" s="15">
        <v>9</v>
      </c>
      <c r="C27" s="16">
        <v>10</v>
      </c>
      <c r="D27" s="17">
        <v>19</v>
      </c>
    </row>
    <row r="28" spans="1:4" ht="18" customHeight="1" x14ac:dyDescent="0.2">
      <c r="A28" s="14">
        <v>19</v>
      </c>
      <c r="B28" s="15">
        <v>12</v>
      </c>
      <c r="C28" s="16">
        <v>19</v>
      </c>
      <c r="D28" s="17">
        <v>31</v>
      </c>
    </row>
    <row r="29" spans="1:4" ht="18" customHeight="1" x14ac:dyDescent="0.2">
      <c r="A29" s="18" t="s">
        <v>52</v>
      </c>
      <c r="B29" s="15">
        <v>43</v>
      </c>
      <c r="C29" s="16">
        <v>43</v>
      </c>
      <c r="D29" s="17">
        <v>86</v>
      </c>
    </row>
    <row r="30" spans="1:4" ht="18" customHeight="1" x14ac:dyDescent="0.2">
      <c r="A30" s="14">
        <v>20</v>
      </c>
      <c r="B30" s="15">
        <v>11</v>
      </c>
      <c r="C30" s="16">
        <v>23</v>
      </c>
      <c r="D30" s="17">
        <v>34</v>
      </c>
    </row>
    <row r="31" spans="1:4" ht="18" customHeight="1" x14ac:dyDescent="0.2">
      <c r="A31" s="14">
        <v>21</v>
      </c>
      <c r="B31" s="15">
        <v>25</v>
      </c>
      <c r="C31" s="16">
        <v>23</v>
      </c>
      <c r="D31" s="17">
        <v>48</v>
      </c>
    </row>
    <row r="32" spans="1:4" ht="18" customHeight="1" x14ac:dyDescent="0.2">
      <c r="A32" s="14">
        <v>22</v>
      </c>
      <c r="B32" s="15">
        <v>22</v>
      </c>
      <c r="C32" s="16">
        <v>26</v>
      </c>
      <c r="D32" s="17">
        <v>48</v>
      </c>
    </row>
    <row r="33" spans="1:4" ht="18" customHeight="1" x14ac:dyDescent="0.2">
      <c r="A33" s="14">
        <v>23</v>
      </c>
      <c r="B33" s="15">
        <v>25</v>
      </c>
      <c r="C33" s="16">
        <v>34</v>
      </c>
      <c r="D33" s="17">
        <v>59</v>
      </c>
    </row>
    <row r="34" spans="1:4" ht="18" customHeight="1" x14ac:dyDescent="0.2">
      <c r="A34" s="14">
        <v>24</v>
      </c>
      <c r="B34" s="15">
        <v>22</v>
      </c>
      <c r="C34" s="16">
        <v>38</v>
      </c>
      <c r="D34" s="17">
        <v>60</v>
      </c>
    </row>
    <row r="35" spans="1:4" ht="18" customHeight="1" x14ac:dyDescent="0.2">
      <c r="A35" s="18" t="s">
        <v>53</v>
      </c>
      <c r="B35" s="15">
        <v>105</v>
      </c>
      <c r="C35" s="16">
        <v>144</v>
      </c>
      <c r="D35" s="17">
        <v>249</v>
      </c>
    </row>
    <row r="36" spans="1:4" ht="18" customHeight="1" x14ac:dyDescent="0.2">
      <c r="A36" s="14">
        <v>25</v>
      </c>
      <c r="B36" s="15">
        <v>20</v>
      </c>
      <c r="C36" s="16">
        <v>28</v>
      </c>
      <c r="D36" s="17">
        <v>48</v>
      </c>
    </row>
    <row r="37" spans="1:4" ht="18" customHeight="1" x14ac:dyDescent="0.2">
      <c r="A37" s="14">
        <v>26</v>
      </c>
      <c r="B37" s="15">
        <v>18</v>
      </c>
      <c r="C37" s="16">
        <v>30</v>
      </c>
      <c r="D37" s="17">
        <v>48</v>
      </c>
    </row>
    <row r="38" spans="1:4" ht="18" customHeight="1" x14ac:dyDescent="0.2">
      <c r="A38" s="14">
        <v>27</v>
      </c>
      <c r="B38" s="15">
        <v>13</v>
      </c>
      <c r="C38" s="16">
        <v>12</v>
      </c>
      <c r="D38" s="17">
        <v>25</v>
      </c>
    </row>
    <row r="39" spans="1:4" ht="18" customHeight="1" x14ac:dyDescent="0.2">
      <c r="A39" s="14">
        <v>28</v>
      </c>
      <c r="B39" s="15">
        <v>10</v>
      </c>
      <c r="C39" s="16">
        <v>10</v>
      </c>
      <c r="D39" s="17">
        <v>20</v>
      </c>
    </row>
    <row r="40" spans="1:4" ht="18" customHeight="1" x14ac:dyDescent="0.2">
      <c r="A40" s="14">
        <v>29</v>
      </c>
      <c r="B40" s="15">
        <v>16</v>
      </c>
      <c r="C40" s="16">
        <v>7</v>
      </c>
      <c r="D40" s="17">
        <v>23</v>
      </c>
    </row>
    <row r="41" spans="1:4" ht="18" customHeight="1" x14ac:dyDescent="0.2">
      <c r="A41" s="18" t="s">
        <v>54</v>
      </c>
      <c r="B41" s="15">
        <v>77</v>
      </c>
      <c r="C41" s="16">
        <v>87</v>
      </c>
      <c r="D41" s="17">
        <v>164</v>
      </c>
    </row>
    <row r="42" spans="1:4" ht="18" customHeight="1" x14ac:dyDescent="0.2">
      <c r="A42" s="14">
        <v>30</v>
      </c>
      <c r="B42" s="15">
        <v>13</v>
      </c>
      <c r="C42" s="16">
        <v>5</v>
      </c>
      <c r="D42" s="17">
        <v>18</v>
      </c>
    </row>
    <row r="43" spans="1:4" ht="18" customHeight="1" x14ac:dyDescent="0.2">
      <c r="A43" s="14">
        <v>31</v>
      </c>
      <c r="B43" s="15">
        <v>11</v>
      </c>
      <c r="C43" s="16">
        <v>6</v>
      </c>
      <c r="D43" s="17">
        <v>17</v>
      </c>
    </row>
    <row r="44" spans="1:4" ht="18" customHeight="1" x14ac:dyDescent="0.2">
      <c r="A44" s="14">
        <v>32</v>
      </c>
      <c r="B44" s="15">
        <v>14</v>
      </c>
      <c r="C44" s="16">
        <v>13</v>
      </c>
      <c r="D44" s="17">
        <v>27</v>
      </c>
    </row>
    <row r="45" spans="1:4" ht="18" customHeight="1" x14ac:dyDescent="0.2">
      <c r="A45" s="14">
        <v>33</v>
      </c>
      <c r="B45" s="15">
        <v>9</v>
      </c>
      <c r="C45" s="16">
        <v>9</v>
      </c>
      <c r="D45" s="17">
        <v>18</v>
      </c>
    </row>
    <row r="46" spans="1:4" ht="18" customHeight="1" x14ac:dyDescent="0.2">
      <c r="A46" s="14">
        <v>34</v>
      </c>
      <c r="B46" s="15">
        <v>11</v>
      </c>
      <c r="C46" s="16">
        <v>4</v>
      </c>
      <c r="D46" s="17">
        <v>15</v>
      </c>
    </row>
    <row r="47" spans="1:4" ht="18" customHeight="1" x14ac:dyDescent="0.2">
      <c r="A47" s="18" t="s">
        <v>55</v>
      </c>
      <c r="B47" s="15">
        <v>58</v>
      </c>
      <c r="C47" s="16">
        <v>37</v>
      </c>
      <c r="D47" s="17">
        <v>95</v>
      </c>
    </row>
    <row r="48" spans="1:4" ht="18" customHeight="1" x14ac:dyDescent="0.2">
      <c r="A48" s="14">
        <v>35</v>
      </c>
      <c r="B48" s="15">
        <v>11</v>
      </c>
      <c r="C48" s="16">
        <v>7</v>
      </c>
      <c r="D48" s="17">
        <v>18</v>
      </c>
    </row>
    <row r="49" spans="1:4" ht="18" customHeight="1" x14ac:dyDescent="0.2">
      <c r="A49" s="14">
        <v>36</v>
      </c>
      <c r="B49" s="15">
        <v>10</v>
      </c>
      <c r="C49" s="16">
        <v>5</v>
      </c>
      <c r="D49" s="17">
        <v>15</v>
      </c>
    </row>
    <row r="50" spans="1:4" ht="18" customHeight="1" x14ac:dyDescent="0.2">
      <c r="A50" s="14">
        <v>37</v>
      </c>
      <c r="B50" s="15">
        <v>14</v>
      </c>
      <c r="C50" s="16">
        <v>4</v>
      </c>
      <c r="D50" s="17">
        <v>18</v>
      </c>
    </row>
    <row r="51" spans="1:4" ht="18" customHeight="1" x14ac:dyDescent="0.2">
      <c r="A51" s="14">
        <v>38</v>
      </c>
      <c r="B51" s="15">
        <v>10</v>
      </c>
      <c r="C51" s="16">
        <v>9</v>
      </c>
      <c r="D51" s="17">
        <v>19</v>
      </c>
    </row>
    <row r="52" spans="1:4" ht="18" customHeight="1" x14ac:dyDescent="0.2">
      <c r="A52" s="14">
        <v>39</v>
      </c>
      <c r="B52" s="15">
        <v>5</v>
      </c>
      <c r="C52" s="16">
        <v>6</v>
      </c>
      <c r="D52" s="17">
        <v>11</v>
      </c>
    </row>
    <row r="53" spans="1:4" ht="18" customHeight="1" x14ac:dyDescent="0.2">
      <c r="A53" s="18" t="s">
        <v>56</v>
      </c>
      <c r="B53" s="15">
        <v>50</v>
      </c>
      <c r="C53" s="16">
        <v>31</v>
      </c>
      <c r="D53" s="17">
        <v>81</v>
      </c>
    </row>
    <row r="54" spans="1:4" ht="18" customHeight="1" x14ac:dyDescent="0.2">
      <c r="A54" s="14">
        <v>40</v>
      </c>
      <c r="B54" s="15">
        <v>8</v>
      </c>
      <c r="C54" s="16">
        <v>10</v>
      </c>
      <c r="D54" s="17">
        <v>18</v>
      </c>
    </row>
    <row r="55" spans="1:4" ht="18" customHeight="1" x14ac:dyDescent="0.2">
      <c r="A55" s="14">
        <v>41</v>
      </c>
      <c r="B55" s="15">
        <v>11</v>
      </c>
      <c r="C55" s="16">
        <v>10</v>
      </c>
      <c r="D55" s="17">
        <v>21</v>
      </c>
    </row>
    <row r="56" spans="1:4" ht="18" customHeight="1" x14ac:dyDescent="0.2">
      <c r="A56" s="14">
        <v>42</v>
      </c>
      <c r="B56" s="15">
        <v>11</v>
      </c>
      <c r="C56" s="16">
        <v>11</v>
      </c>
      <c r="D56" s="17">
        <v>22</v>
      </c>
    </row>
    <row r="57" spans="1:4" ht="18" customHeight="1" x14ac:dyDescent="0.2">
      <c r="A57" s="14">
        <v>43</v>
      </c>
      <c r="B57" s="15">
        <v>16</v>
      </c>
      <c r="C57" s="16">
        <v>6</v>
      </c>
      <c r="D57" s="17">
        <v>22</v>
      </c>
    </row>
    <row r="58" spans="1:4" ht="18" customHeight="1" x14ac:dyDescent="0.2">
      <c r="A58" s="14">
        <v>44</v>
      </c>
      <c r="B58" s="15">
        <v>13</v>
      </c>
      <c r="C58" s="16">
        <v>14</v>
      </c>
      <c r="D58" s="17">
        <v>27</v>
      </c>
    </row>
    <row r="59" spans="1:4" ht="18" customHeight="1" x14ac:dyDescent="0.2">
      <c r="A59" s="18" t="s">
        <v>57</v>
      </c>
      <c r="B59" s="15">
        <v>59</v>
      </c>
      <c r="C59" s="16">
        <v>51</v>
      </c>
      <c r="D59" s="17">
        <v>110</v>
      </c>
    </row>
    <row r="60" spans="1:4" ht="18" customHeight="1" x14ac:dyDescent="0.2">
      <c r="A60" s="14">
        <v>45</v>
      </c>
      <c r="B60" s="15">
        <v>17</v>
      </c>
      <c r="C60" s="16">
        <v>10</v>
      </c>
      <c r="D60" s="17">
        <v>27</v>
      </c>
    </row>
    <row r="61" spans="1:4" ht="18" customHeight="1" x14ac:dyDescent="0.2">
      <c r="A61" s="14">
        <v>46</v>
      </c>
      <c r="B61" s="15">
        <v>9</v>
      </c>
      <c r="C61" s="16">
        <v>12</v>
      </c>
      <c r="D61" s="17">
        <v>21</v>
      </c>
    </row>
    <row r="62" spans="1:4" ht="18" customHeight="1" x14ac:dyDescent="0.2">
      <c r="A62" s="14">
        <v>47</v>
      </c>
      <c r="B62" s="15">
        <v>9</v>
      </c>
      <c r="C62" s="16">
        <v>6</v>
      </c>
      <c r="D62" s="17">
        <v>15</v>
      </c>
    </row>
    <row r="63" spans="1:4" ht="18" customHeight="1" x14ac:dyDescent="0.2">
      <c r="A63" s="14">
        <v>48</v>
      </c>
      <c r="B63" s="15">
        <v>13</v>
      </c>
      <c r="C63" s="16">
        <v>11</v>
      </c>
      <c r="D63" s="17">
        <v>24</v>
      </c>
    </row>
    <row r="64" spans="1:4" ht="18" customHeight="1" x14ac:dyDescent="0.2">
      <c r="A64" s="14">
        <v>49</v>
      </c>
      <c r="B64" s="15">
        <v>12</v>
      </c>
      <c r="C64" s="16">
        <v>6</v>
      </c>
      <c r="D64" s="17">
        <v>18</v>
      </c>
    </row>
    <row r="65" spans="1:4" ht="18" customHeight="1" x14ac:dyDescent="0.2">
      <c r="A65" s="18" t="s">
        <v>58</v>
      </c>
      <c r="B65" s="15">
        <v>60</v>
      </c>
      <c r="C65" s="16">
        <v>45</v>
      </c>
      <c r="D65" s="17">
        <v>105</v>
      </c>
    </row>
    <row r="66" spans="1:4" ht="18" customHeight="1" x14ac:dyDescent="0.2">
      <c r="A66" s="14">
        <v>50</v>
      </c>
      <c r="B66" s="15">
        <v>7</v>
      </c>
      <c r="C66" s="16">
        <v>8</v>
      </c>
      <c r="D66" s="17">
        <v>15</v>
      </c>
    </row>
    <row r="67" spans="1:4" ht="18" customHeight="1" x14ac:dyDescent="0.2">
      <c r="A67" s="14">
        <v>51</v>
      </c>
      <c r="B67" s="15">
        <v>12</v>
      </c>
      <c r="C67" s="16">
        <v>8</v>
      </c>
      <c r="D67" s="17">
        <v>20</v>
      </c>
    </row>
    <row r="68" spans="1:4" ht="18" customHeight="1" x14ac:dyDescent="0.2">
      <c r="A68" s="14">
        <v>52</v>
      </c>
      <c r="B68" s="15">
        <v>11</v>
      </c>
      <c r="C68" s="16">
        <v>7</v>
      </c>
      <c r="D68" s="17">
        <v>18</v>
      </c>
    </row>
    <row r="69" spans="1:4" ht="18" customHeight="1" x14ac:dyDescent="0.2">
      <c r="A69" s="14">
        <v>53</v>
      </c>
      <c r="B69" s="15">
        <v>17</v>
      </c>
      <c r="C69" s="16">
        <v>8</v>
      </c>
      <c r="D69" s="17">
        <v>25</v>
      </c>
    </row>
    <row r="70" spans="1:4" ht="18" customHeight="1" x14ac:dyDescent="0.2">
      <c r="A70" s="14">
        <v>54</v>
      </c>
      <c r="B70" s="15">
        <v>8</v>
      </c>
      <c r="C70" s="16">
        <v>10</v>
      </c>
      <c r="D70" s="17">
        <v>18</v>
      </c>
    </row>
    <row r="71" spans="1:4" ht="18" customHeight="1" x14ac:dyDescent="0.2">
      <c r="A71" s="18" t="s">
        <v>59</v>
      </c>
      <c r="B71" s="15">
        <v>55</v>
      </c>
      <c r="C71" s="16">
        <v>41</v>
      </c>
      <c r="D71" s="17">
        <v>96</v>
      </c>
    </row>
    <row r="72" spans="1:4" ht="18" customHeight="1" x14ac:dyDescent="0.2">
      <c r="A72" s="14">
        <v>55</v>
      </c>
      <c r="B72" s="15">
        <v>5</v>
      </c>
      <c r="C72" s="16">
        <v>15</v>
      </c>
      <c r="D72" s="17">
        <v>20</v>
      </c>
    </row>
    <row r="73" spans="1:4" ht="18" customHeight="1" x14ac:dyDescent="0.2">
      <c r="A73" s="14">
        <v>56</v>
      </c>
      <c r="B73" s="15">
        <v>7</v>
      </c>
      <c r="C73" s="16">
        <v>8</v>
      </c>
      <c r="D73" s="17">
        <v>15</v>
      </c>
    </row>
    <row r="74" spans="1:4" ht="18" customHeight="1" x14ac:dyDescent="0.2">
      <c r="A74" s="14">
        <v>57</v>
      </c>
      <c r="B74" s="15">
        <v>14</v>
      </c>
      <c r="C74" s="16">
        <v>14</v>
      </c>
      <c r="D74" s="17">
        <v>28</v>
      </c>
    </row>
    <row r="75" spans="1:4" ht="18" customHeight="1" x14ac:dyDescent="0.2">
      <c r="A75" s="14">
        <v>58</v>
      </c>
      <c r="B75" s="15">
        <v>8</v>
      </c>
      <c r="C75" s="16">
        <v>10</v>
      </c>
      <c r="D75" s="17">
        <v>18</v>
      </c>
    </row>
    <row r="76" spans="1:4" ht="18" customHeight="1" x14ac:dyDescent="0.2">
      <c r="A76" s="14">
        <v>59</v>
      </c>
      <c r="B76" s="15">
        <v>4</v>
      </c>
      <c r="C76" s="16">
        <v>6</v>
      </c>
      <c r="D76" s="17">
        <v>10</v>
      </c>
    </row>
    <row r="77" spans="1:4" ht="18" customHeight="1" x14ac:dyDescent="0.2">
      <c r="A77" s="18" t="s">
        <v>60</v>
      </c>
      <c r="B77" s="15">
        <v>38</v>
      </c>
      <c r="C77" s="16">
        <v>53</v>
      </c>
      <c r="D77" s="17">
        <v>91</v>
      </c>
    </row>
    <row r="78" spans="1:4" ht="18" customHeight="1" x14ac:dyDescent="0.2">
      <c r="A78" s="14">
        <v>60</v>
      </c>
      <c r="B78" s="15">
        <v>9</v>
      </c>
      <c r="C78" s="16">
        <v>3</v>
      </c>
      <c r="D78" s="17">
        <v>12</v>
      </c>
    </row>
    <row r="79" spans="1:4" ht="18" customHeight="1" x14ac:dyDescent="0.2">
      <c r="A79" s="14">
        <v>61</v>
      </c>
      <c r="B79" s="15">
        <v>9</v>
      </c>
      <c r="C79" s="16">
        <v>12</v>
      </c>
      <c r="D79" s="17">
        <v>21</v>
      </c>
    </row>
    <row r="80" spans="1:4" ht="18" customHeight="1" x14ac:dyDescent="0.2">
      <c r="A80" s="14">
        <v>62</v>
      </c>
      <c r="B80" s="15">
        <v>10</v>
      </c>
      <c r="C80" s="16">
        <v>7</v>
      </c>
      <c r="D80" s="17">
        <v>17</v>
      </c>
    </row>
    <row r="81" spans="1:4" ht="18" customHeight="1" x14ac:dyDescent="0.2">
      <c r="A81" s="14">
        <v>63</v>
      </c>
      <c r="B81" s="15">
        <v>8</v>
      </c>
      <c r="C81" s="16">
        <v>6</v>
      </c>
      <c r="D81" s="17">
        <v>14</v>
      </c>
    </row>
    <row r="82" spans="1:4" ht="18" customHeight="1" x14ac:dyDescent="0.2">
      <c r="A82" s="14">
        <v>64</v>
      </c>
      <c r="B82" s="15">
        <v>11</v>
      </c>
      <c r="C82" s="16">
        <v>14</v>
      </c>
      <c r="D82" s="17">
        <v>25</v>
      </c>
    </row>
    <row r="83" spans="1:4" ht="18" customHeight="1" x14ac:dyDescent="0.2">
      <c r="A83" s="18" t="s">
        <v>61</v>
      </c>
      <c r="B83" s="15">
        <v>47</v>
      </c>
      <c r="C83" s="16">
        <v>42</v>
      </c>
      <c r="D83" s="17">
        <v>89</v>
      </c>
    </row>
    <row r="84" spans="1:4" ht="18" customHeight="1" x14ac:dyDescent="0.2">
      <c r="A84" s="18" t="s">
        <v>62</v>
      </c>
      <c r="B84" s="15">
        <v>592</v>
      </c>
      <c r="C84" s="16">
        <v>574</v>
      </c>
      <c r="D84" s="17">
        <v>1166</v>
      </c>
    </row>
    <row r="85" spans="1:4" ht="18" customHeight="1" x14ac:dyDescent="0.2">
      <c r="A85" s="14">
        <v>65</v>
      </c>
      <c r="B85" s="15">
        <v>6</v>
      </c>
      <c r="C85" s="16">
        <v>8</v>
      </c>
      <c r="D85" s="17">
        <v>14</v>
      </c>
    </row>
    <row r="86" spans="1:4" ht="18" customHeight="1" x14ac:dyDescent="0.2">
      <c r="A86" s="14">
        <v>66</v>
      </c>
      <c r="B86" s="15">
        <v>10</v>
      </c>
      <c r="C86" s="16">
        <v>11</v>
      </c>
      <c r="D86" s="17">
        <v>21</v>
      </c>
    </row>
    <row r="87" spans="1:4" ht="18" customHeight="1" x14ac:dyDescent="0.2">
      <c r="A87" s="14">
        <v>67</v>
      </c>
      <c r="B87" s="15">
        <v>12</v>
      </c>
      <c r="C87" s="16">
        <v>7</v>
      </c>
      <c r="D87" s="17">
        <v>19</v>
      </c>
    </row>
    <row r="88" spans="1:4" ht="18" customHeight="1" x14ac:dyDescent="0.2">
      <c r="A88" s="14">
        <v>68</v>
      </c>
      <c r="B88" s="15">
        <v>15</v>
      </c>
      <c r="C88" s="16">
        <v>21</v>
      </c>
      <c r="D88" s="17">
        <v>36</v>
      </c>
    </row>
    <row r="89" spans="1:4" ht="18" customHeight="1" x14ac:dyDescent="0.2">
      <c r="A89" s="14">
        <v>69</v>
      </c>
      <c r="B89" s="15">
        <v>15</v>
      </c>
      <c r="C89" s="16">
        <v>17</v>
      </c>
      <c r="D89" s="17">
        <v>32</v>
      </c>
    </row>
    <row r="90" spans="1:4" ht="18" customHeight="1" x14ac:dyDescent="0.2">
      <c r="A90" s="18" t="s">
        <v>63</v>
      </c>
      <c r="B90" s="15">
        <v>58</v>
      </c>
      <c r="C90" s="16">
        <v>64</v>
      </c>
      <c r="D90" s="17">
        <v>122</v>
      </c>
    </row>
    <row r="91" spans="1:4" ht="18" customHeight="1" x14ac:dyDescent="0.2">
      <c r="A91" s="14">
        <v>70</v>
      </c>
      <c r="B91" s="15">
        <v>19</v>
      </c>
      <c r="C91" s="16">
        <v>22</v>
      </c>
      <c r="D91" s="17">
        <v>41</v>
      </c>
    </row>
    <row r="92" spans="1:4" ht="18" customHeight="1" x14ac:dyDescent="0.2">
      <c r="A92" s="14">
        <v>71</v>
      </c>
      <c r="B92" s="15">
        <v>18</v>
      </c>
      <c r="C92" s="16">
        <v>11</v>
      </c>
      <c r="D92" s="17">
        <v>29</v>
      </c>
    </row>
    <row r="93" spans="1:4" ht="18" customHeight="1" x14ac:dyDescent="0.2">
      <c r="A93" s="14">
        <v>72</v>
      </c>
      <c r="B93" s="15">
        <v>4</v>
      </c>
      <c r="C93" s="16">
        <v>12</v>
      </c>
      <c r="D93" s="17">
        <v>16</v>
      </c>
    </row>
    <row r="94" spans="1:4" ht="18" customHeight="1" x14ac:dyDescent="0.2">
      <c r="A94" s="14">
        <v>73</v>
      </c>
      <c r="B94" s="15">
        <v>6</v>
      </c>
      <c r="C94" s="16">
        <v>5</v>
      </c>
      <c r="D94" s="17">
        <v>11</v>
      </c>
    </row>
    <row r="95" spans="1:4" ht="18" customHeight="1" x14ac:dyDescent="0.2">
      <c r="A95" s="14">
        <v>74</v>
      </c>
      <c r="B95" s="15">
        <v>10</v>
      </c>
      <c r="C95" s="16">
        <v>12</v>
      </c>
      <c r="D95" s="17">
        <v>22</v>
      </c>
    </row>
    <row r="96" spans="1:4" ht="18" customHeight="1" x14ac:dyDescent="0.2">
      <c r="A96" s="18" t="s">
        <v>64</v>
      </c>
      <c r="B96" s="15">
        <v>57</v>
      </c>
      <c r="C96" s="16">
        <v>62</v>
      </c>
      <c r="D96" s="17">
        <v>119</v>
      </c>
    </row>
    <row r="97" spans="1:4" ht="18" customHeight="1" x14ac:dyDescent="0.2">
      <c r="A97" s="14">
        <v>75</v>
      </c>
      <c r="B97" s="15">
        <v>10</v>
      </c>
      <c r="C97" s="16">
        <v>5</v>
      </c>
      <c r="D97" s="17">
        <v>15</v>
      </c>
    </row>
    <row r="98" spans="1:4" ht="18" customHeight="1" x14ac:dyDescent="0.2">
      <c r="A98" s="14">
        <v>76</v>
      </c>
      <c r="B98" s="15">
        <v>7</v>
      </c>
      <c r="C98" s="16">
        <v>7</v>
      </c>
      <c r="D98" s="17">
        <v>14</v>
      </c>
    </row>
    <row r="99" spans="1:4" ht="18" customHeight="1" x14ac:dyDescent="0.2">
      <c r="A99" s="14">
        <v>77</v>
      </c>
      <c r="B99" s="15">
        <v>5</v>
      </c>
      <c r="C99" s="16">
        <v>9</v>
      </c>
      <c r="D99" s="17">
        <v>14</v>
      </c>
    </row>
    <row r="100" spans="1:4" ht="18" customHeight="1" x14ac:dyDescent="0.2">
      <c r="A100" s="14">
        <v>78</v>
      </c>
      <c r="B100" s="15">
        <v>5</v>
      </c>
      <c r="C100" s="16">
        <v>8</v>
      </c>
      <c r="D100" s="17">
        <v>13</v>
      </c>
    </row>
    <row r="101" spans="1:4" ht="18" customHeight="1" x14ac:dyDescent="0.2">
      <c r="A101" s="14">
        <v>79</v>
      </c>
      <c r="B101" s="15">
        <v>5</v>
      </c>
      <c r="C101" s="16">
        <v>7</v>
      </c>
      <c r="D101" s="17">
        <v>12</v>
      </c>
    </row>
    <row r="102" spans="1:4" ht="18" customHeight="1" x14ac:dyDescent="0.2">
      <c r="A102" s="18" t="s">
        <v>65</v>
      </c>
      <c r="B102" s="15">
        <v>32</v>
      </c>
      <c r="C102" s="16">
        <v>36</v>
      </c>
      <c r="D102" s="17">
        <v>68</v>
      </c>
    </row>
    <row r="103" spans="1:4" ht="18" customHeight="1" x14ac:dyDescent="0.2">
      <c r="A103" s="14">
        <v>80</v>
      </c>
      <c r="B103" s="15">
        <v>6</v>
      </c>
      <c r="C103" s="16">
        <v>6</v>
      </c>
      <c r="D103" s="17">
        <v>12</v>
      </c>
    </row>
    <row r="104" spans="1:4" ht="18" customHeight="1" x14ac:dyDescent="0.2">
      <c r="A104" s="14">
        <v>81</v>
      </c>
      <c r="B104" s="15">
        <v>3</v>
      </c>
      <c r="C104" s="16">
        <v>5</v>
      </c>
      <c r="D104" s="17">
        <v>8</v>
      </c>
    </row>
    <row r="105" spans="1:4" ht="18" customHeight="1" x14ac:dyDescent="0.2">
      <c r="A105" s="14">
        <v>82</v>
      </c>
      <c r="B105" s="15">
        <v>3</v>
      </c>
      <c r="C105" s="16">
        <v>8</v>
      </c>
      <c r="D105" s="17">
        <v>11</v>
      </c>
    </row>
    <row r="106" spans="1:4" ht="18" customHeight="1" x14ac:dyDescent="0.2">
      <c r="A106" s="14">
        <v>83</v>
      </c>
      <c r="B106" s="15">
        <v>7</v>
      </c>
      <c r="C106" s="16">
        <v>5</v>
      </c>
      <c r="D106" s="17">
        <v>12</v>
      </c>
    </row>
    <row r="107" spans="1:4" ht="18" customHeight="1" x14ac:dyDescent="0.2">
      <c r="A107" s="14">
        <v>84</v>
      </c>
      <c r="B107" s="15">
        <v>4</v>
      </c>
      <c r="C107" s="16">
        <v>6</v>
      </c>
      <c r="D107" s="17">
        <v>10</v>
      </c>
    </row>
    <row r="108" spans="1:4" ht="18" customHeight="1" x14ac:dyDescent="0.2">
      <c r="A108" s="18" t="s">
        <v>66</v>
      </c>
      <c r="B108" s="15">
        <v>23</v>
      </c>
      <c r="C108" s="16">
        <v>30</v>
      </c>
      <c r="D108" s="17">
        <v>53</v>
      </c>
    </row>
    <row r="109" spans="1:4" ht="18" customHeight="1" x14ac:dyDescent="0.2">
      <c r="A109" s="14">
        <v>85</v>
      </c>
      <c r="B109" s="15">
        <v>2</v>
      </c>
      <c r="C109" s="16">
        <v>9</v>
      </c>
      <c r="D109" s="17">
        <v>11</v>
      </c>
    </row>
    <row r="110" spans="1:4" ht="18" customHeight="1" x14ac:dyDescent="0.2">
      <c r="A110" s="14">
        <v>86</v>
      </c>
      <c r="B110" s="15">
        <v>2</v>
      </c>
      <c r="C110" s="16">
        <v>6</v>
      </c>
      <c r="D110" s="17">
        <v>8</v>
      </c>
    </row>
    <row r="111" spans="1:4" ht="18" customHeight="1" x14ac:dyDescent="0.2">
      <c r="A111" s="14">
        <v>87</v>
      </c>
      <c r="B111" s="15">
        <v>2</v>
      </c>
      <c r="C111" s="16">
        <v>7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67</v>
      </c>
      <c r="B114" s="15">
        <v>10</v>
      </c>
      <c r="C114" s="16">
        <v>34</v>
      </c>
      <c r="D114" s="17">
        <v>44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3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68</v>
      </c>
      <c r="B120" s="15">
        <v>3</v>
      </c>
      <c r="C120" s="16">
        <v>13</v>
      </c>
      <c r="D120" s="17">
        <v>16</v>
      </c>
    </row>
    <row r="121" spans="1:4" ht="18" customHeight="1" x14ac:dyDescent="0.2">
      <c r="A121" s="14">
        <v>95</v>
      </c>
      <c r="B121" s="15">
        <v>3</v>
      </c>
      <c r="C121" s="16">
        <v>3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6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88</v>
      </c>
      <c r="C130" s="5">
        <v>246</v>
      </c>
      <c r="D130" s="6">
        <v>434</v>
      </c>
    </row>
    <row r="131" spans="1:4" ht="18" customHeight="1" x14ac:dyDescent="0.2">
      <c r="A131" s="20" t="s">
        <v>47</v>
      </c>
      <c r="B131" s="7">
        <v>836</v>
      </c>
      <c r="C131" s="8">
        <v>885</v>
      </c>
      <c r="D131" s="9">
        <v>17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4</v>
      </c>
      <c r="C5" s="12">
        <v>8</v>
      </c>
      <c r="D5" s="13">
        <v>22</v>
      </c>
    </row>
    <row r="6" spans="1:10" ht="18" customHeight="1" x14ac:dyDescent="0.2">
      <c r="A6" s="14">
        <v>1</v>
      </c>
      <c r="B6" s="15">
        <v>12</v>
      </c>
      <c r="C6" s="16">
        <v>13</v>
      </c>
      <c r="D6" s="17">
        <v>25</v>
      </c>
    </row>
    <row r="7" spans="1:10" ht="18" customHeight="1" x14ac:dyDescent="0.2">
      <c r="A7" s="14">
        <v>2</v>
      </c>
      <c r="B7" s="15">
        <v>12</v>
      </c>
      <c r="C7" s="16">
        <v>7</v>
      </c>
      <c r="D7" s="17">
        <v>19</v>
      </c>
    </row>
    <row r="8" spans="1:10" ht="18" customHeight="1" x14ac:dyDescent="0.2">
      <c r="A8" s="14">
        <v>3</v>
      </c>
      <c r="B8" s="15">
        <v>13</v>
      </c>
      <c r="C8" s="16">
        <v>19</v>
      </c>
      <c r="D8" s="17">
        <v>32</v>
      </c>
    </row>
    <row r="9" spans="1:10" ht="18" customHeight="1" x14ac:dyDescent="0.2">
      <c r="A9" s="14">
        <v>4</v>
      </c>
      <c r="B9" s="15">
        <v>6</v>
      </c>
      <c r="C9" s="16">
        <v>19</v>
      </c>
      <c r="D9" s="17">
        <v>25</v>
      </c>
    </row>
    <row r="10" spans="1:10" ht="18" customHeight="1" x14ac:dyDescent="0.2">
      <c r="A10" s="18" t="s">
        <v>48</v>
      </c>
      <c r="B10" s="15">
        <v>57</v>
      </c>
      <c r="C10" s="16">
        <v>66</v>
      </c>
      <c r="D10" s="17">
        <v>123</v>
      </c>
    </row>
    <row r="11" spans="1:10" ht="18" customHeight="1" x14ac:dyDescent="0.2">
      <c r="A11" s="14">
        <v>5</v>
      </c>
      <c r="B11" s="15">
        <v>15</v>
      </c>
      <c r="C11" s="16">
        <v>10</v>
      </c>
      <c r="D11" s="17">
        <v>25</v>
      </c>
    </row>
    <row r="12" spans="1:10" ht="18" customHeight="1" x14ac:dyDescent="0.2">
      <c r="A12" s="14">
        <v>6</v>
      </c>
      <c r="B12" s="15">
        <v>15</v>
      </c>
      <c r="C12" s="16">
        <v>10</v>
      </c>
      <c r="D12" s="17">
        <v>25</v>
      </c>
    </row>
    <row r="13" spans="1:10" ht="18" customHeight="1" x14ac:dyDescent="0.2">
      <c r="A13" s="14">
        <v>7</v>
      </c>
      <c r="B13" s="15">
        <v>12</v>
      </c>
      <c r="C13" s="16">
        <v>11</v>
      </c>
      <c r="D13" s="17">
        <v>23</v>
      </c>
    </row>
    <row r="14" spans="1:10" ht="18" customHeight="1" x14ac:dyDescent="0.2">
      <c r="A14" s="14">
        <v>8</v>
      </c>
      <c r="B14" s="15">
        <v>11</v>
      </c>
      <c r="C14" s="16">
        <v>13</v>
      </c>
      <c r="D14" s="17">
        <v>24</v>
      </c>
    </row>
    <row r="15" spans="1:10" ht="18" customHeight="1" x14ac:dyDescent="0.2">
      <c r="A15" s="14">
        <v>9</v>
      </c>
      <c r="B15" s="15">
        <v>13</v>
      </c>
      <c r="C15" s="16">
        <v>9</v>
      </c>
      <c r="D15" s="17">
        <v>22</v>
      </c>
    </row>
    <row r="16" spans="1:10" ht="18" customHeight="1" x14ac:dyDescent="0.2">
      <c r="A16" s="18" t="s">
        <v>49</v>
      </c>
      <c r="B16" s="15">
        <v>66</v>
      </c>
      <c r="C16" s="16">
        <v>53</v>
      </c>
      <c r="D16" s="17">
        <v>119</v>
      </c>
    </row>
    <row r="17" spans="1:4" ht="18" customHeight="1" x14ac:dyDescent="0.2">
      <c r="A17" s="14">
        <v>10</v>
      </c>
      <c r="B17" s="15">
        <v>17</v>
      </c>
      <c r="C17" s="16">
        <v>16</v>
      </c>
      <c r="D17" s="17">
        <v>33</v>
      </c>
    </row>
    <row r="18" spans="1:4" ht="18" customHeight="1" x14ac:dyDescent="0.2">
      <c r="A18" s="14">
        <v>11</v>
      </c>
      <c r="B18" s="15">
        <v>12</v>
      </c>
      <c r="C18" s="16">
        <v>18</v>
      </c>
      <c r="D18" s="17">
        <v>30</v>
      </c>
    </row>
    <row r="19" spans="1:4" ht="18" customHeight="1" x14ac:dyDescent="0.2">
      <c r="A19" s="14">
        <v>12</v>
      </c>
      <c r="B19" s="15">
        <v>11</v>
      </c>
      <c r="C19" s="16">
        <v>13</v>
      </c>
      <c r="D19" s="17">
        <v>24</v>
      </c>
    </row>
    <row r="20" spans="1:4" ht="18" customHeight="1" x14ac:dyDescent="0.2">
      <c r="A20" s="14">
        <v>13</v>
      </c>
      <c r="B20" s="15">
        <v>19</v>
      </c>
      <c r="C20" s="16">
        <v>12</v>
      </c>
      <c r="D20" s="17">
        <v>31</v>
      </c>
    </row>
    <row r="21" spans="1:4" ht="18" customHeight="1" x14ac:dyDescent="0.2">
      <c r="A21" s="14">
        <v>14</v>
      </c>
      <c r="B21" s="15">
        <v>8</v>
      </c>
      <c r="C21" s="16">
        <v>12</v>
      </c>
      <c r="D21" s="17">
        <v>20</v>
      </c>
    </row>
    <row r="22" spans="1:4" ht="18" customHeight="1" x14ac:dyDescent="0.2">
      <c r="A22" s="18" t="s">
        <v>50</v>
      </c>
      <c r="B22" s="15">
        <v>67</v>
      </c>
      <c r="C22" s="16">
        <v>71</v>
      </c>
      <c r="D22" s="17">
        <v>138</v>
      </c>
    </row>
    <row r="23" spans="1:4" ht="18" customHeight="1" x14ac:dyDescent="0.2">
      <c r="A23" s="18" t="s">
        <v>51</v>
      </c>
      <c r="B23" s="15">
        <v>190</v>
      </c>
      <c r="C23" s="16">
        <v>190</v>
      </c>
      <c r="D23" s="17">
        <v>380</v>
      </c>
    </row>
    <row r="24" spans="1:4" ht="18" customHeight="1" x14ac:dyDescent="0.2">
      <c r="A24" s="14">
        <v>15</v>
      </c>
      <c r="B24" s="15">
        <v>13</v>
      </c>
      <c r="C24" s="16">
        <v>15</v>
      </c>
      <c r="D24" s="17">
        <v>28</v>
      </c>
    </row>
    <row r="25" spans="1:4" ht="18" customHeight="1" x14ac:dyDescent="0.2">
      <c r="A25" s="14">
        <v>16</v>
      </c>
      <c r="B25" s="15">
        <v>15</v>
      </c>
      <c r="C25" s="16">
        <v>14</v>
      </c>
      <c r="D25" s="17">
        <v>29</v>
      </c>
    </row>
    <row r="26" spans="1:4" ht="18" customHeight="1" x14ac:dyDescent="0.2">
      <c r="A26" s="14">
        <v>17</v>
      </c>
      <c r="B26" s="15">
        <v>23</v>
      </c>
      <c r="C26" s="16">
        <v>20</v>
      </c>
      <c r="D26" s="17">
        <v>43</v>
      </c>
    </row>
    <row r="27" spans="1:4" ht="18" customHeight="1" x14ac:dyDescent="0.2">
      <c r="A27" s="14">
        <v>18</v>
      </c>
      <c r="B27" s="15">
        <v>18</v>
      </c>
      <c r="C27" s="16">
        <v>14</v>
      </c>
      <c r="D27" s="17">
        <v>32</v>
      </c>
    </row>
    <row r="28" spans="1:4" ht="18" customHeight="1" x14ac:dyDescent="0.2">
      <c r="A28" s="14">
        <v>19</v>
      </c>
      <c r="B28" s="15">
        <v>22</v>
      </c>
      <c r="C28" s="16">
        <v>17</v>
      </c>
      <c r="D28" s="17">
        <v>39</v>
      </c>
    </row>
    <row r="29" spans="1:4" ht="18" customHeight="1" x14ac:dyDescent="0.2">
      <c r="A29" s="18" t="s">
        <v>52</v>
      </c>
      <c r="B29" s="15">
        <v>91</v>
      </c>
      <c r="C29" s="16">
        <v>80</v>
      </c>
      <c r="D29" s="17">
        <v>171</v>
      </c>
    </row>
    <row r="30" spans="1:4" ht="18" customHeight="1" x14ac:dyDescent="0.2">
      <c r="A30" s="14">
        <v>20</v>
      </c>
      <c r="B30" s="15">
        <v>14</v>
      </c>
      <c r="C30" s="16">
        <v>12</v>
      </c>
      <c r="D30" s="17">
        <v>26</v>
      </c>
    </row>
    <row r="31" spans="1:4" ht="18" customHeight="1" x14ac:dyDescent="0.2">
      <c r="A31" s="14">
        <v>21</v>
      </c>
      <c r="B31" s="15">
        <v>26</v>
      </c>
      <c r="C31" s="16">
        <v>11</v>
      </c>
      <c r="D31" s="17">
        <v>37</v>
      </c>
    </row>
    <row r="32" spans="1:4" ht="18" customHeight="1" x14ac:dyDescent="0.2">
      <c r="A32" s="14">
        <v>22</v>
      </c>
      <c r="B32" s="15">
        <v>15</v>
      </c>
      <c r="C32" s="16">
        <v>9</v>
      </c>
      <c r="D32" s="17">
        <v>24</v>
      </c>
    </row>
    <row r="33" spans="1:4" ht="18" customHeight="1" x14ac:dyDescent="0.2">
      <c r="A33" s="14">
        <v>23</v>
      </c>
      <c r="B33" s="15">
        <v>18</v>
      </c>
      <c r="C33" s="16">
        <v>8</v>
      </c>
      <c r="D33" s="17">
        <v>26</v>
      </c>
    </row>
    <row r="34" spans="1:4" ht="18" customHeight="1" x14ac:dyDescent="0.2">
      <c r="A34" s="14">
        <v>24</v>
      </c>
      <c r="B34" s="15">
        <v>17</v>
      </c>
      <c r="C34" s="16">
        <v>17</v>
      </c>
      <c r="D34" s="17">
        <v>34</v>
      </c>
    </row>
    <row r="35" spans="1:4" ht="18" customHeight="1" x14ac:dyDescent="0.2">
      <c r="A35" s="18" t="s">
        <v>53</v>
      </c>
      <c r="B35" s="15">
        <v>90</v>
      </c>
      <c r="C35" s="16">
        <v>57</v>
      </c>
      <c r="D35" s="17">
        <v>147</v>
      </c>
    </row>
    <row r="36" spans="1:4" ht="18" customHeight="1" x14ac:dyDescent="0.2">
      <c r="A36" s="14">
        <v>25</v>
      </c>
      <c r="B36" s="15">
        <v>13</v>
      </c>
      <c r="C36" s="16">
        <v>17</v>
      </c>
      <c r="D36" s="17">
        <v>30</v>
      </c>
    </row>
    <row r="37" spans="1:4" ht="18" customHeight="1" x14ac:dyDescent="0.2">
      <c r="A37" s="14">
        <v>26</v>
      </c>
      <c r="B37" s="15">
        <v>14</v>
      </c>
      <c r="C37" s="16">
        <v>12</v>
      </c>
      <c r="D37" s="17">
        <v>26</v>
      </c>
    </row>
    <row r="38" spans="1:4" ht="18" customHeight="1" x14ac:dyDescent="0.2">
      <c r="A38" s="14">
        <v>27</v>
      </c>
      <c r="B38" s="15">
        <v>12</v>
      </c>
      <c r="C38" s="16">
        <v>10</v>
      </c>
      <c r="D38" s="17">
        <v>22</v>
      </c>
    </row>
    <row r="39" spans="1:4" ht="18" customHeight="1" x14ac:dyDescent="0.2">
      <c r="A39" s="14">
        <v>28</v>
      </c>
      <c r="B39" s="15">
        <v>12</v>
      </c>
      <c r="C39" s="16">
        <v>14</v>
      </c>
      <c r="D39" s="17">
        <v>26</v>
      </c>
    </row>
    <row r="40" spans="1:4" ht="18" customHeight="1" x14ac:dyDescent="0.2">
      <c r="A40" s="14">
        <v>29</v>
      </c>
      <c r="B40" s="15">
        <v>10</v>
      </c>
      <c r="C40" s="16">
        <v>15</v>
      </c>
      <c r="D40" s="17">
        <v>25</v>
      </c>
    </row>
    <row r="41" spans="1:4" ht="18" customHeight="1" x14ac:dyDescent="0.2">
      <c r="A41" s="18" t="s">
        <v>54</v>
      </c>
      <c r="B41" s="15">
        <v>61</v>
      </c>
      <c r="C41" s="16">
        <v>68</v>
      </c>
      <c r="D41" s="17">
        <v>129</v>
      </c>
    </row>
    <row r="42" spans="1:4" ht="18" customHeight="1" x14ac:dyDescent="0.2">
      <c r="A42" s="14">
        <v>30</v>
      </c>
      <c r="B42" s="15">
        <v>16</v>
      </c>
      <c r="C42" s="16">
        <v>12</v>
      </c>
      <c r="D42" s="17">
        <v>28</v>
      </c>
    </row>
    <row r="43" spans="1:4" ht="18" customHeight="1" x14ac:dyDescent="0.2">
      <c r="A43" s="14">
        <v>31</v>
      </c>
      <c r="B43" s="15">
        <v>24</v>
      </c>
      <c r="C43" s="16">
        <v>12</v>
      </c>
      <c r="D43" s="17">
        <v>36</v>
      </c>
    </row>
    <row r="44" spans="1:4" ht="18" customHeight="1" x14ac:dyDescent="0.2">
      <c r="A44" s="14">
        <v>32</v>
      </c>
      <c r="B44" s="15">
        <v>32</v>
      </c>
      <c r="C44" s="16">
        <v>11</v>
      </c>
      <c r="D44" s="17">
        <v>43</v>
      </c>
    </row>
    <row r="45" spans="1:4" ht="18" customHeight="1" x14ac:dyDescent="0.2">
      <c r="A45" s="14">
        <v>33</v>
      </c>
      <c r="B45" s="15">
        <v>20</v>
      </c>
      <c r="C45" s="16">
        <v>21</v>
      </c>
      <c r="D45" s="17">
        <v>41</v>
      </c>
    </row>
    <row r="46" spans="1:4" ht="18" customHeight="1" x14ac:dyDescent="0.2">
      <c r="A46" s="14">
        <v>34</v>
      </c>
      <c r="B46" s="15">
        <v>21</v>
      </c>
      <c r="C46" s="16">
        <v>17</v>
      </c>
      <c r="D46" s="17">
        <v>38</v>
      </c>
    </row>
    <row r="47" spans="1:4" ht="18" customHeight="1" x14ac:dyDescent="0.2">
      <c r="A47" s="18" t="s">
        <v>55</v>
      </c>
      <c r="B47" s="15">
        <v>113</v>
      </c>
      <c r="C47" s="16">
        <v>73</v>
      </c>
      <c r="D47" s="17">
        <v>186</v>
      </c>
    </row>
    <row r="48" spans="1:4" ht="18" customHeight="1" x14ac:dyDescent="0.2">
      <c r="A48" s="14">
        <v>35</v>
      </c>
      <c r="B48" s="15">
        <v>14</v>
      </c>
      <c r="C48" s="16">
        <v>14</v>
      </c>
      <c r="D48" s="17">
        <v>28</v>
      </c>
    </row>
    <row r="49" spans="1:4" ht="18" customHeight="1" x14ac:dyDescent="0.2">
      <c r="A49" s="14">
        <v>36</v>
      </c>
      <c r="B49" s="15">
        <v>18</v>
      </c>
      <c r="C49" s="16">
        <v>17</v>
      </c>
      <c r="D49" s="17">
        <v>35</v>
      </c>
    </row>
    <row r="50" spans="1:4" ht="18" customHeight="1" x14ac:dyDescent="0.2">
      <c r="A50" s="14">
        <v>37</v>
      </c>
      <c r="B50" s="15">
        <v>21</v>
      </c>
      <c r="C50" s="16">
        <v>19</v>
      </c>
      <c r="D50" s="17">
        <v>40</v>
      </c>
    </row>
    <row r="51" spans="1:4" ht="18" customHeight="1" x14ac:dyDescent="0.2">
      <c r="A51" s="14">
        <v>38</v>
      </c>
      <c r="B51" s="15">
        <v>23</v>
      </c>
      <c r="C51" s="16">
        <v>21</v>
      </c>
      <c r="D51" s="17">
        <v>44</v>
      </c>
    </row>
    <row r="52" spans="1:4" ht="18" customHeight="1" x14ac:dyDescent="0.2">
      <c r="A52" s="14">
        <v>39</v>
      </c>
      <c r="B52" s="15">
        <v>20</v>
      </c>
      <c r="C52" s="16">
        <v>16</v>
      </c>
      <c r="D52" s="17">
        <v>36</v>
      </c>
    </row>
    <row r="53" spans="1:4" ht="18" customHeight="1" x14ac:dyDescent="0.2">
      <c r="A53" s="18" t="s">
        <v>56</v>
      </c>
      <c r="B53" s="15">
        <v>96</v>
      </c>
      <c r="C53" s="16">
        <v>87</v>
      </c>
      <c r="D53" s="17">
        <v>183</v>
      </c>
    </row>
    <row r="54" spans="1:4" ht="18" customHeight="1" x14ac:dyDescent="0.2">
      <c r="A54" s="14">
        <v>40</v>
      </c>
      <c r="B54" s="15">
        <v>18</v>
      </c>
      <c r="C54" s="16">
        <v>18</v>
      </c>
      <c r="D54" s="17">
        <v>36</v>
      </c>
    </row>
    <row r="55" spans="1:4" ht="18" customHeight="1" x14ac:dyDescent="0.2">
      <c r="A55" s="14">
        <v>41</v>
      </c>
      <c r="B55" s="15">
        <v>19</v>
      </c>
      <c r="C55" s="16">
        <v>17</v>
      </c>
      <c r="D55" s="17">
        <v>36</v>
      </c>
    </row>
    <row r="56" spans="1:4" ht="18" customHeight="1" x14ac:dyDescent="0.2">
      <c r="A56" s="14">
        <v>42</v>
      </c>
      <c r="B56" s="15">
        <v>26</v>
      </c>
      <c r="C56" s="16">
        <v>28</v>
      </c>
      <c r="D56" s="17">
        <v>54</v>
      </c>
    </row>
    <row r="57" spans="1:4" ht="18" customHeight="1" x14ac:dyDescent="0.2">
      <c r="A57" s="14">
        <v>43</v>
      </c>
      <c r="B57" s="15">
        <v>30</v>
      </c>
      <c r="C57" s="16">
        <v>18</v>
      </c>
      <c r="D57" s="17">
        <v>48</v>
      </c>
    </row>
    <row r="58" spans="1:4" ht="18" customHeight="1" x14ac:dyDescent="0.2">
      <c r="A58" s="14">
        <v>44</v>
      </c>
      <c r="B58" s="15">
        <v>23</v>
      </c>
      <c r="C58" s="16">
        <v>23</v>
      </c>
      <c r="D58" s="17">
        <v>46</v>
      </c>
    </row>
    <row r="59" spans="1:4" ht="18" customHeight="1" x14ac:dyDescent="0.2">
      <c r="A59" s="18" t="s">
        <v>57</v>
      </c>
      <c r="B59" s="15">
        <v>116</v>
      </c>
      <c r="C59" s="16">
        <v>104</v>
      </c>
      <c r="D59" s="17">
        <v>220</v>
      </c>
    </row>
    <row r="60" spans="1:4" ht="18" customHeight="1" x14ac:dyDescent="0.2">
      <c r="A60" s="14">
        <v>45</v>
      </c>
      <c r="B60" s="15">
        <v>30</v>
      </c>
      <c r="C60" s="16">
        <v>28</v>
      </c>
      <c r="D60" s="17">
        <v>58</v>
      </c>
    </row>
    <row r="61" spans="1:4" ht="18" customHeight="1" x14ac:dyDescent="0.2">
      <c r="A61" s="14">
        <v>46</v>
      </c>
      <c r="B61" s="15">
        <v>21</v>
      </c>
      <c r="C61" s="16">
        <v>27</v>
      </c>
      <c r="D61" s="17">
        <v>48</v>
      </c>
    </row>
    <row r="62" spans="1:4" ht="18" customHeight="1" x14ac:dyDescent="0.2">
      <c r="A62" s="14">
        <v>47</v>
      </c>
      <c r="B62" s="15">
        <v>24</v>
      </c>
      <c r="C62" s="16">
        <v>16</v>
      </c>
      <c r="D62" s="17">
        <v>40</v>
      </c>
    </row>
    <row r="63" spans="1:4" ht="18" customHeight="1" x14ac:dyDescent="0.2">
      <c r="A63" s="14">
        <v>48</v>
      </c>
      <c r="B63" s="15">
        <v>23</v>
      </c>
      <c r="C63" s="16">
        <v>23</v>
      </c>
      <c r="D63" s="17">
        <v>46</v>
      </c>
    </row>
    <row r="64" spans="1:4" ht="18" customHeight="1" x14ac:dyDescent="0.2">
      <c r="A64" s="14">
        <v>49</v>
      </c>
      <c r="B64" s="15">
        <v>25</v>
      </c>
      <c r="C64" s="16">
        <v>21</v>
      </c>
      <c r="D64" s="17">
        <v>46</v>
      </c>
    </row>
    <row r="65" spans="1:4" ht="18" customHeight="1" x14ac:dyDescent="0.2">
      <c r="A65" s="18" t="s">
        <v>58</v>
      </c>
      <c r="B65" s="15">
        <v>123</v>
      </c>
      <c r="C65" s="16">
        <v>115</v>
      </c>
      <c r="D65" s="17">
        <v>238</v>
      </c>
    </row>
    <row r="66" spans="1:4" ht="18" customHeight="1" x14ac:dyDescent="0.2">
      <c r="A66" s="14">
        <v>50</v>
      </c>
      <c r="B66" s="15">
        <v>19</v>
      </c>
      <c r="C66" s="16">
        <v>16</v>
      </c>
      <c r="D66" s="17">
        <v>35</v>
      </c>
    </row>
    <row r="67" spans="1:4" ht="18" customHeight="1" x14ac:dyDescent="0.2">
      <c r="A67" s="14">
        <v>51</v>
      </c>
      <c r="B67" s="15">
        <v>25</v>
      </c>
      <c r="C67" s="16">
        <v>23</v>
      </c>
      <c r="D67" s="17">
        <v>48</v>
      </c>
    </row>
    <row r="68" spans="1:4" ht="18" customHeight="1" x14ac:dyDescent="0.2">
      <c r="A68" s="14">
        <v>52</v>
      </c>
      <c r="B68" s="15">
        <v>16</v>
      </c>
      <c r="C68" s="16">
        <v>19</v>
      </c>
      <c r="D68" s="17">
        <v>35</v>
      </c>
    </row>
    <row r="69" spans="1:4" ht="18" customHeight="1" x14ac:dyDescent="0.2">
      <c r="A69" s="14">
        <v>53</v>
      </c>
      <c r="B69" s="15">
        <v>13</v>
      </c>
      <c r="C69" s="16">
        <v>20</v>
      </c>
      <c r="D69" s="17">
        <v>33</v>
      </c>
    </row>
    <row r="70" spans="1:4" ht="18" customHeight="1" x14ac:dyDescent="0.2">
      <c r="A70" s="14">
        <v>54</v>
      </c>
      <c r="B70" s="15">
        <v>19</v>
      </c>
      <c r="C70" s="16">
        <v>14</v>
      </c>
      <c r="D70" s="17">
        <v>33</v>
      </c>
    </row>
    <row r="71" spans="1:4" ht="18" customHeight="1" x14ac:dyDescent="0.2">
      <c r="A71" s="18" t="s">
        <v>59</v>
      </c>
      <c r="B71" s="15">
        <v>92</v>
      </c>
      <c r="C71" s="16">
        <v>92</v>
      </c>
      <c r="D71" s="17">
        <v>184</v>
      </c>
    </row>
    <row r="72" spans="1:4" ht="18" customHeight="1" x14ac:dyDescent="0.2">
      <c r="A72" s="14">
        <v>55</v>
      </c>
      <c r="B72" s="15">
        <v>20</v>
      </c>
      <c r="C72" s="16">
        <v>14</v>
      </c>
      <c r="D72" s="17">
        <v>34</v>
      </c>
    </row>
    <row r="73" spans="1:4" ht="18" customHeight="1" x14ac:dyDescent="0.2">
      <c r="A73" s="14">
        <v>56</v>
      </c>
      <c r="B73" s="15">
        <v>20</v>
      </c>
      <c r="C73" s="16">
        <v>24</v>
      </c>
      <c r="D73" s="17">
        <v>44</v>
      </c>
    </row>
    <row r="74" spans="1:4" ht="18" customHeight="1" x14ac:dyDescent="0.2">
      <c r="A74" s="14">
        <v>57</v>
      </c>
      <c r="B74" s="15">
        <v>17</v>
      </c>
      <c r="C74" s="16">
        <v>26</v>
      </c>
      <c r="D74" s="17">
        <v>43</v>
      </c>
    </row>
    <row r="75" spans="1:4" ht="18" customHeight="1" x14ac:dyDescent="0.2">
      <c r="A75" s="14">
        <v>58</v>
      </c>
      <c r="B75" s="15">
        <v>16</v>
      </c>
      <c r="C75" s="16">
        <v>18</v>
      </c>
      <c r="D75" s="17">
        <v>34</v>
      </c>
    </row>
    <row r="76" spans="1:4" ht="18" customHeight="1" x14ac:dyDescent="0.2">
      <c r="A76" s="14">
        <v>59</v>
      </c>
      <c r="B76" s="15">
        <v>12</v>
      </c>
      <c r="C76" s="16">
        <v>27</v>
      </c>
      <c r="D76" s="17">
        <v>39</v>
      </c>
    </row>
    <row r="77" spans="1:4" ht="18" customHeight="1" x14ac:dyDescent="0.2">
      <c r="A77" s="18" t="s">
        <v>60</v>
      </c>
      <c r="B77" s="15">
        <v>85</v>
      </c>
      <c r="C77" s="16">
        <v>109</v>
      </c>
      <c r="D77" s="17">
        <v>194</v>
      </c>
    </row>
    <row r="78" spans="1:4" ht="18" customHeight="1" x14ac:dyDescent="0.2">
      <c r="A78" s="14">
        <v>60</v>
      </c>
      <c r="B78" s="15">
        <v>19</v>
      </c>
      <c r="C78" s="16">
        <v>12</v>
      </c>
      <c r="D78" s="17">
        <v>31</v>
      </c>
    </row>
    <row r="79" spans="1:4" ht="18" customHeight="1" x14ac:dyDescent="0.2">
      <c r="A79" s="14">
        <v>61</v>
      </c>
      <c r="B79" s="15">
        <v>17</v>
      </c>
      <c r="C79" s="16">
        <v>20</v>
      </c>
      <c r="D79" s="17">
        <v>37</v>
      </c>
    </row>
    <row r="80" spans="1:4" ht="18" customHeight="1" x14ac:dyDescent="0.2">
      <c r="A80" s="14">
        <v>62</v>
      </c>
      <c r="B80" s="15">
        <v>24</v>
      </c>
      <c r="C80" s="16">
        <v>28</v>
      </c>
      <c r="D80" s="17">
        <v>52</v>
      </c>
    </row>
    <row r="81" spans="1:4" ht="18" customHeight="1" x14ac:dyDescent="0.2">
      <c r="A81" s="14">
        <v>63</v>
      </c>
      <c r="B81" s="15">
        <v>26</v>
      </c>
      <c r="C81" s="16">
        <v>26</v>
      </c>
      <c r="D81" s="17">
        <v>52</v>
      </c>
    </row>
    <row r="82" spans="1:4" ht="18" customHeight="1" x14ac:dyDescent="0.2">
      <c r="A82" s="14">
        <v>64</v>
      </c>
      <c r="B82" s="15">
        <v>21</v>
      </c>
      <c r="C82" s="16">
        <v>22</v>
      </c>
      <c r="D82" s="17">
        <v>43</v>
      </c>
    </row>
    <row r="83" spans="1:4" ht="18" customHeight="1" x14ac:dyDescent="0.2">
      <c r="A83" s="18" t="s">
        <v>61</v>
      </c>
      <c r="B83" s="15">
        <v>107</v>
      </c>
      <c r="C83" s="16">
        <v>108</v>
      </c>
      <c r="D83" s="17">
        <v>215</v>
      </c>
    </row>
    <row r="84" spans="1:4" ht="18" customHeight="1" x14ac:dyDescent="0.2">
      <c r="A84" s="18" t="s">
        <v>62</v>
      </c>
      <c r="B84" s="15">
        <v>974</v>
      </c>
      <c r="C84" s="16">
        <v>893</v>
      </c>
      <c r="D84" s="17">
        <v>1867</v>
      </c>
    </row>
    <row r="85" spans="1:4" ht="18" customHeight="1" x14ac:dyDescent="0.2">
      <c r="A85" s="14">
        <v>65</v>
      </c>
      <c r="B85" s="15">
        <v>25</v>
      </c>
      <c r="C85" s="16">
        <v>32</v>
      </c>
      <c r="D85" s="17">
        <v>57</v>
      </c>
    </row>
    <row r="86" spans="1:4" ht="18" customHeight="1" x14ac:dyDescent="0.2">
      <c r="A86" s="14">
        <v>66</v>
      </c>
      <c r="B86" s="15">
        <v>29</v>
      </c>
      <c r="C86" s="16">
        <v>35</v>
      </c>
      <c r="D86" s="17">
        <v>64</v>
      </c>
    </row>
    <row r="87" spans="1:4" ht="18" customHeight="1" x14ac:dyDescent="0.2">
      <c r="A87" s="14">
        <v>67</v>
      </c>
      <c r="B87" s="15">
        <v>28</v>
      </c>
      <c r="C87" s="16">
        <v>33</v>
      </c>
      <c r="D87" s="17">
        <v>61</v>
      </c>
    </row>
    <row r="88" spans="1:4" ht="18" customHeight="1" x14ac:dyDescent="0.2">
      <c r="A88" s="14">
        <v>68</v>
      </c>
      <c r="B88" s="15">
        <v>27</v>
      </c>
      <c r="C88" s="16">
        <v>38</v>
      </c>
      <c r="D88" s="17">
        <v>65</v>
      </c>
    </row>
    <row r="89" spans="1:4" ht="18" customHeight="1" x14ac:dyDescent="0.2">
      <c r="A89" s="14">
        <v>69</v>
      </c>
      <c r="B89" s="15">
        <v>42</v>
      </c>
      <c r="C89" s="16">
        <v>38</v>
      </c>
      <c r="D89" s="17">
        <v>80</v>
      </c>
    </row>
    <row r="90" spans="1:4" ht="18" customHeight="1" x14ac:dyDescent="0.2">
      <c r="A90" s="18" t="s">
        <v>63</v>
      </c>
      <c r="B90" s="15">
        <v>151</v>
      </c>
      <c r="C90" s="16">
        <v>176</v>
      </c>
      <c r="D90" s="17">
        <v>327</v>
      </c>
    </row>
    <row r="91" spans="1:4" ht="18" customHeight="1" x14ac:dyDescent="0.2">
      <c r="A91" s="14">
        <v>70</v>
      </c>
      <c r="B91" s="15">
        <v>45</v>
      </c>
      <c r="C91" s="16">
        <v>29</v>
      </c>
      <c r="D91" s="17">
        <v>74</v>
      </c>
    </row>
    <row r="92" spans="1:4" ht="18" customHeight="1" x14ac:dyDescent="0.2">
      <c r="A92" s="14">
        <v>71</v>
      </c>
      <c r="B92" s="15">
        <v>39</v>
      </c>
      <c r="C92" s="16">
        <v>39</v>
      </c>
      <c r="D92" s="17">
        <v>78</v>
      </c>
    </row>
    <row r="93" spans="1:4" ht="18" customHeight="1" x14ac:dyDescent="0.2">
      <c r="A93" s="14">
        <v>72</v>
      </c>
      <c r="B93" s="15">
        <v>18</v>
      </c>
      <c r="C93" s="16">
        <v>23</v>
      </c>
      <c r="D93" s="17">
        <v>41</v>
      </c>
    </row>
    <row r="94" spans="1:4" ht="18" customHeight="1" x14ac:dyDescent="0.2">
      <c r="A94" s="14">
        <v>73</v>
      </c>
      <c r="B94" s="15">
        <v>22</v>
      </c>
      <c r="C94" s="16">
        <v>18</v>
      </c>
      <c r="D94" s="17">
        <v>40</v>
      </c>
    </row>
    <row r="95" spans="1:4" ht="18" customHeight="1" x14ac:dyDescent="0.2">
      <c r="A95" s="14">
        <v>74</v>
      </c>
      <c r="B95" s="15">
        <v>29</v>
      </c>
      <c r="C95" s="16">
        <v>26</v>
      </c>
      <c r="D95" s="17">
        <v>55</v>
      </c>
    </row>
    <row r="96" spans="1:4" ht="18" customHeight="1" x14ac:dyDescent="0.2">
      <c r="A96" s="18" t="s">
        <v>64</v>
      </c>
      <c r="B96" s="15">
        <v>153</v>
      </c>
      <c r="C96" s="16">
        <v>135</v>
      </c>
      <c r="D96" s="17">
        <v>288</v>
      </c>
    </row>
    <row r="97" spans="1:4" ht="18" customHeight="1" x14ac:dyDescent="0.2">
      <c r="A97" s="14">
        <v>75</v>
      </c>
      <c r="B97" s="15">
        <v>22</v>
      </c>
      <c r="C97" s="16">
        <v>21</v>
      </c>
      <c r="D97" s="17">
        <v>43</v>
      </c>
    </row>
    <row r="98" spans="1:4" ht="18" customHeight="1" x14ac:dyDescent="0.2">
      <c r="A98" s="14">
        <v>76</v>
      </c>
      <c r="B98" s="15">
        <v>22</v>
      </c>
      <c r="C98" s="16">
        <v>21</v>
      </c>
      <c r="D98" s="17">
        <v>43</v>
      </c>
    </row>
    <row r="99" spans="1:4" ht="18" customHeight="1" x14ac:dyDescent="0.2">
      <c r="A99" s="14">
        <v>77</v>
      </c>
      <c r="B99" s="15">
        <v>28</v>
      </c>
      <c r="C99" s="16">
        <v>20</v>
      </c>
      <c r="D99" s="17">
        <v>48</v>
      </c>
    </row>
    <row r="100" spans="1:4" ht="18" customHeight="1" x14ac:dyDescent="0.2">
      <c r="A100" s="14">
        <v>78</v>
      </c>
      <c r="B100" s="15">
        <v>15</v>
      </c>
      <c r="C100" s="16">
        <v>16</v>
      </c>
      <c r="D100" s="17">
        <v>31</v>
      </c>
    </row>
    <row r="101" spans="1:4" ht="18" customHeight="1" x14ac:dyDescent="0.2">
      <c r="A101" s="14">
        <v>79</v>
      </c>
      <c r="B101" s="15">
        <v>11</v>
      </c>
      <c r="C101" s="16">
        <v>17</v>
      </c>
      <c r="D101" s="17">
        <v>28</v>
      </c>
    </row>
    <row r="102" spans="1:4" ht="18" customHeight="1" x14ac:dyDescent="0.2">
      <c r="A102" s="18" t="s">
        <v>65</v>
      </c>
      <c r="B102" s="15">
        <v>98</v>
      </c>
      <c r="C102" s="16">
        <v>95</v>
      </c>
      <c r="D102" s="17">
        <v>193</v>
      </c>
    </row>
    <row r="103" spans="1:4" ht="18" customHeight="1" x14ac:dyDescent="0.2">
      <c r="A103" s="14">
        <v>80</v>
      </c>
      <c r="B103" s="15">
        <v>15</v>
      </c>
      <c r="C103" s="16">
        <v>21</v>
      </c>
      <c r="D103" s="17">
        <v>36</v>
      </c>
    </row>
    <row r="104" spans="1:4" ht="18" customHeight="1" x14ac:dyDescent="0.2">
      <c r="A104" s="14">
        <v>81</v>
      </c>
      <c r="B104" s="15">
        <v>9</v>
      </c>
      <c r="C104" s="16">
        <v>27</v>
      </c>
      <c r="D104" s="17">
        <v>36</v>
      </c>
    </row>
    <row r="105" spans="1:4" ht="18" customHeight="1" x14ac:dyDescent="0.2">
      <c r="A105" s="14">
        <v>82</v>
      </c>
      <c r="B105" s="15">
        <v>12</v>
      </c>
      <c r="C105" s="16">
        <v>13</v>
      </c>
      <c r="D105" s="17">
        <v>25</v>
      </c>
    </row>
    <row r="106" spans="1:4" ht="18" customHeight="1" x14ac:dyDescent="0.2">
      <c r="A106" s="14">
        <v>83</v>
      </c>
      <c r="B106" s="15">
        <v>12</v>
      </c>
      <c r="C106" s="16">
        <v>12</v>
      </c>
      <c r="D106" s="17">
        <v>24</v>
      </c>
    </row>
    <row r="107" spans="1:4" ht="18" customHeight="1" x14ac:dyDescent="0.2">
      <c r="A107" s="14">
        <v>84</v>
      </c>
      <c r="B107" s="15">
        <v>5</v>
      </c>
      <c r="C107" s="16">
        <v>15</v>
      </c>
      <c r="D107" s="17">
        <v>20</v>
      </c>
    </row>
    <row r="108" spans="1:4" ht="18" customHeight="1" x14ac:dyDescent="0.2">
      <c r="A108" s="18" t="s">
        <v>66</v>
      </c>
      <c r="B108" s="15">
        <v>53</v>
      </c>
      <c r="C108" s="16">
        <v>88</v>
      </c>
      <c r="D108" s="17">
        <v>141</v>
      </c>
    </row>
    <row r="109" spans="1:4" ht="18" customHeight="1" x14ac:dyDescent="0.2">
      <c r="A109" s="14">
        <v>85</v>
      </c>
      <c r="B109" s="15">
        <v>9</v>
      </c>
      <c r="C109" s="16">
        <v>15</v>
      </c>
      <c r="D109" s="17">
        <v>24</v>
      </c>
    </row>
    <row r="110" spans="1:4" ht="18" customHeight="1" x14ac:dyDescent="0.2">
      <c r="A110" s="14">
        <v>86</v>
      </c>
      <c r="B110" s="15">
        <v>5</v>
      </c>
      <c r="C110" s="16">
        <v>18</v>
      </c>
      <c r="D110" s="17">
        <v>23</v>
      </c>
    </row>
    <row r="111" spans="1:4" ht="18" customHeight="1" x14ac:dyDescent="0.2">
      <c r="A111" s="14">
        <v>87</v>
      </c>
      <c r="B111" s="15">
        <v>11</v>
      </c>
      <c r="C111" s="16">
        <v>15</v>
      </c>
      <c r="D111" s="17">
        <v>26</v>
      </c>
    </row>
    <row r="112" spans="1:4" ht="18" customHeight="1" x14ac:dyDescent="0.2">
      <c r="A112" s="14">
        <v>88</v>
      </c>
      <c r="B112" s="15">
        <v>9</v>
      </c>
      <c r="C112" s="16">
        <v>11</v>
      </c>
      <c r="D112" s="17">
        <v>20</v>
      </c>
    </row>
    <row r="113" spans="1:4" ht="18" customHeight="1" x14ac:dyDescent="0.2">
      <c r="A113" s="14">
        <v>89</v>
      </c>
      <c r="B113" s="15">
        <v>5</v>
      </c>
      <c r="C113" s="16">
        <v>7</v>
      </c>
      <c r="D113" s="17">
        <v>12</v>
      </c>
    </row>
    <row r="114" spans="1:4" ht="18" customHeight="1" x14ac:dyDescent="0.2">
      <c r="A114" s="18" t="s">
        <v>67</v>
      </c>
      <c r="B114" s="15">
        <v>39</v>
      </c>
      <c r="C114" s="16">
        <v>66</v>
      </c>
      <c r="D114" s="17">
        <v>105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0</v>
      </c>
      <c r="C116" s="16">
        <v>7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4</v>
      </c>
      <c r="C118" s="16">
        <v>4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8</v>
      </c>
      <c r="C120" s="16">
        <v>31</v>
      </c>
      <c r="D120" s="17">
        <v>39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11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08</v>
      </c>
      <c r="C130" s="5">
        <v>603</v>
      </c>
      <c r="D130" s="6">
        <v>1111</v>
      </c>
    </row>
    <row r="131" spans="1:4" ht="18" customHeight="1" x14ac:dyDescent="0.2">
      <c r="A131" s="20" t="s">
        <v>47</v>
      </c>
      <c r="B131" s="7">
        <v>1672</v>
      </c>
      <c r="C131" s="8">
        <v>1686</v>
      </c>
      <c r="D131" s="9">
        <v>335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0</v>
      </c>
      <c r="C5" s="12">
        <v>2</v>
      </c>
      <c r="D5" s="13">
        <v>2</v>
      </c>
    </row>
    <row r="6" spans="1:10" ht="18" customHeight="1" x14ac:dyDescent="0.2">
      <c r="A6" s="14">
        <v>1</v>
      </c>
      <c r="B6" s="15">
        <v>3</v>
      </c>
      <c r="C6" s="16">
        <v>5</v>
      </c>
      <c r="D6" s="17">
        <v>8</v>
      </c>
    </row>
    <row r="7" spans="1:10" ht="18" customHeight="1" x14ac:dyDescent="0.2">
      <c r="A7" s="14">
        <v>2</v>
      </c>
      <c r="B7" s="15">
        <v>4</v>
      </c>
      <c r="C7" s="16">
        <v>2</v>
      </c>
      <c r="D7" s="17">
        <v>6</v>
      </c>
    </row>
    <row r="8" spans="1:10" ht="18" customHeight="1" x14ac:dyDescent="0.2">
      <c r="A8" s="14">
        <v>3</v>
      </c>
      <c r="B8" s="15">
        <v>5</v>
      </c>
      <c r="C8" s="16">
        <v>4</v>
      </c>
      <c r="D8" s="17">
        <v>9</v>
      </c>
    </row>
    <row r="9" spans="1:10" ht="18" customHeight="1" x14ac:dyDescent="0.2">
      <c r="A9" s="14">
        <v>4</v>
      </c>
      <c r="B9" s="15">
        <v>0</v>
      </c>
      <c r="C9" s="16">
        <v>6</v>
      </c>
      <c r="D9" s="17">
        <v>6</v>
      </c>
    </row>
    <row r="10" spans="1:10" ht="18" customHeight="1" x14ac:dyDescent="0.2">
      <c r="A10" s="18" t="s">
        <v>48</v>
      </c>
      <c r="B10" s="15">
        <v>12</v>
      </c>
      <c r="C10" s="16">
        <v>19</v>
      </c>
      <c r="D10" s="17">
        <v>31</v>
      </c>
    </row>
    <row r="11" spans="1:10" ht="18" customHeight="1" x14ac:dyDescent="0.2">
      <c r="A11" s="14">
        <v>5</v>
      </c>
      <c r="B11" s="15">
        <v>5</v>
      </c>
      <c r="C11" s="16">
        <v>6</v>
      </c>
      <c r="D11" s="17">
        <v>11</v>
      </c>
    </row>
    <row r="12" spans="1:10" ht="18" customHeight="1" x14ac:dyDescent="0.2">
      <c r="A12" s="14">
        <v>6</v>
      </c>
      <c r="B12" s="15">
        <v>7</v>
      </c>
      <c r="C12" s="16">
        <v>3</v>
      </c>
      <c r="D12" s="17">
        <v>10</v>
      </c>
    </row>
    <row r="13" spans="1:10" ht="18" customHeight="1" x14ac:dyDescent="0.2">
      <c r="A13" s="14">
        <v>7</v>
      </c>
      <c r="B13" s="15">
        <v>0</v>
      </c>
      <c r="C13" s="16">
        <v>2</v>
      </c>
      <c r="D13" s="17">
        <v>2</v>
      </c>
    </row>
    <row r="14" spans="1:10" ht="18" customHeight="1" x14ac:dyDescent="0.2">
      <c r="A14" s="14">
        <v>8</v>
      </c>
      <c r="B14" s="15">
        <v>3</v>
      </c>
      <c r="C14" s="16">
        <v>2</v>
      </c>
      <c r="D14" s="17">
        <v>5</v>
      </c>
    </row>
    <row r="15" spans="1:10" ht="18" customHeight="1" x14ac:dyDescent="0.2">
      <c r="A15" s="14">
        <v>9</v>
      </c>
      <c r="B15" s="15">
        <v>2</v>
      </c>
      <c r="C15" s="16">
        <v>4</v>
      </c>
      <c r="D15" s="17">
        <v>6</v>
      </c>
    </row>
    <row r="16" spans="1:10" ht="18" customHeight="1" x14ac:dyDescent="0.2">
      <c r="A16" s="18" t="s">
        <v>49</v>
      </c>
      <c r="B16" s="15">
        <v>17</v>
      </c>
      <c r="C16" s="16">
        <v>17</v>
      </c>
      <c r="D16" s="17">
        <v>34</v>
      </c>
    </row>
    <row r="17" spans="1:4" ht="18" customHeight="1" x14ac:dyDescent="0.2">
      <c r="A17" s="14">
        <v>10</v>
      </c>
      <c r="B17" s="15">
        <v>2</v>
      </c>
      <c r="C17" s="16">
        <v>5</v>
      </c>
      <c r="D17" s="17">
        <v>7</v>
      </c>
    </row>
    <row r="18" spans="1:4" ht="18" customHeight="1" x14ac:dyDescent="0.2">
      <c r="A18" s="14">
        <v>11</v>
      </c>
      <c r="B18" s="15">
        <v>8</v>
      </c>
      <c r="C18" s="16">
        <v>4</v>
      </c>
      <c r="D18" s="17">
        <v>12</v>
      </c>
    </row>
    <row r="19" spans="1:4" ht="18" customHeight="1" x14ac:dyDescent="0.2">
      <c r="A19" s="14">
        <v>12</v>
      </c>
      <c r="B19" s="15">
        <v>4</v>
      </c>
      <c r="C19" s="16">
        <v>0</v>
      </c>
      <c r="D19" s="17">
        <v>4</v>
      </c>
    </row>
    <row r="20" spans="1:4" ht="18" customHeight="1" x14ac:dyDescent="0.2">
      <c r="A20" s="14">
        <v>13</v>
      </c>
      <c r="B20" s="15">
        <v>4</v>
      </c>
      <c r="C20" s="16">
        <v>3</v>
      </c>
      <c r="D20" s="17">
        <v>7</v>
      </c>
    </row>
    <row r="21" spans="1:4" ht="18" customHeight="1" x14ac:dyDescent="0.2">
      <c r="A21" s="14">
        <v>14</v>
      </c>
      <c r="B21" s="15">
        <v>3</v>
      </c>
      <c r="C21" s="16">
        <v>5</v>
      </c>
      <c r="D21" s="17">
        <v>8</v>
      </c>
    </row>
    <row r="22" spans="1:4" ht="18" customHeight="1" x14ac:dyDescent="0.2">
      <c r="A22" s="18" t="s">
        <v>50</v>
      </c>
      <c r="B22" s="15">
        <v>21</v>
      </c>
      <c r="C22" s="16">
        <v>17</v>
      </c>
      <c r="D22" s="17">
        <v>38</v>
      </c>
    </row>
    <row r="23" spans="1:4" ht="18" customHeight="1" x14ac:dyDescent="0.2">
      <c r="A23" s="18" t="s">
        <v>51</v>
      </c>
      <c r="B23" s="15">
        <v>50</v>
      </c>
      <c r="C23" s="16">
        <v>53</v>
      </c>
      <c r="D23" s="17">
        <v>103</v>
      </c>
    </row>
    <row r="24" spans="1:4" ht="18" customHeight="1" x14ac:dyDescent="0.2">
      <c r="A24" s="14">
        <v>15</v>
      </c>
      <c r="B24" s="15">
        <v>5</v>
      </c>
      <c r="C24" s="16">
        <v>8</v>
      </c>
      <c r="D24" s="17">
        <v>13</v>
      </c>
    </row>
    <row r="25" spans="1:4" ht="18" customHeight="1" x14ac:dyDescent="0.2">
      <c r="A25" s="14">
        <v>16</v>
      </c>
      <c r="B25" s="15">
        <v>2</v>
      </c>
      <c r="C25" s="16">
        <v>2</v>
      </c>
      <c r="D25" s="17">
        <v>4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4</v>
      </c>
      <c r="C27" s="16">
        <v>5</v>
      </c>
      <c r="D27" s="17">
        <v>9</v>
      </c>
    </row>
    <row r="28" spans="1:4" ht="18" customHeight="1" x14ac:dyDescent="0.2">
      <c r="A28" s="14">
        <v>19</v>
      </c>
      <c r="B28" s="15">
        <v>5</v>
      </c>
      <c r="C28" s="16">
        <v>4</v>
      </c>
      <c r="D28" s="17">
        <v>9</v>
      </c>
    </row>
    <row r="29" spans="1:4" ht="18" customHeight="1" x14ac:dyDescent="0.2">
      <c r="A29" s="18" t="s">
        <v>52</v>
      </c>
      <c r="B29" s="15">
        <v>23</v>
      </c>
      <c r="C29" s="16">
        <v>26</v>
      </c>
      <c r="D29" s="17">
        <v>49</v>
      </c>
    </row>
    <row r="30" spans="1:4" ht="18" customHeight="1" x14ac:dyDescent="0.2">
      <c r="A30" s="14">
        <v>20</v>
      </c>
      <c r="B30" s="15">
        <v>3</v>
      </c>
      <c r="C30" s="16">
        <v>6</v>
      </c>
      <c r="D30" s="17">
        <v>9</v>
      </c>
    </row>
    <row r="31" spans="1:4" ht="18" customHeight="1" x14ac:dyDescent="0.2">
      <c r="A31" s="14">
        <v>21</v>
      </c>
      <c r="B31" s="15">
        <v>5</v>
      </c>
      <c r="C31" s="16">
        <v>4</v>
      </c>
      <c r="D31" s="17">
        <v>9</v>
      </c>
    </row>
    <row r="32" spans="1:4" ht="18" customHeight="1" x14ac:dyDescent="0.2">
      <c r="A32" s="14">
        <v>22</v>
      </c>
      <c r="B32" s="15">
        <v>6</v>
      </c>
      <c r="C32" s="16">
        <v>5</v>
      </c>
      <c r="D32" s="17">
        <v>11</v>
      </c>
    </row>
    <row r="33" spans="1:4" ht="18" customHeight="1" x14ac:dyDescent="0.2">
      <c r="A33" s="14">
        <v>23</v>
      </c>
      <c r="B33" s="15">
        <v>4</v>
      </c>
      <c r="C33" s="16">
        <v>4</v>
      </c>
      <c r="D33" s="17">
        <v>8</v>
      </c>
    </row>
    <row r="34" spans="1:4" ht="18" customHeight="1" x14ac:dyDescent="0.2">
      <c r="A34" s="14">
        <v>24</v>
      </c>
      <c r="B34" s="15">
        <v>7</v>
      </c>
      <c r="C34" s="16">
        <v>3</v>
      </c>
      <c r="D34" s="17">
        <v>10</v>
      </c>
    </row>
    <row r="35" spans="1:4" ht="18" customHeight="1" x14ac:dyDescent="0.2">
      <c r="A35" s="18" t="s">
        <v>53</v>
      </c>
      <c r="B35" s="15">
        <v>25</v>
      </c>
      <c r="C35" s="16">
        <v>22</v>
      </c>
      <c r="D35" s="17">
        <v>47</v>
      </c>
    </row>
    <row r="36" spans="1:4" ht="18" customHeight="1" x14ac:dyDescent="0.2">
      <c r="A36" s="14">
        <v>25</v>
      </c>
      <c r="B36" s="15">
        <v>4</v>
      </c>
      <c r="C36" s="16">
        <v>5</v>
      </c>
      <c r="D36" s="17">
        <v>9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2</v>
      </c>
      <c r="C38" s="16">
        <v>5</v>
      </c>
      <c r="D38" s="17">
        <v>7</v>
      </c>
    </row>
    <row r="39" spans="1:4" ht="18" customHeight="1" x14ac:dyDescent="0.2">
      <c r="A39" s="14">
        <v>28</v>
      </c>
      <c r="B39" s="15">
        <v>4</v>
      </c>
      <c r="C39" s="16">
        <v>1</v>
      </c>
      <c r="D39" s="17">
        <v>5</v>
      </c>
    </row>
    <row r="40" spans="1:4" ht="18" customHeight="1" x14ac:dyDescent="0.2">
      <c r="A40" s="14">
        <v>29</v>
      </c>
      <c r="B40" s="15">
        <v>2</v>
      </c>
      <c r="C40" s="16">
        <v>5</v>
      </c>
      <c r="D40" s="17">
        <v>7</v>
      </c>
    </row>
    <row r="41" spans="1:4" ht="18" customHeight="1" x14ac:dyDescent="0.2">
      <c r="A41" s="18" t="s">
        <v>54</v>
      </c>
      <c r="B41" s="15">
        <v>18</v>
      </c>
      <c r="C41" s="16">
        <v>20</v>
      </c>
      <c r="D41" s="17">
        <v>38</v>
      </c>
    </row>
    <row r="42" spans="1:4" ht="18" customHeight="1" x14ac:dyDescent="0.2">
      <c r="A42" s="14">
        <v>30</v>
      </c>
      <c r="B42" s="15">
        <v>4</v>
      </c>
      <c r="C42" s="16">
        <v>3</v>
      </c>
      <c r="D42" s="17">
        <v>7</v>
      </c>
    </row>
    <row r="43" spans="1:4" ht="18" customHeight="1" x14ac:dyDescent="0.2">
      <c r="A43" s="14">
        <v>31</v>
      </c>
      <c r="B43" s="15">
        <v>4</v>
      </c>
      <c r="C43" s="16">
        <v>1</v>
      </c>
      <c r="D43" s="17">
        <v>5</v>
      </c>
    </row>
    <row r="44" spans="1:4" ht="18" customHeight="1" x14ac:dyDescent="0.2">
      <c r="A44" s="14">
        <v>32</v>
      </c>
      <c r="B44" s="15">
        <v>5</v>
      </c>
      <c r="C44" s="16">
        <v>4</v>
      </c>
      <c r="D44" s="17">
        <v>9</v>
      </c>
    </row>
    <row r="45" spans="1:4" ht="18" customHeight="1" x14ac:dyDescent="0.2">
      <c r="A45" s="14">
        <v>33</v>
      </c>
      <c r="B45" s="15">
        <v>1</v>
      </c>
      <c r="C45" s="16">
        <v>4</v>
      </c>
      <c r="D45" s="17">
        <v>5</v>
      </c>
    </row>
    <row r="46" spans="1:4" ht="18" customHeight="1" x14ac:dyDescent="0.2">
      <c r="A46" s="14">
        <v>34</v>
      </c>
      <c r="B46" s="15">
        <v>6</v>
      </c>
      <c r="C46" s="16">
        <v>8</v>
      </c>
      <c r="D46" s="17">
        <v>14</v>
      </c>
    </row>
    <row r="47" spans="1:4" ht="18" customHeight="1" x14ac:dyDescent="0.2">
      <c r="A47" s="18" t="s">
        <v>55</v>
      </c>
      <c r="B47" s="15">
        <v>20</v>
      </c>
      <c r="C47" s="16">
        <v>20</v>
      </c>
      <c r="D47" s="17">
        <v>40</v>
      </c>
    </row>
    <row r="48" spans="1:4" ht="18" customHeight="1" x14ac:dyDescent="0.2">
      <c r="A48" s="14">
        <v>35</v>
      </c>
      <c r="B48" s="15">
        <v>3</v>
      </c>
      <c r="C48" s="16">
        <v>3</v>
      </c>
      <c r="D48" s="17">
        <v>6</v>
      </c>
    </row>
    <row r="49" spans="1:4" ht="18" customHeight="1" x14ac:dyDescent="0.2">
      <c r="A49" s="14">
        <v>36</v>
      </c>
      <c r="B49" s="15">
        <v>6</v>
      </c>
      <c r="C49" s="16">
        <v>9</v>
      </c>
      <c r="D49" s="17">
        <v>15</v>
      </c>
    </row>
    <row r="50" spans="1:4" ht="18" customHeight="1" x14ac:dyDescent="0.2">
      <c r="A50" s="14">
        <v>37</v>
      </c>
      <c r="B50" s="15">
        <v>3</v>
      </c>
      <c r="C50" s="16">
        <v>6</v>
      </c>
      <c r="D50" s="17">
        <v>9</v>
      </c>
    </row>
    <row r="51" spans="1:4" ht="18" customHeight="1" x14ac:dyDescent="0.2">
      <c r="A51" s="14">
        <v>38</v>
      </c>
      <c r="B51" s="15">
        <v>9</v>
      </c>
      <c r="C51" s="16">
        <v>7</v>
      </c>
      <c r="D51" s="17">
        <v>16</v>
      </c>
    </row>
    <row r="52" spans="1:4" ht="18" customHeight="1" x14ac:dyDescent="0.2">
      <c r="A52" s="14">
        <v>39</v>
      </c>
      <c r="B52" s="15">
        <v>6</v>
      </c>
      <c r="C52" s="16">
        <v>7</v>
      </c>
      <c r="D52" s="17">
        <v>13</v>
      </c>
    </row>
    <row r="53" spans="1:4" ht="18" customHeight="1" x14ac:dyDescent="0.2">
      <c r="A53" s="18" t="s">
        <v>56</v>
      </c>
      <c r="B53" s="15">
        <v>27</v>
      </c>
      <c r="C53" s="16">
        <v>32</v>
      </c>
      <c r="D53" s="17">
        <v>59</v>
      </c>
    </row>
    <row r="54" spans="1:4" ht="18" customHeight="1" x14ac:dyDescent="0.2">
      <c r="A54" s="14">
        <v>40</v>
      </c>
      <c r="B54" s="15">
        <v>5</v>
      </c>
      <c r="C54" s="16">
        <v>8</v>
      </c>
      <c r="D54" s="17">
        <v>13</v>
      </c>
    </row>
    <row r="55" spans="1:4" ht="18" customHeight="1" x14ac:dyDescent="0.2">
      <c r="A55" s="14">
        <v>41</v>
      </c>
      <c r="B55" s="15">
        <v>8</v>
      </c>
      <c r="C55" s="16">
        <v>4</v>
      </c>
      <c r="D55" s="17">
        <v>12</v>
      </c>
    </row>
    <row r="56" spans="1:4" ht="18" customHeight="1" x14ac:dyDescent="0.2">
      <c r="A56" s="14">
        <v>42</v>
      </c>
      <c r="B56" s="15">
        <v>4</v>
      </c>
      <c r="C56" s="16">
        <v>8</v>
      </c>
      <c r="D56" s="17">
        <v>12</v>
      </c>
    </row>
    <row r="57" spans="1:4" ht="18" customHeight="1" x14ac:dyDescent="0.2">
      <c r="A57" s="14">
        <v>43</v>
      </c>
      <c r="B57" s="15">
        <v>10</v>
      </c>
      <c r="C57" s="16">
        <v>6</v>
      </c>
      <c r="D57" s="17">
        <v>16</v>
      </c>
    </row>
    <row r="58" spans="1:4" ht="18" customHeight="1" x14ac:dyDescent="0.2">
      <c r="A58" s="14">
        <v>44</v>
      </c>
      <c r="B58" s="15">
        <v>7</v>
      </c>
      <c r="C58" s="16">
        <v>5</v>
      </c>
      <c r="D58" s="17">
        <v>12</v>
      </c>
    </row>
    <row r="59" spans="1:4" ht="18" customHeight="1" x14ac:dyDescent="0.2">
      <c r="A59" s="18" t="s">
        <v>57</v>
      </c>
      <c r="B59" s="15">
        <v>34</v>
      </c>
      <c r="C59" s="16">
        <v>31</v>
      </c>
      <c r="D59" s="17">
        <v>65</v>
      </c>
    </row>
    <row r="60" spans="1:4" ht="18" customHeight="1" x14ac:dyDescent="0.2">
      <c r="A60" s="14">
        <v>45</v>
      </c>
      <c r="B60" s="15">
        <v>10</v>
      </c>
      <c r="C60" s="16">
        <v>10</v>
      </c>
      <c r="D60" s="17">
        <v>20</v>
      </c>
    </row>
    <row r="61" spans="1:4" ht="18" customHeight="1" x14ac:dyDescent="0.2">
      <c r="A61" s="14">
        <v>46</v>
      </c>
      <c r="B61" s="15">
        <v>12</v>
      </c>
      <c r="C61" s="16">
        <v>9</v>
      </c>
      <c r="D61" s="17">
        <v>21</v>
      </c>
    </row>
    <row r="62" spans="1:4" ht="18" customHeight="1" x14ac:dyDescent="0.2">
      <c r="A62" s="14">
        <v>47</v>
      </c>
      <c r="B62" s="15">
        <v>7</v>
      </c>
      <c r="C62" s="16">
        <v>9</v>
      </c>
      <c r="D62" s="17">
        <v>16</v>
      </c>
    </row>
    <row r="63" spans="1:4" ht="18" customHeight="1" x14ac:dyDescent="0.2">
      <c r="A63" s="14">
        <v>48</v>
      </c>
      <c r="B63" s="15">
        <v>9</v>
      </c>
      <c r="C63" s="16">
        <v>6</v>
      </c>
      <c r="D63" s="17">
        <v>15</v>
      </c>
    </row>
    <row r="64" spans="1:4" ht="18" customHeight="1" x14ac:dyDescent="0.2">
      <c r="A64" s="14">
        <v>49</v>
      </c>
      <c r="B64" s="15">
        <v>7</v>
      </c>
      <c r="C64" s="16">
        <v>3</v>
      </c>
      <c r="D64" s="17">
        <v>10</v>
      </c>
    </row>
    <row r="65" spans="1:4" ht="18" customHeight="1" x14ac:dyDescent="0.2">
      <c r="A65" s="18" t="s">
        <v>58</v>
      </c>
      <c r="B65" s="15">
        <v>45</v>
      </c>
      <c r="C65" s="16">
        <v>37</v>
      </c>
      <c r="D65" s="17">
        <v>82</v>
      </c>
    </row>
    <row r="66" spans="1:4" ht="18" customHeight="1" x14ac:dyDescent="0.2">
      <c r="A66" s="14">
        <v>50</v>
      </c>
      <c r="B66" s="15">
        <v>6</v>
      </c>
      <c r="C66" s="16">
        <v>3</v>
      </c>
      <c r="D66" s="17">
        <v>9</v>
      </c>
    </row>
    <row r="67" spans="1:4" ht="18" customHeight="1" x14ac:dyDescent="0.2">
      <c r="A67" s="14">
        <v>51</v>
      </c>
      <c r="B67" s="15">
        <v>2</v>
      </c>
      <c r="C67" s="16">
        <v>7</v>
      </c>
      <c r="D67" s="17">
        <v>9</v>
      </c>
    </row>
    <row r="68" spans="1:4" ht="18" customHeight="1" x14ac:dyDescent="0.2">
      <c r="A68" s="14">
        <v>52</v>
      </c>
      <c r="B68" s="15">
        <v>4</v>
      </c>
      <c r="C68" s="16">
        <v>6</v>
      </c>
      <c r="D68" s="17">
        <v>10</v>
      </c>
    </row>
    <row r="69" spans="1:4" ht="18" customHeight="1" x14ac:dyDescent="0.2">
      <c r="A69" s="14">
        <v>53</v>
      </c>
      <c r="B69" s="15">
        <v>4</v>
      </c>
      <c r="C69" s="16">
        <v>6</v>
      </c>
      <c r="D69" s="17">
        <v>10</v>
      </c>
    </row>
    <row r="70" spans="1:4" ht="18" customHeight="1" x14ac:dyDescent="0.2">
      <c r="A70" s="14">
        <v>54</v>
      </c>
      <c r="B70" s="15">
        <v>2</v>
      </c>
      <c r="C70" s="16">
        <v>6</v>
      </c>
      <c r="D70" s="17">
        <v>8</v>
      </c>
    </row>
    <row r="71" spans="1:4" ht="18" customHeight="1" x14ac:dyDescent="0.2">
      <c r="A71" s="18" t="s">
        <v>59</v>
      </c>
      <c r="B71" s="15">
        <v>18</v>
      </c>
      <c r="C71" s="16">
        <v>28</v>
      </c>
      <c r="D71" s="17">
        <v>46</v>
      </c>
    </row>
    <row r="72" spans="1:4" ht="18" customHeight="1" x14ac:dyDescent="0.2">
      <c r="A72" s="14">
        <v>55</v>
      </c>
      <c r="B72" s="15">
        <v>4</v>
      </c>
      <c r="C72" s="16">
        <v>9</v>
      </c>
      <c r="D72" s="17">
        <v>13</v>
      </c>
    </row>
    <row r="73" spans="1:4" ht="18" customHeight="1" x14ac:dyDescent="0.2">
      <c r="A73" s="14">
        <v>56</v>
      </c>
      <c r="B73" s="15">
        <v>7</v>
      </c>
      <c r="C73" s="16">
        <v>7</v>
      </c>
      <c r="D73" s="17">
        <v>14</v>
      </c>
    </row>
    <row r="74" spans="1:4" ht="18" customHeight="1" x14ac:dyDescent="0.2">
      <c r="A74" s="14">
        <v>57</v>
      </c>
      <c r="B74" s="15">
        <v>11</v>
      </c>
      <c r="C74" s="16">
        <v>10</v>
      </c>
      <c r="D74" s="17">
        <v>21</v>
      </c>
    </row>
    <row r="75" spans="1:4" ht="18" customHeight="1" x14ac:dyDescent="0.2">
      <c r="A75" s="14">
        <v>58</v>
      </c>
      <c r="B75" s="15">
        <v>8</v>
      </c>
      <c r="C75" s="16">
        <v>9</v>
      </c>
      <c r="D75" s="17">
        <v>17</v>
      </c>
    </row>
    <row r="76" spans="1:4" ht="18" customHeight="1" x14ac:dyDescent="0.2">
      <c r="A76" s="14">
        <v>59</v>
      </c>
      <c r="B76" s="15">
        <v>5</v>
      </c>
      <c r="C76" s="16">
        <v>5</v>
      </c>
      <c r="D76" s="17">
        <v>10</v>
      </c>
    </row>
    <row r="77" spans="1:4" ht="18" customHeight="1" x14ac:dyDescent="0.2">
      <c r="A77" s="18" t="s">
        <v>60</v>
      </c>
      <c r="B77" s="15">
        <v>35</v>
      </c>
      <c r="C77" s="16">
        <v>40</v>
      </c>
      <c r="D77" s="17">
        <v>75</v>
      </c>
    </row>
    <row r="78" spans="1:4" ht="18" customHeight="1" x14ac:dyDescent="0.2">
      <c r="A78" s="14">
        <v>60</v>
      </c>
      <c r="B78" s="15">
        <v>6</v>
      </c>
      <c r="C78" s="16">
        <v>6</v>
      </c>
      <c r="D78" s="17">
        <v>12</v>
      </c>
    </row>
    <row r="79" spans="1:4" ht="18" customHeight="1" x14ac:dyDescent="0.2">
      <c r="A79" s="14">
        <v>61</v>
      </c>
      <c r="B79" s="15">
        <v>9</v>
      </c>
      <c r="C79" s="16">
        <v>5</v>
      </c>
      <c r="D79" s="17">
        <v>14</v>
      </c>
    </row>
    <row r="80" spans="1:4" ht="18" customHeight="1" x14ac:dyDescent="0.2">
      <c r="A80" s="14">
        <v>62</v>
      </c>
      <c r="B80" s="15">
        <v>6</v>
      </c>
      <c r="C80" s="16">
        <v>8</v>
      </c>
      <c r="D80" s="17">
        <v>14</v>
      </c>
    </row>
    <row r="81" spans="1:4" ht="18" customHeight="1" x14ac:dyDescent="0.2">
      <c r="A81" s="14">
        <v>63</v>
      </c>
      <c r="B81" s="15">
        <v>6</v>
      </c>
      <c r="C81" s="16">
        <v>6</v>
      </c>
      <c r="D81" s="17">
        <v>12</v>
      </c>
    </row>
    <row r="82" spans="1:4" ht="18" customHeight="1" x14ac:dyDescent="0.2">
      <c r="A82" s="14">
        <v>64</v>
      </c>
      <c r="B82" s="15">
        <v>9</v>
      </c>
      <c r="C82" s="16">
        <v>11</v>
      </c>
      <c r="D82" s="17">
        <v>20</v>
      </c>
    </row>
    <row r="83" spans="1:4" ht="18" customHeight="1" x14ac:dyDescent="0.2">
      <c r="A83" s="18" t="s">
        <v>61</v>
      </c>
      <c r="B83" s="15">
        <v>36</v>
      </c>
      <c r="C83" s="16">
        <v>36</v>
      </c>
      <c r="D83" s="17">
        <v>72</v>
      </c>
    </row>
    <row r="84" spans="1:4" ht="18" customHeight="1" x14ac:dyDescent="0.2">
      <c r="A84" s="18" t="s">
        <v>62</v>
      </c>
      <c r="B84" s="15">
        <v>281</v>
      </c>
      <c r="C84" s="16">
        <v>292</v>
      </c>
      <c r="D84" s="17">
        <v>573</v>
      </c>
    </row>
    <row r="85" spans="1:4" ht="18" customHeight="1" x14ac:dyDescent="0.2">
      <c r="A85" s="14">
        <v>65</v>
      </c>
      <c r="B85" s="15">
        <v>4</v>
      </c>
      <c r="C85" s="16">
        <v>10</v>
      </c>
      <c r="D85" s="17">
        <v>14</v>
      </c>
    </row>
    <row r="86" spans="1:4" ht="18" customHeight="1" x14ac:dyDescent="0.2">
      <c r="A86" s="14">
        <v>66</v>
      </c>
      <c r="B86" s="15">
        <v>7</v>
      </c>
      <c r="C86" s="16">
        <v>6</v>
      </c>
      <c r="D86" s="17">
        <v>13</v>
      </c>
    </row>
    <row r="87" spans="1:4" ht="18" customHeight="1" x14ac:dyDescent="0.2">
      <c r="A87" s="14">
        <v>67</v>
      </c>
      <c r="B87" s="15">
        <v>11</v>
      </c>
      <c r="C87" s="16">
        <v>10</v>
      </c>
      <c r="D87" s="17">
        <v>21</v>
      </c>
    </row>
    <row r="88" spans="1:4" ht="18" customHeight="1" x14ac:dyDescent="0.2">
      <c r="A88" s="14">
        <v>68</v>
      </c>
      <c r="B88" s="15">
        <v>19</v>
      </c>
      <c r="C88" s="16">
        <v>13</v>
      </c>
      <c r="D88" s="17">
        <v>32</v>
      </c>
    </row>
    <row r="89" spans="1:4" ht="18" customHeight="1" x14ac:dyDescent="0.2">
      <c r="A89" s="14">
        <v>69</v>
      </c>
      <c r="B89" s="15">
        <v>12</v>
      </c>
      <c r="C89" s="16">
        <v>11</v>
      </c>
      <c r="D89" s="17">
        <v>23</v>
      </c>
    </row>
    <row r="90" spans="1:4" ht="18" customHeight="1" x14ac:dyDescent="0.2">
      <c r="A90" s="18" t="s">
        <v>63</v>
      </c>
      <c r="B90" s="15">
        <v>53</v>
      </c>
      <c r="C90" s="16">
        <v>50</v>
      </c>
      <c r="D90" s="17">
        <v>103</v>
      </c>
    </row>
    <row r="91" spans="1:4" ht="18" customHeight="1" x14ac:dyDescent="0.2">
      <c r="A91" s="14">
        <v>70</v>
      </c>
      <c r="B91" s="15">
        <v>14</v>
      </c>
      <c r="C91" s="16">
        <v>19</v>
      </c>
      <c r="D91" s="17">
        <v>33</v>
      </c>
    </row>
    <row r="92" spans="1:4" ht="18" customHeight="1" x14ac:dyDescent="0.2">
      <c r="A92" s="14">
        <v>71</v>
      </c>
      <c r="B92" s="15">
        <v>10</v>
      </c>
      <c r="C92" s="16">
        <v>15</v>
      </c>
      <c r="D92" s="17">
        <v>25</v>
      </c>
    </row>
    <row r="93" spans="1:4" ht="18" customHeight="1" x14ac:dyDescent="0.2">
      <c r="A93" s="14">
        <v>72</v>
      </c>
      <c r="B93" s="15">
        <v>2</v>
      </c>
      <c r="C93" s="16">
        <v>7</v>
      </c>
      <c r="D93" s="17">
        <v>9</v>
      </c>
    </row>
    <row r="94" spans="1:4" ht="18" customHeight="1" x14ac:dyDescent="0.2">
      <c r="A94" s="14">
        <v>73</v>
      </c>
      <c r="B94" s="15">
        <v>5</v>
      </c>
      <c r="C94" s="16">
        <v>4</v>
      </c>
      <c r="D94" s="17">
        <v>9</v>
      </c>
    </row>
    <row r="95" spans="1:4" ht="18" customHeight="1" x14ac:dyDescent="0.2">
      <c r="A95" s="14">
        <v>74</v>
      </c>
      <c r="B95" s="15">
        <v>11</v>
      </c>
      <c r="C95" s="16">
        <v>5</v>
      </c>
      <c r="D95" s="17">
        <v>16</v>
      </c>
    </row>
    <row r="96" spans="1:4" ht="18" customHeight="1" x14ac:dyDescent="0.2">
      <c r="A96" s="18" t="s">
        <v>64</v>
      </c>
      <c r="B96" s="15">
        <v>42</v>
      </c>
      <c r="C96" s="16">
        <v>50</v>
      </c>
      <c r="D96" s="17">
        <v>92</v>
      </c>
    </row>
    <row r="97" spans="1:4" ht="18" customHeight="1" x14ac:dyDescent="0.2">
      <c r="A97" s="14">
        <v>75</v>
      </c>
      <c r="B97" s="15">
        <v>10</v>
      </c>
      <c r="C97" s="16">
        <v>5</v>
      </c>
      <c r="D97" s="17">
        <v>15</v>
      </c>
    </row>
    <row r="98" spans="1:4" ht="18" customHeight="1" x14ac:dyDescent="0.2">
      <c r="A98" s="14">
        <v>76</v>
      </c>
      <c r="B98" s="15">
        <v>13</v>
      </c>
      <c r="C98" s="16">
        <v>2</v>
      </c>
      <c r="D98" s="17">
        <v>15</v>
      </c>
    </row>
    <row r="99" spans="1:4" ht="18" customHeight="1" x14ac:dyDescent="0.2">
      <c r="A99" s="14">
        <v>77</v>
      </c>
      <c r="B99" s="15">
        <v>2</v>
      </c>
      <c r="C99" s="16">
        <v>8</v>
      </c>
      <c r="D99" s="17">
        <v>10</v>
      </c>
    </row>
    <row r="100" spans="1:4" ht="18" customHeight="1" x14ac:dyDescent="0.2">
      <c r="A100" s="14">
        <v>78</v>
      </c>
      <c r="B100" s="15">
        <v>6</v>
      </c>
      <c r="C100" s="16">
        <v>8</v>
      </c>
      <c r="D100" s="17">
        <v>14</v>
      </c>
    </row>
    <row r="101" spans="1:4" ht="18" customHeight="1" x14ac:dyDescent="0.2">
      <c r="A101" s="14">
        <v>79</v>
      </c>
      <c r="B101" s="15">
        <v>1</v>
      </c>
      <c r="C101" s="16">
        <v>5</v>
      </c>
      <c r="D101" s="17">
        <v>6</v>
      </c>
    </row>
    <row r="102" spans="1:4" ht="18" customHeight="1" x14ac:dyDescent="0.2">
      <c r="A102" s="18" t="s">
        <v>65</v>
      </c>
      <c r="B102" s="15">
        <v>32</v>
      </c>
      <c r="C102" s="16">
        <v>28</v>
      </c>
      <c r="D102" s="17">
        <v>60</v>
      </c>
    </row>
    <row r="103" spans="1:4" ht="18" customHeight="1" x14ac:dyDescent="0.2">
      <c r="A103" s="14">
        <v>80</v>
      </c>
      <c r="B103" s="15">
        <v>2</v>
      </c>
      <c r="C103" s="16">
        <v>5</v>
      </c>
      <c r="D103" s="17">
        <v>7</v>
      </c>
    </row>
    <row r="104" spans="1:4" ht="18" customHeight="1" x14ac:dyDescent="0.2">
      <c r="A104" s="14">
        <v>81</v>
      </c>
      <c r="B104" s="15">
        <v>4</v>
      </c>
      <c r="C104" s="16">
        <v>7</v>
      </c>
      <c r="D104" s="17">
        <v>11</v>
      </c>
    </row>
    <row r="105" spans="1:4" ht="18" customHeight="1" x14ac:dyDescent="0.2">
      <c r="A105" s="14">
        <v>82</v>
      </c>
      <c r="B105" s="15">
        <v>4</v>
      </c>
      <c r="C105" s="16">
        <v>8</v>
      </c>
      <c r="D105" s="17">
        <v>12</v>
      </c>
    </row>
    <row r="106" spans="1:4" ht="18" customHeight="1" x14ac:dyDescent="0.2">
      <c r="A106" s="14">
        <v>83</v>
      </c>
      <c r="B106" s="15">
        <v>4</v>
      </c>
      <c r="C106" s="16">
        <v>7</v>
      </c>
      <c r="D106" s="17">
        <v>11</v>
      </c>
    </row>
    <row r="107" spans="1:4" ht="18" customHeight="1" x14ac:dyDescent="0.2">
      <c r="A107" s="14">
        <v>84</v>
      </c>
      <c r="B107" s="15">
        <v>5</v>
      </c>
      <c r="C107" s="16">
        <v>7</v>
      </c>
      <c r="D107" s="17">
        <v>12</v>
      </c>
    </row>
    <row r="108" spans="1:4" ht="18" customHeight="1" x14ac:dyDescent="0.2">
      <c r="A108" s="18" t="s">
        <v>66</v>
      </c>
      <c r="B108" s="15">
        <v>19</v>
      </c>
      <c r="C108" s="16">
        <v>34</v>
      </c>
      <c r="D108" s="17">
        <v>53</v>
      </c>
    </row>
    <row r="109" spans="1:4" ht="18" customHeight="1" x14ac:dyDescent="0.2">
      <c r="A109" s="14">
        <v>85</v>
      </c>
      <c r="B109" s="15">
        <v>3</v>
      </c>
      <c r="C109" s="16">
        <v>0</v>
      </c>
      <c r="D109" s="17">
        <v>3</v>
      </c>
    </row>
    <row r="110" spans="1:4" ht="18" customHeight="1" x14ac:dyDescent="0.2">
      <c r="A110" s="14">
        <v>86</v>
      </c>
      <c r="B110" s="15">
        <v>1</v>
      </c>
      <c r="C110" s="16">
        <v>7</v>
      </c>
      <c r="D110" s="17">
        <v>8</v>
      </c>
    </row>
    <row r="111" spans="1:4" ht="18" customHeight="1" x14ac:dyDescent="0.2">
      <c r="A111" s="14">
        <v>87</v>
      </c>
      <c r="B111" s="15">
        <v>0</v>
      </c>
      <c r="C111" s="16">
        <v>2</v>
      </c>
      <c r="D111" s="17">
        <v>2</v>
      </c>
    </row>
    <row r="112" spans="1:4" ht="18" customHeight="1" x14ac:dyDescent="0.2">
      <c r="A112" s="14">
        <v>88</v>
      </c>
      <c r="B112" s="15">
        <v>0</v>
      </c>
      <c r="C112" s="16">
        <v>5</v>
      </c>
      <c r="D112" s="17">
        <v>5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5</v>
      </c>
      <c r="C114" s="16">
        <v>18</v>
      </c>
      <c r="D114" s="17">
        <v>23</v>
      </c>
    </row>
    <row r="115" spans="1:4" ht="18" customHeight="1" x14ac:dyDescent="0.2">
      <c r="A115" s="14">
        <v>90</v>
      </c>
      <c r="B115" s="15">
        <v>2</v>
      </c>
      <c r="C115" s="16">
        <v>3</v>
      </c>
      <c r="D115" s="17">
        <v>5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0</v>
      </c>
      <c r="D119" s="17">
        <v>1</v>
      </c>
    </row>
    <row r="120" spans="1:4" ht="18" customHeight="1" x14ac:dyDescent="0.2">
      <c r="A120" s="18" t="s">
        <v>68</v>
      </c>
      <c r="B120" s="15">
        <v>5</v>
      </c>
      <c r="C120" s="16">
        <v>12</v>
      </c>
      <c r="D120" s="17">
        <v>17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3</v>
      </c>
      <c r="D126" s="17">
        <v>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57</v>
      </c>
      <c r="C130" s="5">
        <v>195</v>
      </c>
      <c r="D130" s="6">
        <v>352</v>
      </c>
    </row>
    <row r="131" spans="1:4" ht="18" customHeight="1" x14ac:dyDescent="0.2">
      <c r="A131" s="20" t="s">
        <v>47</v>
      </c>
      <c r="B131" s="7">
        <v>488</v>
      </c>
      <c r="C131" s="8">
        <v>540</v>
      </c>
      <c r="D131" s="9">
        <v>10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1</v>
      </c>
      <c r="C5" s="12">
        <v>5</v>
      </c>
      <c r="D5" s="13">
        <v>16</v>
      </c>
    </row>
    <row r="6" spans="1:10" ht="18" customHeight="1" x14ac:dyDescent="0.2">
      <c r="A6" s="14">
        <v>1</v>
      </c>
      <c r="B6" s="15">
        <v>8</v>
      </c>
      <c r="C6" s="16">
        <v>7</v>
      </c>
      <c r="D6" s="17">
        <v>15</v>
      </c>
    </row>
    <row r="7" spans="1:10" ht="18" customHeight="1" x14ac:dyDescent="0.2">
      <c r="A7" s="14">
        <v>2</v>
      </c>
      <c r="B7" s="15">
        <v>4</v>
      </c>
      <c r="C7" s="16">
        <v>17</v>
      </c>
      <c r="D7" s="17">
        <v>21</v>
      </c>
    </row>
    <row r="8" spans="1:10" ht="18" customHeight="1" x14ac:dyDescent="0.2">
      <c r="A8" s="14">
        <v>3</v>
      </c>
      <c r="B8" s="15">
        <v>5</v>
      </c>
      <c r="C8" s="16">
        <v>7</v>
      </c>
      <c r="D8" s="17">
        <v>12</v>
      </c>
    </row>
    <row r="9" spans="1:10" ht="18" customHeight="1" x14ac:dyDescent="0.2">
      <c r="A9" s="14">
        <v>4</v>
      </c>
      <c r="B9" s="15">
        <v>13</v>
      </c>
      <c r="C9" s="16">
        <v>10</v>
      </c>
      <c r="D9" s="17">
        <v>23</v>
      </c>
    </row>
    <row r="10" spans="1:10" ht="18" customHeight="1" x14ac:dyDescent="0.2">
      <c r="A10" s="18" t="s">
        <v>48</v>
      </c>
      <c r="B10" s="15">
        <v>41</v>
      </c>
      <c r="C10" s="16">
        <v>46</v>
      </c>
      <c r="D10" s="17">
        <v>87</v>
      </c>
    </row>
    <row r="11" spans="1:10" ht="18" customHeight="1" x14ac:dyDescent="0.2">
      <c r="A11" s="14">
        <v>5</v>
      </c>
      <c r="B11" s="15">
        <v>12</v>
      </c>
      <c r="C11" s="16">
        <v>9</v>
      </c>
      <c r="D11" s="17">
        <v>21</v>
      </c>
    </row>
    <row r="12" spans="1:10" ht="18" customHeight="1" x14ac:dyDescent="0.2">
      <c r="A12" s="14">
        <v>6</v>
      </c>
      <c r="B12" s="15">
        <v>10</v>
      </c>
      <c r="C12" s="16">
        <v>9</v>
      </c>
      <c r="D12" s="17">
        <v>19</v>
      </c>
    </row>
    <row r="13" spans="1:10" ht="18" customHeight="1" x14ac:dyDescent="0.2">
      <c r="A13" s="14">
        <v>7</v>
      </c>
      <c r="B13" s="15">
        <v>11</v>
      </c>
      <c r="C13" s="16">
        <v>13</v>
      </c>
      <c r="D13" s="17">
        <v>24</v>
      </c>
    </row>
    <row r="14" spans="1:10" ht="18" customHeight="1" x14ac:dyDescent="0.2">
      <c r="A14" s="14">
        <v>8</v>
      </c>
      <c r="B14" s="15">
        <v>13</v>
      </c>
      <c r="C14" s="16">
        <v>14</v>
      </c>
      <c r="D14" s="17">
        <v>27</v>
      </c>
    </row>
    <row r="15" spans="1:10" ht="18" customHeight="1" x14ac:dyDescent="0.2">
      <c r="A15" s="14">
        <v>9</v>
      </c>
      <c r="B15" s="15">
        <v>10</v>
      </c>
      <c r="C15" s="16">
        <v>8</v>
      </c>
      <c r="D15" s="17">
        <v>18</v>
      </c>
    </row>
    <row r="16" spans="1:10" ht="18" customHeight="1" x14ac:dyDescent="0.2">
      <c r="A16" s="18" t="s">
        <v>49</v>
      </c>
      <c r="B16" s="15">
        <v>56</v>
      </c>
      <c r="C16" s="16">
        <v>53</v>
      </c>
      <c r="D16" s="17">
        <v>109</v>
      </c>
    </row>
    <row r="17" spans="1:4" ht="18" customHeight="1" x14ac:dyDescent="0.2">
      <c r="A17" s="14">
        <v>10</v>
      </c>
      <c r="B17" s="15">
        <v>6</v>
      </c>
      <c r="C17" s="16">
        <v>17</v>
      </c>
      <c r="D17" s="17">
        <v>23</v>
      </c>
    </row>
    <row r="18" spans="1:4" ht="18" customHeight="1" x14ac:dyDescent="0.2">
      <c r="A18" s="14">
        <v>11</v>
      </c>
      <c r="B18" s="15">
        <v>16</v>
      </c>
      <c r="C18" s="16">
        <v>10</v>
      </c>
      <c r="D18" s="17">
        <v>26</v>
      </c>
    </row>
    <row r="19" spans="1:4" ht="18" customHeight="1" x14ac:dyDescent="0.2">
      <c r="A19" s="14">
        <v>12</v>
      </c>
      <c r="B19" s="15">
        <v>14</v>
      </c>
      <c r="C19" s="16">
        <v>6</v>
      </c>
      <c r="D19" s="17">
        <v>20</v>
      </c>
    </row>
    <row r="20" spans="1:4" ht="18" customHeight="1" x14ac:dyDescent="0.2">
      <c r="A20" s="14">
        <v>13</v>
      </c>
      <c r="B20" s="15">
        <v>9</v>
      </c>
      <c r="C20" s="16">
        <v>13</v>
      </c>
      <c r="D20" s="17">
        <v>22</v>
      </c>
    </row>
    <row r="21" spans="1:4" ht="18" customHeight="1" x14ac:dyDescent="0.2">
      <c r="A21" s="14">
        <v>14</v>
      </c>
      <c r="B21" s="15">
        <v>12</v>
      </c>
      <c r="C21" s="16">
        <v>13</v>
      </c>
      <c r="D21" s="17">
        <v>25</v>
      </c>
    </row>
    <row r="22" spans="1:4" ht="18" customHeight="1" x14ac:dyDescent="0.2">
      <c r="A22" s="18" t="s">
        <v>50</v>
      </c>
      <c r="B22" s="15">
        <v>57</v>
      </c>
      <c r="C22" s="16">
        <v>59</v>
      </c>
      <c r="D22" s="17">
        <v>116</v>
      </c>
    </row>
    <row r="23" spans="1:4" ht="18" customHeight="1" x14ac:dyDescent="0.2">
      <c r="A23" s="18" t="s">
        <v>51</v>
      </c>
      <c r="B23" s="15">
        <v>154</v>
      </c>
      <c r="C23" s="16">
        <v>158</v>
      </c>
      <c r="D23" s="17">
        <v>312</v>
      </c>
    </row>
    <row r="24" spans="1:4" ht="18" customHeight="1" x14ac:dyDescent="0.2">
      <c r="A24" s="14">
        <v>15</v>
      </c>
      <c r="B24" s="15">
        <v>17</v>
      </c>
      <c r="C24" s="16">
        <v>21</v>
      </c>
      <c r="D24" s="17">
        <v>38</v>
      </c>
    </row>
    <row r="25" spans="1:4" ht="18" customHeight="1" x14ac:dyDescent="0.2">
      <c r="A25" s="14">
        <v>16</v>
      </c>
      <c r="B25" s="15">
        <v>17</v>
      </c>
      <c r="C25" s="16">
        <v>21</v>
      </c>
      <c r="D25" s="17">
        <v>38</v>
      </c>
    </row>
    <row r="26" spans="1:4" ht="18" customHeight="1" x14ac:dyDescent="0.2">
      <c r="A26" s="14">
        <v>17</v>
      </c>
      <c r="B26" s="15">
        <v>18</v>
      </c>
      <c r="C26" s="16">
        <v>11</v>
      </c>
      <c r="D26" s="17">
        <v>29</v>
      </c>
    </row>
    <row r="27" spans="1:4" ht="18" customHeight="1" x14ac:dyDescent="0.2">
      <c r="A27" s="14">
        <v>18</v>
      </c>
      <c r="B27" s="15">
        <v>13</v>
      </c>
      <c r="C27" s="16">
        <v>20</v>
      </c>
      <c r="D27" s="17">
        <v>33</v>
      </c>
    </row>
    <row r="28" spans="1:4" ht="18" customHeight="1" x14ac:dyDescent="0.2">
      <c r="A28" s="14">
        <v>19</v>
      </c>
      <c r="B28" s="15">
        <v>6</v>
      </c>
      <c r="C28" s="16">
        <v>13</v>
      </c>
      <c r="D28" s="17">
        <v>19</v>
      </c>
    </row>
    <row r="29" spans="1:4" ht="18" customHeight="1" x14ac:dyDescent="0.2">
      <c r="A29" s="18" t="s">
        <v>52</v>
      </c>
      <c r="B29" s="15">
        <v>71</v>
      </c>
      <c r="C29" s="16">
        <v>86</v>
      </c>
      <c r="D29" s="17">
        <v>157</v>
      </c>
    </row>
    <row r="30" spans="1:4" ht="18" customHeight="1" x14ac:dyDescent="0.2">
      <c r="A30" s="14">
        <v>20</v>
      </c>
      <c r="B30" s="15">
        <v>17</v>
      </c>
      <c r="C30" s="16">
        <v>15</v>
      </c>
      <c r="D30" s="17">
        <v>32</v>
      </c>
    </row>
    <row r="31" spans="1:4" ht="18" customHeight="1" x14ac:dyDescent="0.2">
      <c r="A31" s="14">
        <v>21</v>
      </c>
      <c r="B31" s="15">
        <v>18</v>
      </c>
      <c r="C31" s="16">
        <v>18</v>
      </c>
      <c r="D31" s="17">
        <v>36</v>
      </c>
    </row>
    <row r="32" spans="1:4" ht="18" customHeight="1" x14ac:dyDescent="0.2">
      <c r="A32" s="14">
        <v>22</v>
      </c>
      <c r="B32" s="15">
        <v>13</v>
      </c>
      <c r="C32" s="16">
        <v>17</v>
      </c>
      <c r="D32" s="17">
        <v>30</v>
      </c>
    </row>
    <row r="33" spans="1:4" ht="18" customHeight="1" x14ac:dyDescent="0.2">
      <c r="A33" s="14">
        <v>23</v>
      </c>
      <c r="B33" s="15">
        <v>23</v>
      </c>
      <c r="C33" s="16">
        <v>18</v>
      </c>
      <c r="D33" s="17">
        <v>41</v>
      </c>
    </row>
    <row r="34" spans="1:4" ht="18" customHeight="1" x14ac:dyDescent="0.2">
      <c r="A34" s="14">
        <v>24</v>
      </c>
      <c r="B34" s="15">
        <v>11</v>
      </c>
      <c r="C34" s="16">
        <v>9</v>
      </c>
      <c r="D34" s="17">
        <v>20</v>
      </c>
    </row>
    <row r="35" spans="1:4" ht="18" customHeight="1" x14ac:dyDescent="0.2">
      <c r="A35" s="18" t="s">
        <v>53</v>
      </c>
      <c r="B35" s="15">
        <v>82</v>
      </c>
      <c r="C35" s="16">
        <v>77</v>
      </c>
      <c r="D35" s="17">
        <v>159</v>
      </c>
    </row>
    <row r="36" spans="1:4" ht="18" customHeight="1" x14ac:dyDescent="0.2">
      <c r="A36" s="14">
        <v>25</v>
      </c>
      <c r="B36" s="15">
        <v>14</v>
      </c>
      <c r="C36" s="16">
        <v>11</v>
      </c>
      <c r="D36" s="17">
        <v>25</v>
      </c>
    </row>
    <row r="37" spans="1:4" ht="18" customHeight="1" x14ac:dyDescent="0.2">
      <c r="A37" s="14">
        <v>26</v>
      </c>
      <c r="B37" s="15">
        <v>9</v>
      </c>
      <c r="C37" s="16">
        <v>13</v>
      </c>
      <c r="D37" s="17">
        <v>22</v>
      </c>
    </row>
    <row r="38" spans="1:4" ht="18" customHeight="1" x14ac:dyDescent="0.2">
      <c r="A38" s="14">
        <v>27</v>
      </c>
      <c r="B38" s="15">
        <v>15</v>
      </c>
      <c r="C38" s="16">
        <v>13</v>
      </c>
      <c r="D38" s="17">
        <v>28</v>
      </c>
    </row>
    <row r="39" spans="1:4" ht="18" customHeight="1" x14ac:dyDescent="0.2">
      <c r="A39" s="14">
        <v>28</v>
      </c>
      <c r="B39" s="15">
        <v>11</v>
      </c>
      <c r="C39" s="16">
        <v>7</v>
      </c>
      <c r="D39" s="17">
        <v>18</v>
      </c>
    </row>
    <row r="40" spans="1:4" ht="18" customHeight="1" x14ac:dyDescent="0.2">
      <c r="A40" s="14">
        <v>29</v>
      </c>
      <c r="B40" s="15">
        <v>8</v>
      </c>
      <c r="C40" s="16">
        <v>12</v>
      </c>
      <c r="D40" s="17">
        <v>20</v>
      </c>
    </row>
    <row r="41" spans="1:4" ht="18" customHeight="1" x14ac:dyDescent="0.2">
      <c r="A41" s="18" t="s">
        <v>54</v>
      </c>
      <c r="B41" s="15">
        <v>57</v>
      </c>
      <c r="C41" s="16">
        <v>56</v>
      </c>
      <c r="D41" s="17">
        <v>113</v>
      </c>
    </row>
    <row r="42" spans="1:4" ht="18" customHeight="1" x14ac:dyDescent="0.2">
      <c r="A42" s="14">
        <v>30</v>
      </c>
      <c r="B42" s="15">
        <v>13</v>
      </c>
      <c r="C42" s="16">
        <v>15</v>
      </c>
      <c r="D42" s="17">
        <v>28</v>
      </c>
    </row>
    <row r="43" spans="1:4" ht="18" customHeight="1" x14ac:dyDescent="0.2">
      <c r="A43" s="14">
        <v>31</v>
      </c>
      <c r="B43" s="15">
        <v>13</v>
      </c>
      <c r="C43" s="16">
        <v>14</v>
      </c>
      <c r="D43" s="17">
        <v>27</v>
      </c>
    </row>
    <row r="44" spans="1:4" ht="18" customHeight="1" x14ac:dyDescent="0.2">
      <c r="A44" s="14">
        <v>32</v>
      </c>
      <c r="B44" s="15">
        <v>9</v>
      </c>
      <c r="C44" s="16">
        <v>10</v>
      </c>
      <c r="D44" s="17">
        <v>19</v>
      </c>
    </row>
    <row r="45" spans="1:4" ht="18" customHeight="1" x14ac:dyDescent="0.2">
      <c r="A45" s="14">
        <v>33</v>
      </c>
      <c r="B45" s="15">
        <v>19</v>
      </c>
      <c r="C45" s="16">
        <v>14</v>
      </c>
      <c r="D45" s="17">
        <v>33</v>
      </c>
    </row>
    <row r="46" spans="1:4" ht="18" customHeight="1" x14ac:dyDescent="0.2">
      <c r="A46" s="14">
        <v>34</v>
      </c>
      <c r="B46" s="15">
        <v>18</v>
      </c>
      <c r="C46" s="16">
        <v>16</v>
      </c>
      <c r="D46" s="17">
        <v>34</v>
      </c>
    </row>
    <row r="47" spans="1:4" ht="18" customHeight="1" x14ac:dyDescent="0.2">
      <c r="A47" s="18" t="s">
        <v>55</v>
      </c>
      <c r="B47" s="15">
        <v>72</v>
      </c>
      <c r="C47" s="16">
        <v>69</v>
      </c>
      <c r="D47" s="17">
        <v>141</v>
      </c>
    </row>
    <row r="48" spans="1:4" ht="18" customHeight="1" x14ac:dyDescent="0.2">
      <c r="A48" s="14">
        <v>35</v>
      </c>
      <c r="B48" s="15">
        <v>14</v>
      </c>
      <c r="C48" s="16">
        <v>8</v>
      </c>
      <c r="D48" s="17">
        <v>22</v>
      </c>
    </row>
    <row r="49" spans="1:4" ht="18" customHeight="1" x14ac:dyDescent="0.2">
      <c r="A49" s="14">
        <v>36</v>
      </c>
      <c r="B49" s="15">
        <v>11</v>
      </c>
      <c r="C49" s="16">
        <v>13</v>
      </c>
      <c r="D49" s="17">
        <v>24</v>
      </c>
    </row>
    <row r="50" spans="1:4" ht="18" customHeight="1" x14ac:dyDescent="0.2">
      <c r="A50" s="14">
        <v>37</v>
      </c>
      <c r="B50" s="15">
        <v>12</v>
      </c>
      <c r="C50" s="16">
        <v>18</v>
      </c>
      <c r="D50" s="17">
        <v>30</v>
      </c>
    </row>
    <row r="51" spans="1:4" ht="18" customHeight="1" x14ac:dyDescent="0.2">
      <c r="A51" s="14">
        <v>38</v>
      </c>
      <c r="B51" s="15">
        <v>15</v>
      </c>
      <c r="C51" s="16">
        <v>16</v>
      </c>
      <c r="D51" s="17">
        <v>31</v>
      </c>
    </row>
    <row r="52" spans="1:4" ht="18" customHeight="1" x14ac:dyDescent="0.2">
      <c r="A52" s="14">
        <v>39</v>
      </c>
      <c r="B52" s="15">
        <v>14</v>
      </c>
      <c r="C52" s="16">
        <v>15</v>
      </c>
      <c r="D52" s="17">
        <v>29</v>
      </c>
    </row>
    <row r="53" spans="1:4" ht="18" customHeight="1" x14ac:dyDescent="0.2">
      <c r="A53" s="18" t="s">
        <v>56</v>
      </c>
      <c r="B53" s="15">
        <v>66</v>
      </c>
      <c r="C53" s="16">
        <v>70</v>
      </c>
      <c r="D53" s="17">
        <v>136</v>
      </c>
    </row>
    <row r="54" spans="1:4" ht="18" customHeight="1" x14ac:dyDescent="0.2">
      <c r="A54" s="14">
        <v>40</v>
      </c>
      <c r="B54" s="15">
        <v>19</v>
      </c>
      <c r="C54" s="16">
        <v>21</v>
      </c>
      <c r="D54" s="17">
        <v>40</v>
      </c>
    </row>
    <row r="55" spans="1:4" ht="18" customHeight="1" x14ac:dyDescent="0.2">
      <c r="A55" s="14">
        <v>41</v>
      </c>
      <c r="B55" s="15">
        <v>17</v>
      </c>
      <c r="C55" s="16">
        <v>14</v>
      </c>
      <c r="D55" s="17">
        <v>31</v>
      </c>
    </row>
    <row r="56" spans="1:4" ht="18" customHeight="1" x14ac:dyDescent="0.2">
      <c r="A56" s="14">
        <v>42</v>
      </c>
      <c r="B56" s="15">
        <v>15</v>
      </c>
      <c r="C56" s="16">
        <v>15</v>
      </c>
      <c r="D56" s="17">
        <v>30</v>
      </c>
    </row>
    <row r="57" spans="1:4" ht="18" customHeight="1" x14ac:dyDescent="0.2">
      <c r="A57" s="14">
        <v>43</v>
      </c>
      <c r="B57" s="15">
        <v>30</v>
      </c>
      <c r="C57" s="16">
        <v>19</v>
      </c>
      <c r="D57" s="17">
        <v>49</v>
      </c>
    </row>
    <row r="58" spans="1:4" ht="18" customHeight="1" x14ac:dyDescent="0.2">
      <c r="A58" s="14">
        <v>44</v>
      </c>
      <c r="B58" s="15">
        <v>26</v>
      </c>
      <c r="C58" s="16">
        <v>28</v>
      </c>
      <c r="D58" s="17">
        <v>54</v>
      </c>
    </row>
    <row r="59" spans="1:4" ht="18" customHeight="1" x14ac:dyDescent="0.2">
      <c r="A59" s="18" t="s">
        <v>57</v>
      </c>
      <c r="B59" s="15">
        <v>107</v>
      </c>
      <c r="C59" s="16">
        <v>97</v>
      </c>
      <c r="D59" s="17">
        <v>204</v>
      </c>
    </row>
    <row r="60" spans="1:4" ht="18" customHeight="1" x14ac:dyDescent="0.2">
      <c r="A60" s="14">
        <v>45</v>
      </c>
      <c r="B60" s="15">
        <v>28</v>
      </c>
      <c r="C60" s="16">
        <v>15</v>
      </c>
      <c r="D60" s="17">
        <v>43</v>
      </c>
    </row>
    <row r="61" spans="1:4" ht="18" customHeight="1" x14ac:dyDescent="0.2">
      <c r="A61" s="14">
        <v>46</v>
      </c>
      <c r="B61" s="15">
        <v>22</v>
      </c>
      <c r="C61" s="16">
        <v>34</v>
      </c>
      <c r="D61" s="17">
        <v>56</v>
      </c>
    </row>
    <row r="62" spans="1:4" ht="18" customHeight="1" x14ac:dyDescent="0.2">
      <c r="A62" s="14">
        <v>47</v>
      </c>
      <c r="B62" s="15">
        <v>35</v>
      </c>
      <c r="C62" s="16">
        <v>24</v>
      </c>
      <c r="D62" s="17">
        <v>59</v>
      </c>
    </row>
    <row r="63" spans="1:4" ht="18" customHeight="1" x14ac:dyDescent="0.2">
      <c r="A63" s="14">
        <v>48</v>
      </c>
      <c r="B63" s="15">
        <v>27</v>
      </c>
      <c r="C63" s="16">
        <v>32</v>
      </c>
      <c r="D63" s="17">
        <v>59</v>
      </c>
    </row>
    <row r="64" spans="1:4" ht="18" customHeight="1" x14ac:dyDescent="0.2">
      <c r="A64" s="14">
        <v>49</v>
      </c>
      <c r="B64" s="15">
        <v>34</v>
      </c>
      <c r="C64" s="16">
        <v>23</v>
      </c>
      <c r="D64" s="17">
        <v>57</v>
      </c>
    </row>
    <row r="65" spans="1:4" ht="18" customHeight="1" x14ac:dyDescent="0.2">
      <c r="A65" s="18" t="s">
        <v>58</v>
      </c>
      <c r="B65" s="15">
        <v>146</v>
      </c>
      <c r="C65" s="16">
        <v>128</v>
      </c>
      <c r="D65" s="17">
        <v>274</v>
      </c>
    </row>
    <row r="66" spans="1:4" ht="18" customHeight="1" x14ac:dyDescent="0.2">
      <c r="A66" s="14">
        <v>50</v>
      </c>
      <c r="B66" s="15">
        <v>28</v>
      </c>
      <c r="C66" s="16">
        <v>16</v>
      </c>
      <c r="D66" s="17">
        <v>44</v>
      </c>
    </row>
    <row r="67" spans="1:4" ht="18" customHeight="1" x14ac:dyDescent="0.2">
      <c r="A67" s="14">
        <v>51</v>
      </c>
      <c r="B67" s="15">
        <v>19</v>
      </c>
      <c r="C67" s="16">
        <v>30</v>
      </c>
      <c r="D67" s="17">
        <v>49</v>
      </c>
    </row>
    <row r="68" spans="1:4" ht="18" customHeight="1" x14ac:dyDescent="0.2">
      <c r="A68" s="14">
        <v>52</v>
      </c>
      <c r="B68" s="15">
        <v>22</v>
      </c>
      <c r="C68" s="16">
        <v>18</v>
      </c>
      <c r="D68" s="17">
        <v>40</v>
      </c>
    </row>
    <row r="69" spans="1:4" ht="18" customHeight="1" x14ac:dyDescent="0.2">
      <c r="A69" s="14">
        <v>53</v>
      </c>
      <c r="B69" s="15">
        <v>18</v>
      </c>
      <c r="C69" s="16">
        <v>24</v>
      </c>
      <c r="D69" s="17">
        <v>42</v>
      </c>
    </row>
    <row r="70" spans="1:4" ht="18" customHeight="1" x14ac:dyDescent="0.2">
      <c r="A70" s="14">
        <v>54</v>
      </c>
      <c r="B70" s="15">
        <v>23</v>
      </c>
      <c r="C70" s="16">
        <v>19</v>
      </c>
      <c r="D70" s="17">
        <v>42</v>
      </c>
    </row>
    <row r="71" spans="1:4" ht="18" customHeight="1" x14ac:dyDescent="0.2">
      <c r="A71" s="18" t="s">
        <v>59</v>
      </c>
      <c r="B71" s="15">
        <v>110</v>
      </c>
      <c r="C71" s="16">
        <v>107</v>
      </c>
      <c r="D71" s="17">
        <v>217</v>
      </c>
    </row>
    <row r="72" spans="1:4" ht="18" customHeight="1" x14ac:dyDescent="0.2">
      <c r="A72" s="14">
        <v>55</v>
      </c>
      <c r="B72" s="15">
        <v>10</v>
      </c>
      <c r="C72" s="16">
        <v>14</v>
      </c>
      <c r="D72" s="17">
        <v>24</v>
      </c>
    </row>
    <row r="73" spans="1:4" ht="18" customHeight="1" x14ac:dyDescent="0.2">
      <c r="A73" s="14">
        <v>56</v>
      </c>
      <c r="B73" s="15">
        <v>23</v>
      </c>
      <c r="C73" s="16">
        <v>16</v>
      </c>
      <c r="D73" s="17">
        <v>39</v>
      </c>
    </row>
    <row r="74" spans="1:4" ht="18" customHeight="1" x14ac:dyDescent="0.2">
      <c r="A74" s="14">
        <v>57</v>
      </c>
      <c r="B74" s="15">
        <v>14</v>
      </c>
      <c r="C74" s="16">
        <v>19</v>
      </c>
      <c r="D74" s="17">
        <v>33</v>
      </c>
    </row>
    <row r="75" spans="1:4" ht="18" customHeight="1" x14ac:dyDescent="0.2">
      <c r="A75" s="14">
        <v>58</v>
      </c>
      <c r="B75" s="15">
        <v>14</v>
      </c>
      <c r="C75" s="16">
        <v>26</v>
      </c>
      <c r="D75" s="17">
        <v>40</v>
      </c>
    </row>
    <row r="76" spans="1:4" ht="18" customHeight="1" x14ac:dyDescent="0.2">
      <c r="A76" s="14">
        <v>59</v>
      </c>
      <c r="B76" s="15">
        <v>12</v>
      </c>
      <c r="C76" s="16">
        <v>22</v>
      </c>
      <c r="D76" s="17">
        <v>34</v>
      </c>
    </row>
    <row r="77" spans="1:4" ht="18" customHeight="1" x14ac:dyDescent="0.2">
      <c r="A77" s="18" t="s">
        <v>60</v>
      </c>
      <c r="B77" s="15">
        <v>73</v>
      </c>
      <c r="C77" s="16">
        <v>97</v>
      </c>
      <c r="D77" s="17">
        <v>170</v>
      </c>
    </row>
    <row r="78" spans="1:4" ht="18" customHeight="1" x14ac:dyDescent="0.2">
      <c r="A78" s="14">
        <v>60</v>
      </c>
      <c r="B78" s="15">
        <v>31</v>
      </c>
      <c r="C78" s="16">
        <v>24</v>
      </c>
      <c r="D78" s="17">
        <v>55</v>
      </c>
    </row>
    <row r="79" spans="1:4" ht="18" customHeight="1" x14ac:dyDescent="0.2">
      <c r="A79" s="14">
        <v>61</v>
      </c>
      <c r="B79" s="15">
        <v>15</v>
      </c>
      <c r="C79" s="16">
        <v>24</v>
      </c>
      <c r="D79" s="17">
        <v>39</v>
      </c>
    </row>
    <row r="80" spans="1:4" ht="18" customHeight="1" x14ac:dyDescent="0.2">
      <c r="A80" s="14">
        <v>62</v>
      </c>
      <c r="B80" s="15">
        <v>25</v>
      </c>
      <c r="C80" s="16">
        <v>23</v>
      </c>
      <c r="D80" s="17">
        <v>48</v>
      </c>
    </row>
    <row r="81" spans="1:4" ht="18" customHeight="1" x14ac:dyDescent="0.2">
      <c r="A81" s="14">
        <v>63</v>
      </c>
      <c r="B81" s="15">
        <v>26</v>
      </c>
      <c r="C81" s="16">
        <v>30</v>
      </c>
      <c r="D81" s="17">
        <v>56</v>
      </c>
    </row>
    <row r="82" spans="1:4" ht="18" customHeight="1" x14ac:dyDescent="0.2">
      <c r="A82" s="14">
        <v>64</v>
      </c>
      <c r="B82" s="15">
        <v>27</v>
      </c>
      <c r="C82" s="16">
        <v>34</v>
      </c>
      <c r="D82" s="17">
        <v>61</v>
      </c>
    </row>
    <row r="83" spans="1:4" ht="18" customHeight="1" x14ac:dyDescent="0.2">
      <c r="A83" s="18" t="s">
        <v>61</v>
      </c>
      <c r="B83" s="15">
        <v>124</v>
      </c>
      <c r="C83" s="16">
        <v>135</v>
      </c>
      <c r="D83" s="17">
        <v>259</v>
      </c>
    </row>
    <row r="84" spans="1:4" ht="18" customHeight="1" x14ac:dyDescent="0.2">
      <c r="A84" s="18" t="s">
        <v>62</v>
      </c>
      <c r="B84" s="15">
        <v>908</v>
      </c>
      <c r="C84" s="16">
        <v>922</v>
      </c>
      <c r="D84" s="17">
        <v>1830</v>
      </c>
    </row>
    <row r="85" spans="1:4" ht="18" customHeight="1" x14ac:dyDescent="0.2">
      <c r="A85" s="14">
        <v>65</v>
      </c>
      <c r="B85" s="15">
        <v>30</v>
      </c>
      <c r="C85" s="16">
        <v>23</v>
      </c>
      <c r="D85" s="17">
        <v>53</v>
      </c>
    </row>
    <row r="86" spans="1:4" ht="18" customHeight="1" x14ac:dyDescent="0.2">
      <c r="A86" s="14">
        <v>66</v>
      </c>
      <c r="B86" s="15">
        <v>29</v>
      </c>
      <c r="C86" s="16">
        <v>32</v>
      </c>
      <c r="D86" s="17">
        <v>61</v>
      </c>
    </row>
    <row r="87" spans="1:4" ht="18" customHeight="1" x14ac:dyDescent="0.2">
      <c r="A87" s="14">
        <v>67</v>
      </c>
      <c r="B87" s="15">
        <v>24</v>
      </c>
      <c r="C87" s="16">
        <v>30</v>
      </c>
      <c r="D87" s="17">
        <v>54</v>
      </c>
    </row>
    <row r="88" spans="1:4" ht="18" customHeight="1" x14ac:dyDescent="0.2">
      <c r="A88" s="14">
        <v>68</v>
      </c>
      <c r="B88" s="15">
        <v>48</v>
      </c>
      <c r="C88" s="16">
        <v>49</v>
      </c>
      <c r="D88" s="17">
        <v>97</v>
      </c>
    </row>
    <row r="89" spans="1:4" ht="18" customHeight="1" x14ac:dyDescent="0.2">
      <c r="A89" s="14">
        <v>69</v>
      </c>
      <c r="B89" s="15">
        <v>36</v>
      </c>
      <c r="C89" s="16">
        <v>51</v>
      </c>
      <c r="D89" s="17">
        <v>87</v>
      </c>
    </row>
    <row r="90" spans="1:4" ht="18" customHeight="1" x14ac:dyDescent="0.2">
      <c r="A90" s="18" t="s">
        <v>63</v>
      </c>
      <c r="B90" s="15">
        <v>167</v>
      </c>
      <c r="C90" s="16">
        <v>185</v>
      </c>
      <c r="D90" s="17">
        <v>352</v>
      </c>
    </row>
    <row r="91" spans="1:4" ht="18" customHeight="1" x14ac:dyDescent="0.2">
      <c r="A91" s="14">
        <v>70</v>
      </c>
      <c r="B91" s="15">
        <v>37</v>
      </c>
      <c r="C91" s="16">
        <v>43</v>
      </c>
      <c r="D91" s="17">
        <v>80</v>
      </c>
    </row>
    <row r="92" spans="1:4" ht="18" customHeight="1" x14ac:dyDescent="0.2">
      <c r="A92" s="14">
        <v>71</v>
      </c>
      <c r="B92" s="15">
        <v>52</v>
      </c>
      <c r="C92" s="16">
        <v>63</v>
      </c>
      <c r="D92" s="17">
        <v>115</v>
      </c>
    </row>
    <row r="93" spans="1:4" ht="18" customHeight="1" x14ac:dyDescent="0.2">
      <c r="A93" s="14">
        <v>72</v>
      </c>
      <c r="B93" s="15">
        <v>25</v>
      </c>
      <c r="C93" s="16">
        <v>20</v>
      </c>
      <c r="D93" s="17">
        <v>45</v>
      </c>
    </row>
    <row r="94" spans="1:4" ht="18" customHeight="1" x14ac:dyDescent="0.2">
      <c r="A94" s="14">
        <v>73</v>
      </c>
      <c r="B94" s="15">
        <v>25</v>
      </c>
      <c r="C94" s="16">
        <v>29</v>
      </c>
      <c r="D94" s="17">
        <v>54</v>
      </c>
    </row>
    <row r="95" spans="1:4" ht="18" customHeight="1" x14ac:dyDescent="0.2">
      <c r="A95" s="14">
        <v>74</v>
      </c>
      <c r="B95" s="15">
        <v>36</v>
      </c>
      <c r="C95" s="16">
        <v>41</v>
      </c>
      <c r="D95" s="17">
        <v>77</v>
      </c>
    </row>
    <row r="96" spans="1:4" ht="18" customHeight="1" x14ac:dyDescent="0.2">
      <c r="A96" s="18" t="s">
        <v>64</v>
      </c>
      <c r="B96" s="15">
        <v>175</v>
      </c>
      <c r="C96" s="16">
        <v>196</v>
      </c>
      <c r="D96" s="17">
        <v>371</v>
      </c>
    </row>
    <row r="97" spans="1:4" ht="18" customHeight="1" x14ac:dyDescent="0.2">
      <c r="A97" s="14">
        <v>75</v>
      </c>
      <c r="B97" s="15">
        <v>38</v>
      </c>
      <c r="C97" s="16">
        <v>36</v>
      </c>
      <c r="D97" s="17">
        <v>74</v>
      </c>
    </row>
    <row r="98" spans="1:4" ht="18" customHeight="1" x14ac:dyDescent="0.2">
      <c r="A98" s="14">
        <v>76</v>
      </c>
      <c r="B98" s="15">
        <v>20</v>
      </c>
      <c r="C98" s="16">
        <v>50</v>
      </c>
      <c r="D98" s="17">
        <v>70</v>
      </c>
    </row>
    <row r="99" spans="1:4" ht="18" customHeight="1" x14ac:dyDescent="0.2">
      <c r="A99" s="14">
        <v>77</v>
      </c>
      <c r="B99" s="15">
        <v>25</v>
      </c>
      <c r="C99" s="16">
        <v>47</v>
      </c>
      <c r="D99" s="17">
        <v>72</v>
      </c>
    </row>
    <row r="100" spans="1:4" ht="18" customHeight="1" x14ac:dyDescent="0.2">
      <c r="A100" s="14">
        <v>78</v>
      </c>
      <c r="B100" s="15">
        <v>36</v>
      </c>
      <c r="C100" s="16">
        <v>26</v>
      </c>
      <c r="D100" s="17">
        <v>62</v>
      </c>
    </row>
    <row r="101" spans="1:4" ht="18" customHeight="1" x14ac:dyDescent="0.2">
      <c r="A101" s="14">
        <v>79</v>
      </c>
      <c r="B101" s="15">
        <v>18</v>
      </c>
      <c r="C101" s="16">
        <v>43</v>
      </c>
      <c r="D101" s="17">
        <v>61</v>
      </c>
    </row>
    <row r="102" spans="1:4" ht="18" customHeight="1" x14ac:dyDescent="0.2">
      <c r="A102" s="18" t="s">
        <v>65</v>
      </c>
      <c r="B102" s="15">
        <v>137</v>
      </c>
      <c r="C102" s="16">
        <v>202</v>
      </c>
      <c r="D102" s="17">
        <v>339</v>
      </c>
    </row>
    <row r="103" spans="1:4" ht="18" customHeight="1" x14ac:dyDescent="0.2">
      <c r="A103" s="14">
        <v>80</v>
      </c>
      <c r="B103" s="15">
        <v>11</v>
      </c>
      <c r="C103" s="16">
        <v>24</v>
      </c>
      <c r="D103" s="17">
        <v>35</v>
      </c>
    </row>
    <row r="104" spans="1:4" ht="18" customHeight="1" x14ac:dyDescent="0.2">
      <c r="A104" s="14">
        <v>81</v>
      </c>
      <c r="B104" s="15">
        <v>22</v>
      </c>
      <c r="C104" s="16">
        <v>22</v>
      </c>
      <c r="D104" s="17">
        <v>44</v>
      </c>
    </row>
    <row r="105" spans="1:4" ht="18" customHeight="1" x14ac:dyDescent="0.2">
      <c r="A105" s="14">
        <v>82</v>
      </c>
      <c r="B105" s="15">
        <v>25</v>
      </c>
      <c r="C105" s="16">
        <v>24</v>
      </c>
      <c r="D105" s="17">
        <v>49</v>
      </c>
    </row>
    <row r="106" spans="1:4" ht="18" customHeight="1" x14ac:dyDescent="0.2">
      <c r="A106" s="14">
        <v>83</v>
      </c>
      <c r="B106" s="15">
        <v>19</v>
      </c>
      <c r="C106" s="16">
        <v>24</v>
      </c>
      <c r="D106" s="17">
        <v>43</v>
      </c>
    </row>
    <row r="107" spans="1:4" ht="18" customHeight="1" x14ac:dyDescent="0.2">
      <c r="A107" s="14">
        <v>84</v>
      </c>
      <c r="B107" s="15">
        <v>10</v>
      </c>
      <c r="C107" s="16">
        <v>18</v>
      </c>
      <c r="D107" s="17">
        <v>28</v>
      </c>
    </row>
    <row r="108" spans="1:4" ht="18" customHeight="1" x14ac:dyDescent="0.2">
      <c r="A108" s="18" t="s">
        <v>66</v>
      </c>
      <c r="B108" s="15">
        <v>87</v>
      </c>
      <c r="C108" s="16">
        <v>112</v>
      </c>
      <c r="D108" s="17">
        <v>199</v>
      </c>
    </row>
    <row r="109" spans="1:4" ht="18" customHeight="1" x14ac:dyDescent="0.2">
      <c r="A109" s="14">
        <v>85</v>
      </c>
      <c r="B109" s="15">
        <v>13</v>
      </c>
      <c r="C109" s="16">
        <v>27</v>
      </c>
      <c r="D109" s="17">
        <v>40</v>
      </c>
    </row>
    <row r="110" spans="1:4" ht="18" customHeight="1" x14ac:dyDescent="0.2">
      <c r="A110" s="14">
        <v>86</v>
      </c>
      <c r="B110" s="15">
        <v>8</v>
      </c>
      <c r="C110" s="16">
        <v>30</v>
      </c>
      <c r="D110" s="17">
        <v>38</v>
      </c>
    </row>
    <row r="111" spans="1:4" ht="18" customHeight="1" x14ac:dyDescent="0.2">
      <c r="A111" s="14">
        <v>87</v>
      </c>
      <c r="B111" s="15">
        <v>3</v>
      </c>
      <c r="C111" s="16">
        <v>13</v>
      </c>
      <c r="D111" s="17">
        <v>16</v>
      </c>
    </row>
    <row r="112" spans="1:4" ht="18" customHeight="1" x14ac:dyDescent="0.2">
      <c r="A112" s="14">
        <v>88</v>
      </c>
      <c r="B112" s="15">
        <v>4</v>
      </c>
      <c r="C112" s="16">
        <v>21</v>
      </c>
      <c r="D112" s="17">
        <v>25</v>
      </c>
    </row>
    <row r="113" spans="1:4" ht="18" customHeight="1" x14ac:dyDescent="0.2">
      <c r="A113" s="14">
        <v>89</v>
      </c>
      <c r="B113" s="15">
        <v>6</v>
      </c>
      <c r="C113" s="16">
        <v>13</v>
      </c>
      <c r="D113" s="17">
        <v>19</v>
      </c>
    </row>
    <row r="114" spans="1:4" ht="18" customHeight="1" x14ac:dyDescent="0.2">
      <c r="A114" s="18" t="s">
        <v>67</v>
      </c>
      <c r="B114" s="15">
        <v>34</v>
      </c>
      <c r="C114" s="16">
        <v>104</v>
      </c>
      <c r="D114" s="17">
        <v>138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3</v>
      </c>
      <c r="C116" s="16">
        <v>9</v>
      </c>
      <c r="D116" s="17">
        <v>12</v>
      </c>
    </row>
    <row r="117" spans="1:4" ht="18" customHeight="1" x14ac:dyDescent="0.2">
      <c r="A117" s="14">
        <v>92</v>
      </c>
      <c r="B117" s="15">
        <v>3</v>
      </c>
      <c r="C117" s="16">
        <v>5</v>
      </c>
      <c r="D117" s="17">
        <v>8</v>
      </c>
    </row>
    <row r="118" spans="1:4" ht="18" customHeight="1" x14ac:dyDescent="0.2">
      <c r="A118" s="14">
        <v>93</v>
      </c>
      <c r="B118" s="15">
        <v>4</v>
      </c>
      <c r="C118" s="16">
        <v>9</v>
      </c>
      <c r="D118" s="17">
        <v>13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7</v>
      </c>
      <c r="C120" s="16">
        <v>46</v>
      </c>
      <c r="D120" s="17">
        <v>63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</v>
      </c>
      <c r="C126" s="16">
        <v>27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18</v>
      </c>
      <c r="C130" s="5">
        <v>874</v>
      </c>
      <c r="D130" s="6">
        <v>1492</v>
      </c>
    </row>
    <row r="131" spans="1:4" ht="18" customHeight="1" x14ac:dyDescent="0.2">
      <c r="A131" s="20" t="s">
        <v>47</v>
      </c>
      <c r="B131" s="7">
        <v>1680</v>
      </c>
      <c r="C131" s="8">
        <v>1954</v>
      </c>
      <c r="D131" s="9">
        <v>363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10" ht="18" customHeight="1" x14ac:dyDescent="0.2">
      <c r="A6" s="14">
        <v>1</v>
      </c>
      <c r="B6" s="15">
        <v>9</v>
      </c>
      <c r="C6" s="16">
        <v>10</v>
      </c>
      <c r="D6" s="17">
        <v>19</v>
      </c>
    </row>
    <row r="7" spans="1:10" ht="18" customHeight="1" x14ac:dyDescent="0.2">
      <c r="A7" s="14">
        <v>2</v>
      </c>
      <c r="B7" s="15">
        <v>16</v>
      </c>
      <c r="C7" s="16">
        <v>10</v>
      </c>
      <c r="D7" s="17">
        <v>26</v>
      </c>
    </row>
    <row r="8" spans="1:10" ht="18" customHeight="1" x14ac:dyDescent="0.2">
      <c r="A8" s="14">
        <v>3</v>
      </c>
      <c r="B8" s="15">
        <v>11</v>
      </c>
      <c r="C8" s="16">
        <v>6</v>
      </c>
      <c r="D8" s="17">
        <v>17</v>
      </c>
    </row>
    <row r="9" spans="1:10" ht="18" customHeight="1" x14ac:dyDescent="0.2">
      <c r="A9" s="14">
        <v>4</v>
      </c>
      <c r="B9" s="15">
        <v>9</v>
      </c>
      <c r="C9" s="16">
        <v>9</v>
      </c>
      <c r="D9" s="17">
        <v>18</v>
      </c>
    </row>
    <row r="10" spans="1:10" ht="18" customHeight="1" x14ac:dyDescent="0.2">
      <c r="A10" s="18" t="s">
        <v>48</v>
      </c>
      <c r="B10" s="15">
        <v>55</v>
      </c>
      <c r="C10" s="16">
        <v>41</v>
      </c>
      <c r="D10" s="17">
        <v>96</v>
      </c>
    </row>
    <row r="11" spans="1:10" ht="18" customHeight="1" x14ac:dyDescent="0.2">
      <c r="A11" s="14">
        <v>5</v>
      </c>
      <c r="B11" s="15">
        <v>12</v>
      </c>
      <c r="C11" s="16">
        <v>9</v>
      </c>
      <c r="D11" s="17">
        <v>21</v>
      </c>
    </row>
    <row r="12" spans="1:10" ht="18" customHeight="1" x14ac:dyDescent="0.2">
      <c r="A12" s="14">
        <v>6</v>
      </c>
      <c r="B12" s="15">
        <v>16</v>
      </c>
      <c r="C12" s="16">
        <v>12</v>
      </c>
      <c r="D12" s="17">
        <v>28</v>
      </c>
    </row>
    <row r="13" spans="1:10" ht="18" customHeight="1" x14ac:dyDescent="0.2">
      <c r="A13" s="14">
        <v>7</v>
      </c>
      <c r="B13" s="15">
        <v>14</v>
      </c>
      <c r="C13" s="16">
        <v>13</v>
      </c>
      <c r="D13" s="17">
        <v>27</v>
      </c>
    </row>
    <row r="14" spans="1:10" ht="18" customHeight="1" x14ac:dyDescent="0.2">
      <c r="A14" s="14">
        <v>8</v>
      </c>
      <c r="B14" s="15">
        <v>10</v>
      </c>
      <c r="C14" s="16">
        <v>14</v>
      </c>
      <c r="D14" s="17">
        <v>24</v>
      </c>
    </row>
    <row r="15" spans="1:10" ht="18" customHeight="1" x14ac:dyDescent="0.2">
      <c r="A15" s="14">
        <v>9</v>
      </c>
      <c r="B15" s="15">
        <v>18</v>
      </c>
      <c r="C15" s="16">
        <v>13</v>
      </c>
      <c r="D15" s="17">
        <v>31</v>
      </c>
    </row>
    <row r="16" spans="1:10" ht="18" customHeight="1" x14ac:dyDescent="0.2">
      <c r="A16" s="18" t="s">
        <v>49</v>
      </c>
      <c r="B16" s="15">
        <v>70</v>
      </c>
      <c r="C16" s="16">
        <v>61</v>
      </c>
      <c r="D16" s="17">
        <v>131</v>
      </c>
    </row>
    <row r="17" spans="1:4" ht="18" customHeight="1" x14ac:dyDescent="0.2">
      <c r="A17" s="14">
        <v>10</v>
      </c>
      <c r="B17" s="15">
        <v>14</v>
      </c>
      <c r="C17" s="16">
        <v>12</v>
      </c>
      <c r="D17" s="17">
        <v>26</v>
      </c>
    </row>
    <row r="18" spans="1:4" ht="18" customHeight="1" x14ac:dyDescent="0.2">
      <c r="A18" s="14">
        <v>11</v>
      </c>
      <c r="B18" s="15">
        <v>14</v>
      </c>
      <c r="C18" s="16">
        <v>11</v>
      </c>
      <c r="D18" s="17">
        <v>25</v>
      </c>
    </row>
    <row r="19" spans="1:4" ht="18" customHeight="1" x14ac:dyDescent="0.2">
      <c r="A19" s="14">
        <v>12</v>
      </c>
      <c r="B19" s="15">
        <v>9</v>
      </c>
      <c r="C19" s="16">
        <v>21</v>
      </c>
      <c r="D19" s="17">
        <v>30</v>
      </c>
    </row>
    <row r="20" spans="1:4" ht="18" customHeight="1" x14ac:dyDescent="0.2">
      <c r="A20" s="14">
        <v>13</v>
      </c>
      <c r="B20" s="15">
        <v>18</v>
      </c>
      <c r="C20" s="16">
        <v>14</v>
      </c>
      <c r="D20" s="17">
        <v>32</v>
      </c>
    </row>
    <row r="21" spans="1:4" ht="18" customHeight="1" x14ac:dyDescent="0.2">
      <c r="A21" s="14">
        <v>14</v>
      </c>
      <c r="B21" s="15">
        <v>13</v>
      </c>
      <c r="C21" s="16">
        <v>20</v>
      </c>
      <c r="D21" s="17">
        <v>33</v>
      </c>
    </row>
    <row r="22" spans="1:4" ht="18" customHeight="1" x14ac:dyDescent="0.2">
      <c r="A22" s="18" t="s">
        <v>50</v>
      </c>
      <c r="B22" s="15">
        <v>68</v>
      </c>
      <c r="C22" s="16">
        <v>78</v>
      </c>
      <c r="D22" s="17">
        <v>146</v>
      </c>
    </row>
    <row r="23" spans="1:4" ht="18" customHeight="1" x14ac:dyDescent="0.2">
      <c r="A23" s="18" t="s">
        <v>51</v>
      </c>
      <c r="B23" s="15">
        <v>193</v>
      </c>
      <c r="C23" s="16">
        <v>180</v>
      </c>
      <c r="D23" s="17">
        <v>373</v>
      </c>
    </row>
    <row r="24" spans="1:4" ht="18" customHeight="1" x14ac:dyDescent="0.2">
      <c r="A24" s="14">
        <v>15</v>
      </c>
      <c r="B24" s="15">
        <v>19</v>
      </c>
      <c r="C24" s="16">
        <v>12</v>
      </c>
      <c r="D24" s="17">
        <v>31</v>
      </c>
    </row>
    <row r="25" spans="1:4" ht="18" customHeight="1" x14ac:dyDescent="0.2">
      <c r="A25" s="14">
        <v>16</v>
      </c>
      <c r="B25" s="15">
        <v>20</v>
      </c>
      <c r="C25" s="16">
        <v>23</v>
      </c>
      <c r="D25" s="17">
        <v>43</v>
      </c>
    </row>
    <row r="26" spans="1:4" ht="18" customHeight="1" x14ac:dyDescent="0.2">
      <c r="A26" s="14">
        <v>17</v>
      </c>
      <c r="B26" s="15">
        <v>15</v>
      </c>
      <c r="C26" s="16">
        <v>22</v>
      </c>
      <c r="D26" s="17">
        <v>37</v>
      </c>
    </row>
    <row r="27" spans="1:4" ht="18" customHeight="1" x14ac:dyDescent="0.2">
      <c r="A27" s="14">
        <v>18</v>
      </c>
      <c r="B27" s="15">
        <v>19</v>
      </c>
      <c r="C27" s="16">
        <v>17</v>
      </c>
      <c r="D27" s="17">
        <v>36</v>
      </c>
    </row>
    <row r="28" spans="1:4" ht="18" customHeight="1" x14ac:dyDescent="0.2">
      <c r="A28" s="14">
        <v>19</v>
      </c>
      <c r="B28" s="15">
        <v>18</v>
      </c>
      <c r="C28" s="16">
        <v>19</v>
      </c>
      <c r="D28" s="17">
        <v>37</v>
      </c>
    </row>
    <row r="29" spans="1:4" ht="18" customHeight="1" x14ac:dyDescent="0.2">
      <c r="A29" s="18" t="s">
        <v>52</v>
      </c>
      <c r="B29" s="15">
        <v>91</v>
      </c>
      <c r="C29" s="16">
        <v>93</v>
      </c>
      <c r="D29" s="17">
        <v>184</v>
      </c>
    </row>
    <row r="30" spans="1:4" ht="18" customHeight="1" x14ac:dyDescent="0.2">
      <c r="A30" s="14">
        <v>20</v>
      </c>
      <c r="B30" s="15">
        <v>18</v>
      </c>
      <c r="C30" s="16">
        <v>14</v>
      </c>
      <c r="D30" s="17">
        <v>32</v>
      </c>
    </row>
    <row r="31" spans="1:4" ht="18" customHeight="1" x14ac:dyDescent="0.2">
      <c r="A31" s="14">
        <v>21</v>
      </c>
      <c r="B31" s="15">
        <v>15</v>
      </c>
      <c r="C31" s="16">
        <v>20</v>
      </c>
      <c r="D31" s="17">
        <v>35</v>
      </c>
    </row>
    <row r="32" spans="1:4" ht="18" customHeight="1" x14ac:dyDescent="0.2">
      <c r="A32" s="14">
        <v>22</v>
      </c>
      <c r="B32" s="15">
        <v>19</v>
      </c>
      <c r="C32" s="16">
        <v>24</v>
      </c>
      <c r="D32" s="17">
        <v>43</v>
      </c>
    </row>
    <row r="33" spans="1:4" ht="18" customHeight="1" x14ac:dyDescent="0.2">
      <c r="A33" s="14">
        <v>23</v>
      </c>
      <c r="B33" s="15">
        <v>18</v>
      </c>
      <c r="C33" s="16">
        <v>18</v>
      </c>
      <c r="D33" s="17">
        <v>36</v>
      </c>
    </row>
    <row r="34" spans="1:4" ht="18" customHeight="1" x14ac:dyDescent="0.2">
      <c r="A34" s="14">
        <v>24</v>
      </c>
      <c r="B34" s="15">
        <v>19</v>
      </c>
      <c r="C34" s="16">
        <v>11</v>
      </c>
      <c r="D34" s="17">
        <v>30</v>
      </c>
    </row>
    <row r="35" spans="1:4" ht="18" customHeight="1" x14ac:dyDescent="0.2">
      <c r="A35" s="18" t="s">
        <v>53</v>
      </c>
      <c r="B35" s="15">
        <v>89</v>
      </c>
      <c r="C35" s="16">
        <v>87</v>
      </c>
      <c r="D35" s="17">
        <v>176</v>
      </c>
    </row>
    <row r="36" spans="1:4" ht="18" customHeight="1" x14ac:dyDescent="0.2">
      <c r="A36" s="14">
        <v>25</v>
      </c>
      <c r="B36" s="15">
        <v>14</v>
      </c>
      <c r="C36" s="16">
        <v>9</v>
      </c>
      <c r="D36" s="17">
        <v>23</v>
      </c>
    </row>
    <row r="37" spans="1:4" ht="18" customHeight="1" x14ac:dyDescent="0.2">
      <c r="A37" s="14">
        <v>26</v>
      </c>
      <c r="B37" s="15">
        <v>14</v>
      </c>
      <c r="C37" s="16">
        <v>13</v>
      </c>
      <c r="D37" s="17">
        <v>27</v>
      </c>
    </row>
    <row r="38" spans="1:4" ht="18" customHeight="1" x14ac:dyDescent="0.2">
      <c r="A38" s="14">
        <v>27</v>
      </c>
      <c r="B38" s="15">
        <v>22</v>
      </c>
      <c r="C38" s="16">
        <v>10</v>
      </c>
      <c r="D38" s="17">
        <v>32</v>
      </c>
    </row>
    <row r="39" spans="1:4" ht="18" customHeight="1" x14ac:dyDescent="0.2">
      <c r="A39" s="14">
        <v>28</v>
      </c>
      <c r="B39" s="15">
        <v>14</v>
      </c>
      <c r="C39" s="16">
        <v>14</v>
      </c>
      <c r="D39" s="17">
        <v>28</v>
      </c>
    </row>
    <row r="40" spans="1:4" ht="18" customHeight="1" x14ac:dyDescent="0.2">
      <c r="A40" s="14">
        <v>29</v>
      </c>
      <c r="B40" s="15">
        <v>14</v>
      </c>
      <c r="C40" s="16">
        <v>17</v>
      </c>
      <c r="D40" s="17">
        <v>31</v>
      </c>
    </row>
    <row r="41" spans="1:4" ht="18" customHeight="1" x14ac:dyDescent="0.2">
      <c r="A41" s="18" t="s">
        <v>54</v>
      </c>
      <c r="B41" s="15">
        <v>78</v>
      </c>
      <c r="C41" s="16">
        <v>63</v>
      </c>
      <c r="D41" s="17">
        <v>141</v>
      </c>
    </row>
    <row r="42" spans="1:4" ht="18" customHeight="1" x14ac:dyDescent="0.2">
      <c r="A42" s="14">
        <v>30</v>
      </c>
      <c r="B42" s="15">
        <v>24</v>
      </c>
      <c r="C42" s="16">
        <v>16</v>
      </c>
      <c r="D42" s="17">
        <v>40</v>
      </c>
    </row>
    <row r="43" spans="1:4" ht="18" customHeight="1" x14ac:dyDescent="0.2">
      <c r="A43" s="14">
        <v>31</v>
      </c>
      <c r="B43" s="15">
        <v>17</v>
      </c>
      <c r="C43" s="16">
        <v>16</v>
      </c>
      <c r="D43" s="17">
        <v>33</v>
      </c>
    </row>
    <row r="44" spans="1:4" ht="18" customHeight="1" x14ac:dyDescent="0.2">
      <c r="A44" s="14">
        <v>32</v>
      </c>
      <c r="B44" s="15">
        <v>21</v>
      </c>
      <c r="C44" s="16">
        <v>14</v>
      </c>
      <c r="D44" s="17">
        <v>35</v>
      </c>
    </row>
    <row r="45" spans="1:4" ht="18" customHeight="1" x14ac:dyDescent="0.2">
      <c r="A45" s="14">
        <v>33</v>
      </c>
      <c r="B45" s="15">
        <v>14</v>
      </c>
      <c r="C45" s="16">
        <v>17</v>
      </c>
      <c r="D45" s="17">
        <v>31</v>
      </c>
    </row>
    <row r="46" spans="1:4" ht="18" customHeight="1" x14ac:dyDescent="0.2">
      <c r="A46" s="14">
        <v>34</v>
      </c>
      <c r="B46" s="15">
        <v>17</v>
      </c>
      <c r="C46" s="16">
        <v>22</v>
      </c>
      <c r="D46" s="17">
        <v>39</v>
      </c>
    </row>
    <row r="47" spans="1:4" ht="18" customHeight="1" x14ac:dyDescent="0.2">
      <c r="A47" s="18" t="s">
        <v>55</v>
      </c>
      <c r="B47" s="15">
        <v>93</v>
      </c>
      <c r="C47" s="16">
        <v>85</v>
      </c>
      <c r="D47" s="17">
        <v>178</v>
      </c>
    </row>
    <row r="48" spans="1:4" ht="18" customHeight="1" x14ac:dyDescent="0.2">
      <c r="A48" s="14">
        <v>35</v>
      </c>
      <c r="B48" s="15">
        <v>12</v>
      </c>
      <c r="C48" s="16">
        <v>11</v>
      </c>
      <c r="D48" s="17">
        <v>23</v>
      </c>
    </row>
    <row r="49" spans="1:4" ht="18" customHeight="1" x14ac:dyDescent="0.2">
      <c r="A49" s="14">
        <v>36</v>
      </c>
      <c r="B49" s="15">
        <v>25</v>
      </c>
      <c r="C49" s="16">
        <v>12</v>
      </c>
      <c r="D49" s="17">
        <v>37</v>
      </c>
    </row>
    <row r="50" spans="1:4" ht="18" customHeight="1" x14ac:dyDescent="0.2">
      <c r="A50" s="14">
        <v>37</v>
      </c>
      <c r="B50" s="15">
        <v>19</v>
      </c>
      <c r="C50" s="16">
        <v>21</v>
      </c>
      <c r="D50" s="17">
        <v>40</v>
      </c>
    </row>
    <row r="51" spans="1:4" ht="18" customHeight="1" x14ac:dyDescent="0.2">
      <c r="A51" s="14">
        <v>38</v>
      </c>
      <c r="B51" s="15">
        <v>17</v>
      </c>
      <c r="C51" s="16">
        <v>22</v>
      </c>
      <c r="D51" s="17">
        <v>39</v>
      </c>
    </row>
    <row r="52" spans="1:4" ht="18" customHeight="1" x14ac:dyDescent="0.2">
      <c r="A52" s="14">
        <v>39</v>
      </c>
      <c r="B52" s="15">
        <v>19</v>
      </c>
      <c r="C52" s="16">
        <v>18</v>
      </c>
      <c r="D52" s="17">
        <v>37</v>
      </c>
    </row>
    <row r="53" spans="1:4" ht="18" customHeight="1" x14ac:dyDescent="0.2">
      <c r="A53" s="18" t="s">
        <v>56</v>
      </c>
      <c r="B53" s="15">
        <v>92</v>
      </c>
      <c r="C53" s="16">
        <v>84</v>
      </c>
      <c r="D53" s="17">
        <v>176</v>
      </c>
    </row>
    <row r="54" spans="1:4" ht="18" customHeight="1" x14ac:dyDescent="0.2">
      <c r="A54" s="14">
        <v>40</v>
      </c>
      <c r="B54" s="15">
        <v>31</v>
      </c>
      <c r="C54" s="16">
        <v>20</v>
      </c>
      <c r="D54" s="17">
        <v>51</v>
      </c>
    </row>
    <row r="55" spans="1:4" ht="18" customHeight="1" x14ac:dyDescent="0.2">
      <c r="A55" s="14">
        <v>41</v>
      </c>
      <c r="B55" s="15">
        <v>21</v>
      </c>
      <c r="C55" s="16">
        <v>25</v>
      </c>
      <c r="D55" s="17">
        <v>46</v>
      </c>
    </row>
    <row r="56" spans="1:4" ht="18" customHeight="1" x14ac:dyDescent="0.2">
      <c r="A56" s="14">
        <v>42</v>
      </c>
      <c r="B56" s="15">
        <v>36</v>
      </c>
      <c r="C56" s="16">
        <v>21</v>
      </c>
      <c r="D56" s="17">
        <v>57</v>
      </c>
    </row>
    <row r="57" spans="1:4" ht="18" customHeight="1" x14ac:dyDescent="0.2">
      <c r="A57" s="14">
        <v>43</v>
      </c>
      <c r="B57" s="15">
        <v>30</v>
      </c>
      <c r="C57" s="16">
        <v>27</v>
      </c>
      <c r="D57" s="17">
        <v>57</v>
      </c>
    </row>
    <row r="58" spans="1:4" ht="18" customHeight="1" x14ac:dyDescent="0.2">
      <c r="A58" s="14">
        <v>44</v>
      </c>
      <c r="B58" s="15">
        <v>30</v>
      </c>
      <c r="C58" s="16">
        <v>30</v>
      </c>
      <c r="D58" s="17">
        <v>60</v>
      </c>
    </row>
    <row r="59" spans="1:4" ht="18" customHeight="1" x14ac:dyDescent="0.2">
      <c r="A59" s="18" t="s">
        <v>57</v>
      </c>
      <c r="B59" s="15">
        <v>148</v>
      </c>
      <c r="C59" s="16">
        <v>123</v>
      </c>
      <c r="D59" s="17">
        <v>271</v>
      </c>
    </row>
    <row r="60" spans="1:4" ht="18" customHeight="1" x14ac:dyDescent="0.2">
      <c r="A60" s="14">
        <v>45</v>
      </c>
      <c r="B60" s="15">
        <v>33</v>
      </c>
      <c r="C60" s="16">
        <v>39</v>
      </c>
      <c r="D60" s="17">
        <v>72</v>
      </c>
    </row>
    <row r="61" spans="1:4" ht="18" customHeight="1" x14ac:dyDescent="0.2">
      <c r="A61" s="14">
        <v>46</v>
      </c>
      <c r="B61" s="15">
        <v>37</v>
      </c>
      <c r="C61" s="16">
        <v>35</v>
      </c>
      <c r="D61" s="17">
        <v>72</v>
      </c>
    </row>
    <row r="62" spans="1:4" ht="18" customHeight="1" x14ac:dyDescent="0.2">
      <c r="A62" s="14">
        <v>47</v>
      </c>
      <c r="B62" s="15">
        <v>41</v>
      </c>
      <c r="C62" s="16">
        <v>35</v>
      </c>
      <c r="D62" s="17">
        <v>76</v>
      </c>
    </row>
    <row r="63" spans="1:4" ht="18" customHeight="1" x14ac:dyDescent="0.2">
      <c r="A63" s="14">
        <v>48</v>
      </c>
      <c r="B63" s="15">
        <v>25</v>
      </c>
      <c r="C63" s="16">
        <v>34</v>
      </c>
      <c r="D63" s="17">
        <v>59</v>
      </c>
    </row>
    <row r="64" spans="1:4" ht="18" customHeight="1" x14ac:dyDescent="0.2">
      <c r="A64" s="14">
        <v>49</v>
      </c>
      <c r="B64" s="15">
        <v>38</v>
      </c>
      <c r="C64" s="16">
        <v>27</v>
      </c>
      <c r="D64" s="17">
        <v>65</v>
      </c>
    </row>
    <row r="65" spans="1:4" ht="18" customHeight="1" x14ac:dyDescent="0.2">
      <c r="A65" s="18" t="s">
        <v>58</v>
      </c>
      <c r="B65" s="15">
        <v>174</v>
      </c>
      <c r="C65" s="16">
        <v>170</v>
      </c>
      <c r="D65" s="17">
        <v>344</v>
      </c>
    </row>
    <row r="66" spans="1:4" ht="18" customHeight="1" x14ac:dyDescent="0.2">
      <c r="A66" s="14">
        <v>50</v>
      </c>
      <c r="B66" s="15">
        <v>33</v>
      </c>
      <c r="C66" s="16">
        <v>32</v>
      </c>
      <c r="D66" s="17">
        <v>65</v>
      </c>
    </row>
    <row r="67" spans="1:4" ht="18" customHeight="1" x14ac:dyDescent="0.2">
      <c r="A67" s="14">
        <v>51</v>
      </c>
      <c r="B67" s="15">
        <v>34</v>
      </c>
      <c r="C67" s="16">
        <v>23</v>
      </c>
      <c r="D67" s="17">
        <v>57</v>
      </c>
    </row>
    <row r="68" spans="1:4" ht="18" customHeight="1" x14ac:dyDescent="0.2">
      <c r="A68" s="14">
        <v>52</v>
      </c>
      <c r="B68" s="15">
        <v>14</v>
      </c>
      <c r="C68" s="16">
        <v>12</v>
      </c>
      <c r="D68" s="17">
        <v>26</v>
      </c>
    </row>
    <row r="69" spans="1:4" ht="18" customHeight="1" x14ac:dyDescent="0.2">
      <c r="A69" s="14">
        <v>53</v>
      </c>
      <c r="B69" s="15">
        <v>27</v>
      </c>
      <c r="C69" s="16">
        <v>21</v>
      </c>
      <c r="D69" s="17">
        <v>48</v>
      </c>
    </row>
    <row r="70" spans="1:4" ht="18" customHeight="1" x14ac:dyDescent="0.2">
      <c r="A70" s="14">
        <v>54</v>
      </c>
      <c r="B70" s="15">
        <v>22</v>
      </c>
      <c r="C70" s="16">
        <v>26</v>
      </c>
      <c r="D70" s="17">
        <v>48</v>
      </c>
    </row>
    <row r="71" spans="1:4" ht="18" customHeight="1" x14ac:dyDescent="0.2">
      <c r="A71" s="18" t="s">
        <v>59</v>
      </c>
      <c r="B71" s="15">
        <v>130</v>
      </c>
      <c r="C71" s="16">
        <v>114</v>
      </c>
      <c r="D71" s="17">
        <v>244</v>
      </c>
    </row>
    <row r="72" spans="1:4" ht="18" customHeight="1" x14ac:dyDescent="0.2">
      <c r="A72" s="14">
        <v>55</v>
      </c>
      <c r="B72" s="15">
        <v>27</v>
      </c>
      <c r="C72" s="16">
        <v>21</v>
      </c>
      <c r="D72" s="17">
        <v>48</v>
      </c>
    </row>
    <row r="73" spans="1:4" ht="18" customHeight="1" x14ac:dyDescent="0.2">
      <c r="A73" s="14">
        <v>56</v>
      </c>
      <c r="B73" s="15">
        <v>11</v>
      </c>
      <c r="C73" s="16">
        <v>21</v>
      </c>
      <c r="D73" s="17">
        <v>32</v>
      </c>
    </row>
    <row r="74" spans="1:4" ht="18" customHeight="1" x14ac:dyDescent="0.2">
      <c r="A74" s="14">
        <v>57</v>
      </c>
      <c r="B74" s="15">
        <v>27</v>
      </c>
      <c r="C74" s="16">
        <v>23</v>
      </c>
      <c r="D74" s="17">
        <v>50</v>
      </c>
    </row>
    <row r="75" spans="1:4" ht="18" customHeight="1" x14ac:dyDescent="0.2">
      <c r="A75" s="14">
        <v>58</v>
      </c>
      <c r="B75" s="15">
        <v>26</v>
      </c>
      <c r="C75" s="16">
        <v>26</v>
      </c>
      <c r="D75" s="17">
        <v>52</v>
      </c>
    </row>
    <row r="76" spans="1:4" ht="18" customHeight="1" x14ac:dyDescent="0.2">
      <c r="A76" s="14">
        <v>59</v>
      </c>
      <c r="B76" s="15">
        <v>21</v>
      </c>
      <c r="C76" s="16">
        <v>23</v>
      </c>
      <c r="D76" s="17">
        <v>44</v>
      </c>
    </row>
    <row r="77" spans="1:4" ht="18" customHeight="1" x14ac:dyDescent="0.2">
      <c r="A77" s="18" t="s">
        <v>60</v>
      </c>
      <c r="B77" s="15">
        <v>112</v>
      </c>
      <c r="C77" s="16">
        <v>114</v>
      </c>
      <c r="D77" s="17">
        <v>226</v>
      </c>
    </row>
    <row r="78" spans="1:4" ht="18" customHeight="1" x14ac:dyDescent="0.2">
      <c r="A78" s="14">
        <v>60</v>
      </c>
      <c r="B78" s="15">
        <v>19</v>
      </c>
      <c r="C78" s="16">
        <v>26</v>
      </c>
      <c r="D78" s="17">
        <v>45</v>
      </c>
    </row>
    <row r="79" spans="1:4" ht="18" customHeight="1" x14ac:dyDescent="0.2">
      <c r="A79" s="14">
        <v>61</v>
      </c>
      <c r="B79" s="15">
        <v>21</v>
      </c>
      <c r="C79" s="16">
        <v>32</v>
      </c>
      <c r="D79" s="17">
        <v>53</v>
      </c>
    </row>
    <row r="80" spans="1:4" ht="18" customHeight="1" x14ac:dyDescent="0.2">
      <c r="A80" s="14">
        <v>62</v>
      </c>
      <c r="B80" s="15">
        <v>25</v>
      </c>
      <c r="C80" s="16">
        <v>21</v>
      </c>
      <c r="D80" s="17">
        <v>46</v>
      </c>
    </row>
    <row r="81" spans="1:4" ht="18" customHeight="1" x14ac:dyDescent="0.2">
      <c r="A81" s="14">
        <v>63</v>
      </c>
      <c r="B81" s="15">
        <v>29</v>
      </c>
      <c r="C81" s="16">
        <v>31</v>
      </c>
      <c r="D81" s="17">
        <v>60</v>
      </c>
    </row>
    <row r="82" spans="1:4" ht="18" customHeight="1" x14ac:dyDescent="0.2">
      <c r="A82" s="14">
        <v>64</v>
      </c>
      <c r="B82" s="15">
        <v>28</v>
      </c>
      <c r="C82" s="16">
        <v>22</v>
      </c>
      <c r="D82" s="17">
        <v>50</v>
      </c>
    </row>
    <row r="83" spans="1:4" ht="18" customHeight="1" x14ac:dyDescent="0.2">
      <c r="A83" s="18" t="s">
        <v>61</v>
      </c>
      <c r="B83" s="15">
        <v>122</v>
      </c>
      <c r="C83" s="16">
        <v>132</v>
      </c>
      <c r="D83" s="17">
        <v>254</v>
      </c>
    </row>
    <row r="84" spans="1:4" ht="18" customHeight="1" x14ac:dyDescent="0.2">
      <c r="A84" s="18" t="s">
        <v>62</v>
      </c>
      <c r="B84" s="15">
        <v>1129</v>
      </c>
      <c r="C84" s="16">
        <v>1065</v>
      </c>
      <c r="D84" s="17">
        <v>2194</v>
      </c>
    </row>
    <row r="85" spans="1:4" ht="18" customHeight="1" x14ac:dyDescent="0.2">
      <c r="A85" s="14">
        <v>65</v>
      </c>
      <c r="B85" s="15">
        <v>24</v>
      </c>
      <c r="C85" s="16">
        <v>31</v>
      </c>
      <c r="D85" s="17">
        <v>55</v>
      </c>
    </row>
    <row r="86" spans="1:4" ht="18" customHeight="1" x14ac:dyDescent="0.2">
      <c r="A86" s="14">
        <v>66</v>
      </c>
      <c r="B86" s="15">
        <v>30</v>
      </c>
      <c r="C86" s="16">
        <v>27</v>
      </c>
      <c r="D86" s="17">
        <v>57</v>
      </c>
    </row>
    <row r="87" spans="1:4" ht="18" customHeight="1" x14ac:dyDescent="0.2">
      <c r="A87" s="14">
        <v>67</v>
      </c>
      <c r="B87" s="15">
        <v>28</v>
      </c>
      <c r="C87" s="16">
        <v>43</v>
      </c>
      <c r="D87" s="17">
        <v>71</v>
      </c>
    </row>
    <row r="88" spans="1:4" ht="18" customHeight="1" x14ac:dyDescent="0.2">
      <c r="A88" s="14">
        <v>68</v>
      </c>
      <c r="B88" s="15">
        <v>32</v>
      </c>
      <c r="C88" s="16">
        <v>42</v>
      </c>
      <c r="D88" s="17">
        <v>74</v>
      </c>
    </row>
    <row r="89" spans="1:4" ht="18" customHeight="1" x14ac:dyDescent="0.2">
      <c r="A89" s="14">
        <v>69</v>
      </c>
      <c r="B89" s="15">
        <v>35</v>
      </c>
      <c r="C89" s="16">
        <v>48</v>
      </c>
      <c r="D89" s="17">
        <v>83</v>
      </c>
    </row>
    <row r="90" spans="1:4" ht="18" customHeight="1" x14ac:dyDescent="0.2">
      <c r="A90" s="18" t="s">
        <v>63</v>
      </c>
      <c r="B90" s="15">
        <v>149</v>
      </c>
      <c r="C90" s="16">
        <v>191</v>
      </c>
      <c r="D90" s="17">
        <v>340</v>
      </c>
    </row>
    <row r="91" spans="1:4" ht="18" customHeight="1" x14ac:dyDescent="0.2">
      <c r="A91" s="14">
        <v>70</v>
      </c>
      <c r="B91" s="15">
        <v>37</v>
      </c>
      <c r="C91" s="16">
        <v>52</v>
      </c>
      <c r="D91" s="17">
        <v>89</v>
      </c>
    </row>
    <row r="92" spans="1:4" ht="18" customHeight="1" x14ac:dyDescent="0.2">
      <c r="A92" s="14">
        <v>71</v>
      </c>
      <c r="B92" s="15">
        <v>49</v>
      </c>
      <c r="C92" s="16">
        <v>47</v>
      </c>
      <c r="D92" s="17">
        <v>96</v>
      </c>
    </row>
    <row r="93" spans="1:4" ht="18" customHeight="1" x14ac:dyDescent="0.2">
      <c r="A93" s="14">
        <v>72</v>
      </c>
      <c r="B93" s="15">
        <v>32</v>
      </c>
      <c r="C93" s="16">
        <v>38</v>
      </c>
      <c r="D93" s="17">
        <v>70</v>
      </c>
    </row>
    <row r="94" spans="1:4" ht="18" customHeight="1" x14ac:dyDescent="0.2">
      <c r="A94" s="14">
        <v>73</v>
      </c>
      <c r="B94" s="15">
        <v>23</v>
      </c>
      <c r="C94" s="16">
        <v>29</v>
      </c>
      <c r="D94" s="17">
        <v>52</v>
      </c>
    </row>
    <row r="95" spans="1:4" ht="18" customHeight="1" x14ac:dyDescent="0.2">
      <c r="A95" s="14">
        <v>74</v>
      </c>
      <c r="B95" s="15">
        <v>33</v>
      </c>
      <c r="C95" s="16">
        <v>38</v>
      </c>
      <c r="D95" s="17">
        <v>71</v>
      </c>
    </row>
    <row r="96" spans="1:4" ht="18" customHeight="1" x14ac:dyDescent="0.2">
      <c r="A96" s="18" t="s">
        <v>64</v>
      </c>
      <c r="B96" s="15">
        <v>174</v>
      </c>
      <c r="C96" s="16">
        <v>204</v>
      </c>
      <c r="D96" s="17">
        <v>378</v>
      </c>
    </row>
    <row r="97" spans="1:4" ht="18" customHeight="1" x14ac:dyDescent="0.2">
      <c r="A97" s="14">
        <v>75</v>
      </c>
      <c r="B97" s="15">
        <v>35</v>
      </c>
      <c r="C97" s="16">
        <v>32</v>
      </c>
      <c r="D97" s="17">
        <v>67</v>
      </c>
    </row>
    <row r="98" spans="1:4" ht="18" customHeight="1" x14ac:dyDescent="0.2">
      <c r="A98" s="14">
        <v>76</v>
      </c>
      <c r="B98" s="15">
        <v>43</v>
      </c>
      <c r="C98" s="16">
        <v>46</v>
      </c>
      <c r="D98" s="17">
        <v>89</v>
      </c>
    </row>
    <row r="99" spans="1:4" ht="18" customHeight="1" x14ac:dyDescent="0.2">
      <c r="A99" s="14">
        <v>77</v>
      </c>
      <c r="B99" s="15">
        <v>36</v>
      </c>
      <c r="C99" s="16">
        <v>39</v>
      </c>
      <c r="D99" s="17">
        <v>75</v>
      </c>
    </row>
    <row r="100" spans="1:4" ht="18" customHeight="1" x14ac:dyDescent="0.2">
      <c r="A100" s="14">
        <v>78</v>
      </c>
      <c r="B100" s="15">
        <v>21</v>
      </c>
      <c r="C100" s="16">
        <v>24</v>
      </c>
      <c r="D100" s="17">
        <v>45</v>
      </c>
    </row>
    <row r="101" spans="1:4" ht="18" customHeight="1" x14ac:dyDescent="0.2">
      <c r="A101" s="14">
        <v>79</v>
      </c>
      <c r="B101" s="15">
        <v>14</v>
      </c>
      <c r="C101" s="16">
        <v>26</v>
      </c>
      <c r="D101" s="17">
        <v>40</v>
      </c>
    </row>
    <row r="102" spans="1:4" ht="18" customHeight="1" x14ac:dyDescent="0.2">
      <c r="A102" s="18" t="s">
        <v>65</v>
      </c>
      <c r="B102" s="15">
        <v>149</v>
      </c>
      <c r="C102" s="16">
        <v>167</v>
      </c>
      <c r="D102" s="17">
        <v>316</v>
      </c>
    </row>
    <row r="103" spans="1:4" ht="18" customHeight="1" x14ac:dyDescent="0.2">
      <c r="A103" s="14">
        <v>80</v>
      </c>
      <c r="B103" s="15">
        <v>19</v>
      </c>
      <c r="C103" s="16">
        <v>25</v>
      </c>
      <c r="D103" s="17">
        <v>44</v>
      </c>
    </row>
    <row r="104" spans="1:4" ht="18" customHeight="1" x14ac:dyDescent="0.2">
      <c r="A104" s="14">
        <v>81</v>
      </c>
      <c r="B104" s="15">
        <v>21</v>
      </c>
      <c r="C104" s="16">
        <v>25</v>
      </c>
      <c r="D104" s="17">
        <v>46</v>
      </c>
    </row>
    <row r="105" spans="1:4" ht="18" customHeight="1" x14ac:dyDescent="0.2">
      <c r="A105" s="14">
        <v>82</v>
      </c>
      <c r="B105" s="15">
        <v>13</v>
      </c>
      <c r="C105" s="16">
        <v>27</v>
      </c>
      <c r="D105" s="17">
        <v>40</v>
      </c>
    </row>
    <row r="106" spans="1:4" ht="18" customHeight="1" x14ac:dyDescent="0.2">
      <c r="A106" s="14">
        <v>83</v>
      </c>
      <c r="B106" s="15">
        <v>19</v>
      </c>
      <c r="C106" s="16">
        <v>29</v>
      </c>
      <c r="D106" s="17">
        <v>48</v>
      </c>
    </row>
    <row r="107" spans="1:4" ht="18" customHeight="1" x14ac:dyDescent="0.2">
      <c r="A107" s="14">
        <v>84</v>
      </c>
      <c r="B107" s="15">
        <v>11</v>
      </c>
      <c r="C107" s="16">
        <v>21</v>
      </c>
      <c r="D107" s="17">
        <v>32</v>
      </c>
    </row>
    <row r="108" spans="1:4" ht="18" customHeight="1" x14ac:dyDescent="0.2">
      <c r="A108" s="18" t="s">
        <v>66</v>
      </c>
      <c r="B108" s="15">
        <v>83</v>
      </c>
      <c r="C108" s="16">
        <v>127</v>
      </c>
      <c r="D108" s="17">
        <v>210</v>
      </c>
    </row>
    <row r="109" spans="1:4" ht="18" customHeight="1" x14ac:dyDescent="0.2">
      <c r="A109" s="14">
        <v>85</v>
      </c>
      <c r="B109" s="15">
        <v>14</v>
      </c>
      <c r="C109" s="16">
        <v>22</v>
      </c>
      <c r="D109" s="17">
        <v>36</v>
      </c>
    </row>
    <row r="110" spans="1:4" ht="18" customHeight="1" x14ac:dyDescent="0.2">
      <c r="A110" s="14">
        <v>86</v>
      </c>
      <c r="B110" s="15">
        <v>11</v>
      </c>
      <c r="C110" s="16">
        <v>18</v>
      </c>
      <c r="D110" s="17">
        <v>29</v>
      </c>
    </row>
    <row r="111" spans="1:4" ht="18" customHeight="1" x14ac:dyDescent="0.2">
      <c r="A111" s="14">
        <v>87</v>
      </c>
      <c r="B111" s="15">
        <v>9</v>
      </c>
      <c r="C111" s="16">
        <v>28</v>
      </c>
      <c r="D111" s="17">
        <v>37</v>
      </c>
    </row>
    <row r="112" spans="1:4" ht="18" customHeight="1" x14ac:dyDescent="0.2">
      <c r="A112" s="14">
        <v>88</v>
      </c>
      <c r="B112" s="15">
        <v>9</v>
      </c>
      <c r="C112" s="16">
        <v>11</v>
      </c>
      <c r="D112" s="17">
        <v>20</v>
      </c>
    </row>
    <row r="113" spans="1:4" ht="18" customHeight="1" x14ac:dyDescent="0.2">
      <c r="A113" s="14">
        <v>89</v>
      </c>
      <c r="B113" s="15">
        <v>7</v>
      </c>
      <c r="C113" s="16">
        <v>14</v>
      </c>
      <c r="D113" s="17">
        <v>21</v>
      </c>
    </row>
    <row r="114" spans="1:4" ht="18" customHeight="1" x14ac:dyDescent="0.2">
      <c r="A114" s="18" t="s">
        <v>67</v>
      </c>
      <c r="B114" s="15">
        <v>50</v>
      </c>
      <c r="C114" s="16">
        <v>93</v>
      </c>
      <c r="D114" s="17">
        <v>143</v>
      </c>
    </row>
    <row r="115" spans="1:4" ht="18" customHeight="1" x14ac:dyDescent="0.2">
      <c r="A115" s="14">
        <v>90</v>
      </c>
      <c r="B115" s="15">
        <v>7</v>
      </c>
      <c r="C115" s="16">
        <v>14</v>
      </c>
      <c r="D115" s="17">
        <v>21</v>
      </c>
    </row>
    <row r="116" spans="1:4" ht="18" customHeight="1" x14ac:dyDescent="0.2">
      <c r="A116" s="14">
        <v>91</v>
      </c>
      <c r="B116" s="15">
        <v>7</v>
      </c>
      <c r="C116" s="16">
        <v>12</v>
      </c>
      <c r="D116" s="17">
        <v>19</v>
      </c>
    </row>
    <row r="117" spans="1:4" ht="18" customHeight="1" x14ac:dyDescent="0.2">
      <c r="A117" s="14">
        <v>92</v>
      </c>
      <c r="B117" s="15">
        <v>4</v>
      </c>
      <c r="C117" s="16">
        <v>7</v>
      </c>
      <c r="D117" s="17">
        <v>11</v>
      </c>
    </row>
    <row r="118" spans="1:4" ht="18" customHeight="1" x14ac:dyDescent="0.2">
      <c r="A118" s="14">
        <v>93</v>
      </c>
      <c r="B118" s="15">
        <v>6</v>
      </c>
      <c r="C118" s="16">
        <v>10</v>
      </c>
      <c r="D118" s="17">
        <v>16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25</v>
      </c>
      <c r="C120" s="16">
        <v>51</v>
      </c>
      <c r="D120" s="17">
        <v>76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0</v>
      </c>
      <c r="C126" s="16">
        <v>20</v>
      </c>
      <c r="D126" s="17">
        <v>20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31</v>
      </c>
      <c r="C130" s="5">
        <v>856</v>
      </c>
      <c r="D130" s="6">
        <v>1487</v>
      </c>
    </row>
    <row r="131" spans="1:4" ht="18" customHeight="1" x14ac:dyDescent="0.2">
      <c r="A131" s="20" t="s">
        <v>47</v>
      </c>
      <c r="B131" s="7">
        <v>1953</v>
      </c>
      <c r="C131" s="8">
        <v>2101</v>
      </c>
      <c r="D131" s="9">
        <v>40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1</v>
      </c>
      <c r="D5" s="13">
        <v>6</v>
      </c>
    </row>
    <row r="6" spans="1:10" ht="18" customHeight="1" x14ac:dyDescent="0.2">
      <c r="A6" s="14">
        <v>1</v>
      </c>
      <c r="B6" s="15">
        <v>6</v>
      </c>
      <c r="C6" s="16">
        <v>1</v>
      </c>
      <c r="D6" s="17">
        <v>7</v>
      </c>
    </row>
    <row r="7" spans="1:10" ht="18" customHeight="1" x14ac:dyDescent="0.2">
      <c r="A7" s="14">
        <v>2</v>
      </c>
      <c r="B7" s="15">
        <v>2</v>
      </c>
      <c r="C7" s="16">
        <v>4</v>
      </c>
      <c r="D7" s="17">
        <v>6</v>
      </c>
    </row>
    <row r="8" spans="1:10" ht="18" customHeight="1" x14ac:dyDescent="0.2">
      <c r="A8" s="14">
        <v>3</v>
      </c>
      <c r="B8" s="15">
        <v>5</v>
      </c>
      <c r="C8" s="16">
        <v>8</v>
      </c>
      <c r="D8" s="17">
        <v>13</v>
      </c>
    </row>
    <row r="9" spans="1:10" ht="18" customHeight="1" x14ac:dyDescent="0.2">
      <c r="A9" s="14">
        <v>4</v>
      </c>
      <c r="B9" s="15">
        <v>2</v>
      </c>
      <c r="C9" s="16">
        <v>4</v>
      </c>
      <c r="D9" s="17">
        <v>6</v>
      </c>
    </row>
    <row r="10" spans="1:10" ht="18" customHeight="1" x14ac:dyDescent="0.2">
      <c r="A10" s="18" t="s">
        <v>48</v>
      </c>
      <c r="B10" s="15">
        <v>20</v>
      </c>
      <c r="C10" s="16">
        <v>18</v>
      </c>
      <c r="D10" s="17">
        <v>38</v>
      </c>
    </row>
    <row r="11" spans="1:10" ht="18" customHeight="1" x14ac:dyDescent="0.2">
      <c r="A11" s="14">
        <v>5</v>
      </c>
      <c r="B11" s="15">
        <v>6</v>
      </c>
      <c r="C11" s="16">
        <v>7</v>
      </c>
      <c r="D11" s="17">
        <v>13</v>
      </c>
    </row>
    <row r="12" spans="1:10" ht="18" customHeight="1" x14ac:dyDescent="0.2">
      <c r="A12" s="14">
        <v>6</v>
      </c>
      <c r="B12" s="15">
        <v>5</v>
      </c>
      <c r="C12" s="16">
        <v>6</v>
      </c>
      <c r="D12" s="17">
        <v>11</v>
      </c>
    </row>
    <row r="13" spans="1:10" ht="18" customHeight="1" x14ac:dyDescent="0.2">
      <c r="A13" s="14">
        <v>7</v>
      </c>
      <c r="B13" s="15">
        <v>7</v>
      </c>
      <c r="C13" s="16">
        <v>5</v>
      </c>
      <c r="D13" s="17">
        <v>12</v>
      </c>
    </row>
    <row r="14" spans="1:10" ht="18" customHeight="1" x14ac:dyDescent="0.2">
      <c r="A14" s="14">
        <v>8</v>
      </c>
      <c r="B14" s="15">
        <v>6</v>
      </c>
      <c r="C14" s="16">
        <v>6</v>
      </c>
      <c r="D14" s="17">
        <v>12</v>
      </c>
    </row>
    <row r="15" spans="1:10" ht="18" customHeight="1" x14ac:dyDescent="0.2">
      <c r="A15" s="14">
        <v>9</v>
      </c>
      <c r="B15" s="15">
        <v>6</v>
      </c>
      <c r="C15" s="16">
        <v>9</v>
      </c>
      <c r="D15" s="17">
        <v>15</v>
      </c>
    </row>
    <row r="16" spans="1:10" ht="18" customHeight="1" x14ac:dyDescent="0.2">
      <c r="A16" s="18" t="s">
        <v>49</v>
      </c>
      <c r="B16" s="15">
        <v>30</v>
      </c>
      <c r="C16" s="16">
        <v>33</v>
      </c>
      <c r="D16" s="17">
        <v>63</v>
      </c>
    </row>
    <row r="17" spans="1:4" ht="18" customHeight="1" x14ac:dyDescent="0.2">
      <c r="A17" s="14">
        <v>10</v>
      </c>
      <c r="B17" s="15">
        <v>7</v>
      </c>
      <c r="C17" s="16">
        <v>4</v>
      </c>
      <c r="D17" s="17">
        <v>11</v>
      </c>
    </row>
    <row r="18" spans="1:4" ht="18" customHeight="1" x14ac:dyDescent="0.2">
      <c r="A18" s="14">
        <v>11</v>
      </c>
      <c r="B18" s="15">
        <v>9</v>
      </c>
      <c r="C18" s="16">
        <v>6</v>
      </c>
      <c r="D18" s="17">
        <v>15</v>
      </c>
    </row>
    <row r="19" spans="1:4" ht="18" customHeight="1" x14ac:dyDescent="0.2">
      <c r="A19" s="14">
        <v>12</v>
      </c>
      <c r="B19" s="15">
        <v>10</v>
      </c>
      <c r="C19" s="16">
        <v>3</v>
      </c>
      <c r="D19" s="17">
        <v>13</v>
      </c>
    </row>
    <row r="20" spans="1:4" ht="18" customHeight="1" x14ac:dyDescent="0.2">
      <c r="A20" s="14">
        <v>13</v>
      </c>
      <c r="B20" s="15">
        <v>5</v>
      </c>
      <c r="C20" s="16">
        <v>7</v>
      </c>
      <c r="D20" s="17">
        <v>12</v>
      </c>
    </row>
    <row r="21" spans="1:4" ht="18" customHeight="1" x14ac:dyDescent="0.2">
      <c r="A21" s="14">
        <v>14</v>
      </c>
      <c r="B21" s="15">
        <v>8</v>
      </c>
      <c r="C21" s="16">
        <v>5</v>
      </c>
      <c r="D21" s="17">
        <v>13</v>
      </c>
    </row>
    <row r="22" spans="1:4" ht="18" customHeight="1" x14ac:dyDescent="0.2">
      <c r="A22" s="18" t="s">
        <v>50</v>
      </c>
      <c r="B22" s="15">
        <v>39</v>
      </c>
      <c r="C22" s="16">
        <v>25</v>
      </c>
      <c r="D22" s="17">
        <v>64</v>
      </c>
    </row>
    <row r="23" spans="1:4" ht="18" customHeight="1" x14ac:dyDescent="0.2">
      <c r="A23" s="18" t="s">
        <v>51</v>
      </c>
      <c r="B23" s="15">
        <v>89</v>
      </c>
      <c r="C23" s="16">
        <v>76</v>
      </c>
      <c r="D23" s="17">
        <v>165</v>
      </c>
    </row>
    <row r="24" spans="1:4" ht="18" customHeight="1" x14ac:dyDescent="0.2">
      <c r="A24" s="14">
        <v>15</v>
      </c>
      <c r="B24" s="15">
        <v>3</v>
      </c>
      <c r="C24" s="16">
        <v>7</v>
      </c>
      <c r="D24" s="17">
        <v>10</v>
      </c>
    </row>
    <row r="25" spans="1:4" ht="18" customHeight="1" x14ac:dyDescent="0.2">
      <c r="A25" s="14">
        <v>16</v>
      </c>
      <c r="B25" s="15">
        <v>7</v>
      </c>
      <c r="C25" s="16">
        <v>8</v>
      </c>
      <c r="D25" s="17">
        <v>15</v>
      </c>
    </row>
    <row r="26" spans="1:4" ht="18" customHeight="1" x14ac:dyDescent="0.2">
      <c r="A26" s="14">
        <v>17</v>
      </c>
      <c r="B26" s="15">
        <v>6</v>
      </c>
      <c r="C26" s="16">
        <v>4</v>
      </c>
      <c r="D26" s="17">
        <v>10</v>
      </c>
    </row>
    <row r="27" spans="1:4" ht="18" customHeight="1" x14ac:dyDescent="0.2">
      <c r="A27" s="14">
        <v>18</v>
      </c>
      <c r="B27" s="15">
        <v>9</v>
      </c>
      <c r="C27" s="16">
        <v>11</v>
      </c>
      <c r="D27" s="17">
        <v>20</v>
      </c>
    </row>
    <row r="28" spans="1:4" ht="18" customHeight="1" x14ac:dyDescent="0.2">
      <c r="A28" s="14">
        <v>19</v>
      </c>
      <c r="B28" s="15">
        <v>7</v>
      </c>
      <c r="C28" s="16">
        <v>3</v>
      </c>
      <c r="D28" s="17">
        <v>10</v>
      </c>
    </row>
    <row r="29" spans="1:4" ht="18" customHeight="1" x14ac:dyDescent="0.2">
      <c r="A29" s="18" t="s">
        <v>52</v>
      </c>
      <c r="B29" s="15">
        <v>32</v>
      </c>
      <c r="C29" s="16">
        <v>33</v>
      </c>
      <c r="D29" s="17">
        <v>65</v>
      </c>
    </row>
    <row r="30" spans="1:4" ht="18" customHeight="1" x14ac:dyDescent="0.2">
      <c r="A30" s="14">
        <v>20</v>
      </c>
      <c r="B30" s="15">
        <v>7</v>
      </c>
      <c r="C30" s="16">
        <v>3</v>
      </c>
      <c r="D30" s="17">
        <v>10</v>
      </c>
    </row>
    <row r="31" spans="1:4" ht="18" customHeight="1" x14ac:dyDescent="0.2">
      <c r="A31" s="14">
        <v>21</v>
      </c>
      <c r="B31" s="15">
        <v>13</v>
      </c>
      <c r="C31" s="16">
        <v>6</v>
      </c>
      <c r="D31" s="17">
        <v>19</v>
      </c>
    </row>
    <row r="32" spans="1:4" ht="18" customHeight="1" x14ac:dyDescent="0.2">
      <c r="A32" s="14">
        <v>22</v>
      </c>
      <c r="B32" s="15">
        <v>9</v>
      </c>
      <c r="C32" s="16">
        <v>4</v>
      </c>
      <c r="D32" s="17">
        <v>13</v>
      </c>
    </row>
    <row r="33" spans="1:4" ht="18" customHeight="1" x14ac:dyDescent="0.2">
      <c r="A33" s="14">
        <v>23</v>
      </c>
      <c r="B33" s="15">
        <v>16</v>
      </c>
      <c r="C33" s="16">
        <v>6</v>
      </c>
      <c r="D33" s="17">
        <v>22</v>
      </c>
    </row>
    <row r="34" spans="1:4" ht="18" customHeight="1" x14ac:dyDescent="0.2">
      <c r="A34" s="14">
        <v>24</v>
      </c>
      <c r="B34" s="15">
        <v>7</v>
      </c>
      <c r="C34" s="16">
        <v>5</v>
      </c>
      <c r="D34" s="17">
        <v>12</v>
      </c>
    </row>
    <row r="35" spans="1:4" ht="18" customHeight="1" x14ac:dyDescent="0.2">
      <c r="A35" s="18" t="s">
        <v>53</v>
      </c>
      <c r="B35" s="15">
        <v>52</v>
      </c>
      <c r="C35" s="16">
        <v>24</v>
      </c>
      <c r="D35" s="17">
        <v>76</v>
      </c>
    </row>
    <row r="36" spans="1:4" ht="18" customHeight="1" x14ac:dyDescent="0.2">
      <c r="A36" s="14">
        <v>25</v>
      </c>
      <c r="B36" s="15">
        <v>7</v>
      </c>
      <c r="C36" s="16">
        <v>5</v>
      </c>
      <c r="D36" s="17">
        <v>12</v>
      </c>
    </row>
    <row r="37" spans="1:4" ht="18" customHeight="1" x14ac:dyDescent="0.2">
      <c r="A37" s="14">
        <v>26</v>
      </c>
      <c r="B37" s="15">
        <v>5</v>
      </c>
      <c r="C37" s="16">
        <v>9</v>
      </c>
      <c r="D37" s="17">
        <v>14</v>
      </c>
    </row>
    <row r="38" spans="1:4" ht="18" customHeight="1" x14ac:dyDescent="0.2">
      <c r="A38" s="14">
        <v>27</v>
      </c>
      <c r="B38" s="15">
        <v>6</v>
      </c>
      <c r="C38" s="16">
        <v>8</v>
      </c>
      <c r="D38" s="17">
        <v>14</v>
      </c>
    </row>
    <row r="39" spans="1:4" ht="18" customHeight="1" x14ac:dyDescent="0.2">
      <c r="A39" s="14">
        <v>28</v>
      </c>
      <c r="B39" s="15">
        <v>10</v>
      </c>
      <c r="C39" s="16">
        <v>4</v>
      </c>
      <c r="D39" s="17">
        <v>14</v>
      </c>
    </row>
    <row r="40" spans="1:4" ht="18" customHeight="1" x14ac:dyDescent="0.2">
      <c r="A40" s="14">
        <v>29</v>
      </c>
      <c r="B40" s="15">
        <v>4</v>
      </c>
      <c r="C40" s="16">
        <v>8</v>
      </c>
      <c r="D40" s="17">
        <v>12</v>
      </c>
    </row>
    <row r="41" spans="1:4" ht="18" customHeight="1" x14ac:dyDescent="0.2">
      <c r="A41" s="18" t="s">
        <v>54</v>
      </c>
      <c r="B41" s="15">
        <v>32</v>
      </c>
      <c r="C41" s="16">
        <v>34</v>
      </c>
      <c r="D41" s="17">
        <v>66</v>
      </c>
    </row>
    <row r="42" spans="1:4" ht="18" customHeight="1" x14ac:dyDescent="0.2">
      <c r="A42" s="14">
        <v>30</v>
      </c>
      <c r="B42" s="15">
        <v>6</v>
      </c>
      <c r="C42" s="16">
        <v>9</v>
      </c>
      <c r="D42" s="17">
        <v>15</v>
      </c>
    </row>
    <row r="43" spans="1:4" ht="18" customHeight="1" x14ac:dyDescent="0.2">
      <c r="A43" s="14">
        <v>31</v>
      </c>
      <c r="B43" s="15">
        <v>11</v>
      </c>
      <c r="C43" s="16">
        <v>3</v>
      </c>
      <c r="D43" s="17">
        <v>14</v>
      </c>
    </row>
    <row r="44" spans="1:4" ht="18" customHeight="1" x14ac:dyDescent="0.2">
      <c r="A44" s="14">
        <v>32</v>
      </c>
      <c r="B44" s="15">
        <v>11</v>
      </c>
      <c r="C44" s="16">
        <v>8</v>
      </c>
      <c r="D44" s="17">
        <v>19</v>
      </c>
    </row>
    <row r="45" spans="1:4" ht="18" customHeight="1" x14ac:dyDescent="0.2">
      <c r="A45" s="14">
        <v>33</v>
      </c>
      <c r="B45" s="15">
        <v>10</v>
      </c>
      <c r="C45" s="16">
        <v>13</v>
      </c>
      <c r="D45" s="17">
        <v>23</v>
      </c>
    </row>
    <row r="46" spans="1:4" ht="18" customHeight="1" x14ac:dyDescent="0.2">
      <c r="A46" s="14">
        <v>34</v>
      </c>
      <c r="B46" s="15">
        <v>11</v>
      </c>
      <c r="C46" s="16">
        <v>3</v>
      </c>
      <c r="D46" s="17">
        <v>14</v>
      </c>
    </row>
    <row r="47" spans="1:4" ht="18" customHeight="1" x14ac:dyDescent="0.2">
      <c r="A47" s="18" t="s">
        <v>55</v>
      </c>
      <c r="B47" s="15">
        <v>49</v>
      </c>
      <c r="C47" s="16">
        <v>36</v>
      </c>
      <c r="D47" s="17">
        <v>85</v>
      </c>
    </row>
    <row r="48" spans="1:4" ht="18" customHeight="1" x14ac:dyDescent="0.2">
      <c r="A48" s="14">
        <v>35</v>
      </c>
      <c r="B48" s="15">
        <v>8</v>
      </c>
      <c r="C48" s="16">
        <v>5</v>
      </c>
      <c r="D48" s="17">
        <v>13</v>
      </c>
    </row>
    <row r="49" spans="1:4" ht="18" customHeight="1" x14ac:dyDescent="0.2">
      <c r="A49" s="14">
        <v>36</v>
      </c>
      <c r="B49" s="15">
        <v>8</v>
      </c>
      <c r="C49" s="16">
        <v>5</v>
      </c>
      <c r="D49" s="17">
        <v>13</v>
      </c>
    </row>
    <row r="50" spans="1:4" ht="18" customHeight="1" x14ac:dyDescent="0.2">
      <c r="A50" s="14">
        <v>37</v>
      </c>
      <c r="B50" s="15">
        <v>7</v>
      </c>
      <c r="C50" s="16">
        <v>10</v>
      </c>
      <c r="D50" s="17">
        <v>17</v>
      </c>
    </row>
    <row r="51" spans="1:4" ht="18" customHeight="1" x14ac:dyDescent="0.2">
      <c r="A51" s="14">
        <v>38</v>
      </c>
      <c r="B51" s="15">
        <v>5</v>
      </c>
      <c r="C51" s="16">
        <v>7</v>
      </c>
      <c r="D51" s="17">
        <v>12</v>
      </c>
    </row>
    <row r="52" spans="1:4" ht="18" customHeight="1" x14ac:dyDescent="0.2">
      <c r="A52" s="14">
        <v>39</v>
      </c>
      <c r="B52" s="15">
        <v>20</v>
      </c>
      <c r="C52" s="16">
        <v>6</v>
      </c>
      <c r="D52" s="17">
        <v>26</v>
      </c>
    </row>
    <row r="53" spans="1:4" ht="18" customHeight="1" x14ac:dyDescent="0.2">
      <c r="A53" s="18" t="s">
        <v>56</v>
      </c>
      <c r="B53" s="15">
        <v>48</v>
      </c>
      <c r="C53" s="16">
        <v>33</v>
      </c>
      <c r="D53" s="17">
        <v>81</v>
      </c>
    </row>
    <row r="54" spans="1:4" ht="18" customHeight="1" x14ac:dyDescent="0.2">
      <c r="A54" s="14">
        <v>40</v>
      </c>
      <c r="B54" s="15">
        <v>10</v>
      </c>
      <c r="C54" s="16">
        <v>14</v>
      </c>
      <c r="D54" s="17">
        <v>24</v>
      </c>
    </row>
    <row r="55" spans="1:4" ht="18" customHeight="1" x14ac:dyDescent="0.2">
      <c r="A55" s="14">
        <v>41</v>
      </c>
      <c r="B55" s="15">
        <v>11</v>
      </c>
      <c r="C55" s="16">
        <v>10</v>
      </c>
      <c r="D55" s="17">
        <v>21</v>
      </c>
    </row>
    <row r="56" spans="1:4" ht="18" customHeight="1" x14ac:dyDescent="0.2">
      <c r="A56" s="14">
        <v>42</v>
      </c>
      <c r="B56" s="15">
        <v>10</v>
      </c>
      <c r="C56" s="16">
        <v>12</v>
      </c>
      <c r="D56" s="17">
        <v>22</v>
      </c>
    </row>
    <row r="57" spans="1:4" ht="18" customHeight="1" x14ac:dyDescent="0.2">
      <c r="A57" s="14">
        <v>43</v>
      </c>
      <c r="B57" s="15">
        <v>16</v>
      </c>
      <c r="C57" s="16">
        <v>11</v>
      </c>
      <c r="D57" s="17">
        <v>27</v>
      </c>
    </row>
    <row r="58" spans="1:4" ht="18" customHeight="1" x14ac:dyDescent="0.2">
      <c r="A58" s="14">
        <v>44</v>
      </c>
      <c r="B58" s="15">
        <v>18</v>
      </c>
      <c r="C58" s="16">
        <v>16</v>
      </c>
      <c r="D58" s="17">
        <v>34</v>
      </c>
    </row>
    <row r="59" spans="1:4" ht="18" customHeight="1" x14ac:dyDescent="0.2">
      <c r="A59" s="18" t="s">
        <v>57</v>
      </c>
      <c r="B59" s="15">
        <v>65</v>
      </c>
      <c r="C59" s="16">
        <v>63</v>
      </c>
      <c r="D59" s="17">
        <v>128</v>
      </c>
    </row>
    <row r="60" spans="1:4" ht="18" customHeight="1" x14ac:dyDescent="0.2">
      <c r="A60" s="14">
        <v>45</v>
      </c>
      <c r="B60" s="15">
        <v>14</v>
      </c>
      <c r="C60" s="16">
        <v>18</v>
      </c>
      <c r="D60" s="17">
        <v>32</v>
      </c>
    </row>
    <row r="61" spans="1:4" ht="18" customHeight="1" x14ac:dyDescent="0.2">
      <c r="A61" s="14">
        <v>46</v>
      </c>
      <c r="B61" s="15">
        <v>12</v>
      </c>
      <c r="C61" s="16">
        <v>9</v>
      </c>
      <c r="D61" s="17">
        <v>21</v>
      </c>
    </row>
    <row r="62" spans="1:4" ht="18" customHeight="1" x14ac:dyDescent="0.2">
      <c r="A62" s="14">
        <v>47</v>
      </c>
      <c r="B62" s="15">
        <v>13</v>
      </c>
      <c r="C62" s="16">
        <v>14</v>
      </c>
      <c r="D62" s="17">
        <v>27</v>
      </c>
    </row>
    <row r="63" spans="1:4" ht="18" customHeight="1" x14ac:dyDescent="0.2">
      <c r="A63" s="14">
        <v>48</v>
      </c>
      <c r="B63" s="15">
        <v>15</v>
      </c>
      <c r="C63" s="16">
        <v>13</v>
      </c>
      <c r="D63" s="17">
        <v>28</v>
      </c>
    </row>
    <row r="64" spans="1:4" ht="18" customHeight="1" x14ac:dyDescent="0.2">
      <c r="A64" s="14">
        <v>49</v>
      </c>
      <c r="B64" s="15">
        <v>11</v>
      </c>
      <c r="C64" s="16">
        <v>7</v>
      </c>
      <c r="D64" s="17">
        <v>18</v>
      </c>
    </row>
    <row r="65" spans="1:4" ht="18" customHeight="1" x14ac:dyDescent="0.2">
      <c r="A65" s="18" t="s">
        <v>58</v>
      </c>
      <c r="B65" s="15">
        <v>65</v>
      </c>
      <c r="C65" s="16">
        <v>61</v>
      </c>
      <c r="D65" s="17">
        <v>126</v>
      </c>
    </row>
    <row r="66" spans="1:4" ht="18" customHeight="1" x14ac:dyDescent="0.2">
      <c r="A66" s="14">
        <v>50</v>
      </c>
      <c r="B66" s="15">
        <v>13</v>
      </c>
      <c r="C66" s="16">
        <v>7</v>
      </c>
      <c r="D66" s="17">
        <v>20</v>
      </c>
    </row>
    <row r="67" spans="1:4" ht="18" customHeight="1" x14ac:dyDescent="0.2">
      <c r="A67" s="14">
        <v>51</v>
      </c>
      <c r="B67" s="15">
        <v>11</v>
      </c>
      <c r="C67" s="16">
        <v>12</v>
      </c>
      <c r="D67" s="17">
        <v>23</v>
      </c>
    </row>
    <row r="68" spans="1:4" ht="18" customHeight="1" x14ac:dyDescent="0.2">
      <c r="A68" s="14">
        <v>52</v>
      </c>
      <c r="B68" s="15">
        <v>8</v>
      </c>
      <c r="C68" s="16">
        <v>12</v>
      </c>
      <c r="D68" s="17">
        <v>20</v>
      </c>
    </row>
    <row r="69" spans="1:4" ht="18" customHeight="1" x14ac:dyDescent="0.2">
      <c r="A69" s="14">
        <v>53</v>
      </c>
      <c r="B69" s="15">
        <v>14</v>
      </c>
      <c r="C69" s="16">
        <v>15</v>
      </c>
      <c r="D69" s="17">
        <v>29</v>
      </c>
    </row>
    <row r="70" spans="1:4" ht="18" customHeight="1" x14ac:dyDescent="0.2">
      <c r="A70" s="14">
        <v>54</v>
      </c>
      <c r="B70" s="15">
        <v>7</v>
      </c>
      <c r="C70" s="16">
        <v>10</v>
      </c>
      <c r="D70" s="17">
        <v>17</v>
      </c>
    </row>
    <row r="71" spans="1:4" ht="18" customHeight="1" x14ac:dyDescent="0.2">
      <c r="A71" s="18" t="s">
        <v>59</v>
      </c>
      <c r="B71" s="15">
        <v>53</v>
      </c>
      <c r="C71" s="16">
        <v>56</v>
      </c>
      <c r="D71" s="17">
        <v>109</v>
      </c>
    </row>
    <row r="72" spans="1:4" ht="18" customHeight="1" x14ac:dyDescent="0.2">
      <c r="A72" s="14">
        <v>55</v>
      </c>
      <c r="B72" s="15">
        <v>9</v>
      </c>
      <c r="C72" s="16">
        <v>10</v>
      </c>
      <c r="D72" s="17">
        <v>19</v>
      </c>
    </row>
    <row r="73" spans="1:4" ht="18" customHeight="1" x14ac:dyDescent="0.2">
      <c r="A73" s="14">
        <v>56</v>
      </c>
      <c r="B73" s="15">
        <v>6</v>
      </c>
      <c r="C73" s="16">
        <v>15</v>
      </c>
      <c r="D73" s="17">
        <v>21</v>
      </c>
    </row>
    <row r="74" spans="1:4" ht="18" customHeight="1" x14ac:dyDescent="0.2">
      <c r="A74" s="14">
        <v>57</v>
      </c>
      <c r="B74" s="15">
        <v>14</v>
      </c>
      <c r="C74" s="16">
        <v>11</v>
      </c>
      <c r="D74" s="17">
        <v>25</v>
      </c>
    </row>
    <row r="75" spans="1:4" ht="18" customHeight="1" x14ac:dyDescent="0.2">
      <c r="A75" s="14">
        <v>58</v>
      </c>
      <c r="B75" s="15">
        <v>16</v>
      </c>
      <c r="C75" s="16">
        <v>11</v>
      </c>
      <c r="D75" s="17">
        <v>27</v>
      </c>
    </row>
    <row r="76" spans="1:4" ht="18" customHeight="1" x14ac:dyDescent="0.2">
      <c r="A76" s="14">
        <v>59</v>
      </c>
      <c r="B76" s="15">
        <v>12</v>
      </c>
      <c r="C76" s="16">
        <v>9</v>
      </c>
      <c r="D76" s="17">
        <v>21</v>
      </c>
    </row>
    <row r="77" spans="1:4" ht="18" customHeight="1" x14ac:dyDescent="0.2">
      <c r="A77" s="18" t="s">
        <v>60</v>
      </c>
      <c r="B77" s="15">
        <v>57</v>
      </c>
      <c r="C77" s="16">
        <v>56</v>
      </c>
      <c r="D77" s="17">
        <v>113</v>
      </c>
    </row>
    <row r="78" spans="1:4" ht="18" customHeight="1" x14ac:dyDescent="0.2">
      <c r="A78" s="14">
        <v>60</v>
      </c>
      <c r="B78" s="15">
        <v>14</v>
      </c>
      <c r="C78" s="16">
        <v>19</v>
      </c>
      <c r="D78" s="17">
        <v>33</v>
      </c>
    </row>
    <row r="79" spans="1:4" ht="18" customHeight="1" x14ac:dyDescent="0.2">
      <c r="A79" s="14">
        <v>61</v>
      </c>
      <c r="B79" s="15">
        <v>11</v>
      </c>
      <c r="C79" s="16">
        <v>13</v>
      </c>
      <c r="D79" s="17">
        <v>24</v>
      </c>
    </row>
    <row r="80" spans="1:4" ht="18" customHeight="1" x14ac:dyDescent="0.2">
      <c r="A80" s="14">
        <v>62</v>
      </c>
      <c r="B80" s="15">
        <v>14</v>
      </c>
      <c r="C80" s="16">
        <v>10</v>
      </c>
      <c r="D80" s="17">
        <v>24</v>
      </c>
    </row>
    <row r="81" spans="1:4" ht="18" customHeight="1" x14ac:dyDescent="0.2">
      <c r="A81" s="14">
        <v>63</v>
      </c>
      <c r="B81" s="15">
        <v>15</v>
      </c>
      <c r="C81" s="16">
        <v>10</v>
      </c>
      <c r="D81" s="17">
        <v>25</v>
      </c>
    </row>
    <row r="82" spans="1:4" ht="18" customHeight="1" x14ac:dyDescent="0.2">
      <c r="A82" s="14">
        <v>64</v>
      </c>
      <c r="B82" s="15">
        <v>9</v>
      </c>
      <c r="C82" s="16">
        <v>17</v>
      </c>
      <c r="D82" s="17">
        <v>26</v>
      </c>
    </row>
    <row r="83" spans="1:4" ht="18" customHeight="1" x14ac:dyDescent="0.2">
      <c r="A83" s="18" t="s">
        <v>61</v>
      </c>
      <c r="B83" s="15">
        <v>63</v>
      </c>
      <c r="C83" s="16">
        <v>69</v>
      </c>
      <c r="D83" s="17">
        <v>132</v>
      </c>
    </row>
    <row r="84" spans="1:4" ht="18" customHeight="1" x14ac:dyDescent="0.2">
      <c r="A84" s="18" t="s">
        <v>62</v>
      </c>
      <c r="B84" s="15">
        <v>516</v>
      </c>
      <c r="C84" s="16">
        <v>465</v>
      </c>
      <c r="D84" s="17">
        <v>981</v>
      </c>
    </row>
    <row r="85" spans="1:4" ht="18" customHeight="1" x14ac:dyDescent="0.2">
      <c r="A85" s="14">
        <v>65</v>
      </c>
      <c r="B85" s="15">
        <v>12</v>
      </c>
      <c r="C85" s="16">
        <v>15</v>
      </c>
      <c r="D85" s="17">
        <v>27</v>
      </c>
    </row>
    <row r="86" spans="1:4" ht="18" customHeight="1" x14ac:dyDescent="0.2">
      <c r="A86" s="14">
        <v>66</v>
      </c>
      <c r="B86" s="15">
        <v>22</v>
      </c>
      <c r="C86" s="16">
        <v>21</v>
      </c>
      <c r="D86" s="17">
        <v>43</v>
      </c>
    </row>
    <row r="87" spans="1:4" ht="18" customHeight="1" x14ac:dyDescent="0.2">
      <c r="A87" s="14">
        <v>67</v>
      </c>
      <c r="B87" s="15">
        <v>22</v>
      </c>
      <c r="C87" s="16">
        <v>18</v>
      </c>
      <c r="D87" s="17">
        <v>40</v>
      </c>
    </row>
    <row r="88" spans="1:4" ht="18" customHeight="1" x14ac:dyDescent="0.2">
      <c r="A88" s="14">
        <v>68</v>
      </c>
      <c r="B88" s="15">
        <v>21</v>
      </c>
      <c r="C88" s="16">
        <v>22</v>
      </c>
      <c r="D88" s="17">
        <v>43</v>
      </c>
    </row>
    <row r="89" spans="1:4" ht="18" customHeight="1" x14ac:dyDescent="0.2">
      <c r="A89" s="14">
        <v>69</v>
      </c>
      <c r="B89" s="15">
        <v>23</v>
      </c>
      <c r="C89" s="16">
        <v>26</v>
      </c>
      <c r="D89" s="17">
        <v>49</v>
      </c>
    </row>
    <row r="90" spans="1:4" ht="18" customHeight="1" x14ac:dyDescent="0.2">
      <c r="A90" s="18" t="s">
        <v>63</v>
      </c>
      <c r="B90" s="15">
        <v>100</v>
      </c>
      <c r="C90" s="16">
        <v>102</v>
      </c>
      <c r="D90" s="17">
        <v>202</v>
      </c>
    </row>
    <row r="91" spans="1:4" ht="18" customHeight="1" x14ac:dyDescent="0.2">
      <c r="A91" s="14">
        <v>70</v>
      </c>
      <c r="B91" s="15">
        <v>25</v>
      </c>
      <c r="C91" s="16">
        <v>29</v>
      </c>
      <c r="D91" s="17">
        <v>54</v>
      </c>
    </row>
    <row r="92" spans="1:4" ht="18" customHeight="1" x14ac:dyDescent="0.2">
      <c r="A92" s="14">
        <v>71</v>
      </c>
      <c r="B92" s="15">
        <v>34</v>
      </c>
      <c r="C92" s="16">
        <v>41</v>
      </c>
      <c r="D92" s="17">
        <v>75</v>
      </c>
    </row>
    <row r="93" spans="1:4" ht="18" customHeight="1" x14ac:dyDescent="0.2">
      <c r="A93" s="14">
        <v>72</v>
      </c>
      <c r="B93" s="15">
        <v>12</v>
      </c>
      <c r="C93" s="16">
        <v>21</v>
      </c>
      <c r="D93" s="17">
        <v>33</v>
      </c>
    </row>
    <row r="94" spans="1:4" ht="18" customHeight="1" x14ac:dyDescent="0.2">
      <c r="A94" s="14">
        <v>73</v>
      </c>
      <c r="B94" s="15">
        <v>14</v>
      </c>
      <c r="C94" s="16">
        <v>19</v>
      </c>
      <c r="D94" s="17">
        <v>33</v>
      </c>
    </row>
    <row r="95" spans="1:4" ht="18" customHeight="1" x14ac:dyDescent="0.2">
      <c r="A95" s="14">
        <v>74</v>
      </c>
      <c r="B95" s="15">
        <v>19</v>
      </c>
      <c r="C95" s="16">
        <v>12</v>
      </c>
      <c r="D95" s="17">
        <v>31</v>
      </c>
    </row>
    <row r="96" spans="1:4" ht="18" customHeight="1" x14ac:dyDescent="0.2">
      <c r="A96" s="18" t="s">
        <v>64</v>
      </c>
      <c r="B96" s="15">
        <v>104</v>
      </c>
      <c r="C96" s="16">
        <v>122</v>
      </c>
      <c r="D96" s="17">
        <v>226</v>
      </c>
    </row>
    <row r="97" spans="1:4" ht="18" customHeight="1" x14ac:dyDescent="0.2">
      <c r="A97" s="14">
        <v>75</v>
      </c>
      <c r="B97" s="15">
        <v>16</v>
      </c>
      <c r="C97" s="16">
        <v>16</v>
      </c>
      <c r="D97" s="17">
        <v>32</v>
      </c>
    </row>
    <row r="98" spans="1:4" ht="18" customHeight="1" x14ac:dyDescent="0.2">
      <c r="A98" s="14">
        <v>76</v>
      </c>
      <c r="B98" s="15">
        <v>20</v>
      </c>
      <c r="C98" s="16">
        <v>17</v>
      </c>
      <c r="D98" s="17">
        <v>37</v>
      </c>
    </row>
    <row r="99" spans="1:4" ht="18" customHeight="1" x14ac:dyDescent="0.2">
      <c r="A99" s="14">
        <v>77</v>
      </c>
      <c r="B99" s="15">
        <v>14</v>
      </c>
      <c r="C99" s="16">
        <v>14</v>
      </c>
      <c r="D99" s="17">
        <v>28</v>
      </c>
    </row>
    <row r="100" spans="1:4" ht="18" customHeight="1" x14ac:dyDescent="0.2">
      <c r="A100" s="14">
        <v>78</v>
      </c>
      <c r="B100" s="15">
        <v>13</v>
      </c>
      <c r="C100" s="16">
        <v>19</v>
      </c>
      <c r="D100" s="17">
        <v>32</v>
      </c>
    </row>
    <row r="101" spans="1:4" ht="18" customHeight="1" x14ac:dyDescent="0.2">
      <c r="A101" s="14">
        <v>79</v>
      </c>
      <c r="B101" s="15">
        <v>11</v>
      </c>
      <c r="C101" s="16">
        <v>14</v>
      </c>
      <c r="D101" s="17">
        <v>25</v>
      </c>
    </row>
    <row r="102" spans="1:4" ht="18" customHeight="1" x14ac:dyDescent="0.2">
      <c r="A102" s="18" t="s">
        <v>65</v>
      </c>
      <c r="B102" s="15">
        <v>74</v>
      </c>
      <c r="C102" s="16">
        <v>80</v>
      </c>
      <c r="D102" s="17">
        <v>154</v>
      </c>
    </row>
    <row r="103" spans="1:4" ht="18" customHeight="1" x14ac:dyDescent="0.2">
      <c r="A103" s="14">
        <v>80</v>
      </c>
      <c r="B103" s="15">
        <v>6</v>
      </c>
      <c r="C103" s="16">
        <v>11</v>
      </c>
      <c r="D103" s="17">
        <v>17</v>
      </c>
    </row>
    <row r="104" spans="1:4" ht="18" customHeight="1" x14ac:dyDescent="0.2">
      <c r="A104" s="14">
        <v>81</v>
      </c>
      <c r="B104" s="15">
        <v>14</v>
      </c>
      <c r="C104" s="16">
        <v>12</v>
      </c>
      <c r="D104" s="17">
        <v>26</v>
      </c>
    </row>
    <row r="105" spans="1:4" ht="18" customHeight="1" x14ac:dyDescent="0.2">
      <c r="A105" s="14">
        <v>82</v>
      </c>
      <c r="B105" s="15">
        <v>9</v>
      </c>
      <c r="C105" s="16">
        <v>16</v>
      </c>
      <c r="D105" s="17">
        <v>25</v>
      </c>
    </row>
    <row r="106" spans="1:4" ht="18" customHeight="1" x14ac:dyDescent="0.2">
      <c r="A106" s="14">
        <v>83</v>
      </c>
      <c r="B106" s="15">
        <v>9</v>
      </c>
      <c r="C106" s="16">
        <v>12</v>
      </c>
      <c r="D106" s="17">
        <v>21</v>
      </c>
    </row>
    <row r="107" spans="1:4" ht="18" customHeight="1" x14ac:dyDescent="0.2">
      <c r="A107" s="14">
        <v>84</v>
      </c>
      <c r="B107" s="15">
        <v>9</v>
      </c>
      <c r="C107" s="16">
        <v>12</v>
      </c>
      <c r="D107" s="17">
        <v>21</v>
      </c>
    </row>
    <row r="108" spans="1:4" ht="18" customHeight="1" x14ac:dyDescent="0.2">
      <c r="A108" s="18" t="s">
        <v>66</v>
      </c>
      <c r="B108" s="15">
        <v>47</v>
      </c>
      <c r="C108" s="16">
        <v>63</v>
      </c>
      <c r="D108" s="17">
        <v>110</v>
      </c>
    </row>
    <row r="109" spans="1:4" ht="18" customHeight="1" x14ac:dyDescent="0.2">
      <c r="A109" s="14">
        <v>85</v>
      </c>
      <c r="B109" s="15">
        <v>7</v>
      </c>
      <c r="C109" s="16">
        <v>10</v>
      </c>
      <c r="D109" s="17">
        <v>17</v>
      </c>
    </row>
    <row r="110" spans="1:4" ht="18" customHeight="1" x14ac:dyDescent="0.2">
      <c r="A110" s="14">
        <v>86</v>
      </c>
      <c r="B110" s="15">
        <v>5</v>
      </c>
      <c r="C110" s="16">
        <v>10</v>
      </c>
      <c r="D110" s="17">
        <v>15</v>
      </c>
    </row>
    <row r="111" spans="1:4" ht="18" customHeight="1" x14ac:dyDescent="0.2">
      <c r="A111" s="14">
        <v>87</v>
      </c>
      <c r="B111" s="15">
        <v>7</v>
      </c>
      <c r="C111" s="16">
        <v>14</v>
      </c>
      <c r="D111" s="17">
        <v>21</v>
      </c>
    </row>
    <row r="112" spans="1:4" ht="18" customHeight="1" x14ac:dyDescent="0.2">
      <c r="A112" s="14">
        <v>88</v>
      </c>
      <c r="B112" s="15">
        <v>2</v>
      </c>
      <c r="C112" s="16">
        <v>5</v>
      </c>
      <c r="D112" s="17">
        <v>7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67</v>
      </c>
      <c r="B114" s="15">
        <v>24</v>
      </c>
      <c r="C114" s="16">
        <v>47</v>
      </c>
      <c r="D114" s="17">
        <v>71</v>
      </c>
    </row>
    <row r="115" spans="1:4" ht="18" customHeight="1" x14ac:dyDescent="0.2">
      <c r="A115" s="14">
        <v>90</v>
      </c>
      <c r="B115" s="15">
        <v>3</v>
      </c>
      <c r="C115" s="16">
        <v>3</v>
      </c>
      <c r="D115" s="17">
        <v>6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6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6</v>
      </c>
      <c r="C120" s="16">
        <v>26</v>
      </c>
      <c r="D120" s="17">
        <v>32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56</v>
      </c>
      <c r="C130" s="5">
        <v>450</v>
      </c>
      <c r="D130" s="6">
        <v>806</v>
      </c>
    </row>
    <row r="131" spans="1:4" ht="18" customHeight="1" x14ac:dyDescent="0.2">
      <c r="A131" s="20" t="s">
        <v>47</v>
      </c>
      <c r="B131" s="7">
        <v>961</v>
      </c>
      <c r="C131" s="8">
        <v>991</v>
      </c>
      <c r="D131" s="9">
        <v>195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3</v>
      </c>
      <c r="C5" s="12">
        <v>5</v>
      </c>
      <c r="D5" s="13">
        <v>18</v>
      </c>
    </row>
    <row r="6" spans="1:10" ht="18" customHeight="1" x14ac:dyDescent="0.2">
      <c r="A6" s="14">
        <v>1</v>
      </c>
      <c r="B6" s="15">
        <v>12</v>
      </c>
      <c r="C6" s="16">
        <v>7</v>
      </c>
      <c r="D6" s="17">
        <v>19</v>
      </c>
    </row>
    <row r="7" spans="1:10" ht="18" customHeight="1" x14ac:dyDescent="0.2">
      <c r="A7" s="14">
        <v>2</v>
      </c>
      <c r="B7" s="15">
        <v>8</v>
      </c>
      <c r="C7" s="16">
        <v>9</v>
      </c>
      <c r="D7" s="17">
        <v>17</v>
      </c>
    </row>
    <row r="8" spans="1:10" ht="18" customHeight="1" x14ac:dyDescent="0.2">
      <c r="A8" s="14">
        <v>3</v>
      </c>
      <c r="B8" s="15">
        <v>18</v>
      </c>
      <c r="C8" s="16">
        <v>7</v>
      </c>
      <c r="D8" s="17">
        <v>25</v>
      </c>
    </row>
    <row r="9" spans="1:10" ht="18" customHeight="1" x14ac:dyDescent="0.2">
      <c r="A9" s="14">
        <v>4</v>
      </c>
      <c r="B9" s="15">
        <v>7</v>
      </c>
      <c r="C9" s="16">
        <v>14</v>
      </c>
      <c r="D9" s="17">
        <v>21</v>
      </c>
    </row>
    <row r="10" spans="1:10" ht="18" customHeight="1" x14ac:dyDescent="0.2">
      <c r="A10" s="18" t="s">
        <v>48</v>
      </c>
      <c r="B10" s="15">
        <v>58</v>
      </c>
      <c r="C10" s="16">
        <v>42</v>
      </c>
      <c r="D10" s="17">
        <v>100</v>
      </c>
    </row>
    <row r="11" spans="1:10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10" ht="18" customHeight="1" x14ac:dyDescent="0.2">
      <c r="A12" s="14">
        <v>6</v>
      </c>
      <c r="B12" s="15">
        <v>8</v>
      </c>
      <c r="C12" s="16">
        <v>9</v>
      </c>
      <c r="D12" s="17">
        <v>17</v>
      </c>
    </row>
    <row r="13" spans="1:10" ht="18" customHeight="1" x14ac:dyDescent="0.2">
      <c r="A13" s="14">
        <v>7</v>
      </c>
      <c r="B13" s="15">
        <v>15</v>
      </c>
      <c r="C13" s="16">
        <v>11</v>
      </c>
      <c r="D13" s="17">
        <v>26</v>
      </c>
    </row>
    <row r="14" spans="1:10" ht="18" customHeight="1" x14ac:dyDescent="0.2">
      <c r="A14" s="14">
        <v>8</v>
      </c>
      <c r="B14" s="15">
        <v>14</v>
      </c>
      <c r="C14" s="16">
        <v>6</v>
      </c>
      <c r="D14" s="17">
        <v>20</v>
      </c>
    </row>
    <row r="15" spans="1:10" ht="18" customHeight="1" x14ac:dyDescent="0.2">
      <c r="A15" s="14">
        <v>9</v>
      </c>
      <c r="B15" s="15">
        <v>9</v>
      </c>
      <c r="C15" s="16">
        <v>15</v>
      </c>
      <c r="D15" s="17">
        <v>24</v>
      </c>
    </row>
    <row r="16" spans="1:10" ht="18" customHeight="1" x14ac:dyDescent="0.2">
      <c r="A16" s="18" t="s">
        <v>49</v>
      </c>
      <c r="B16" s="15">
        <v>54</v>
      </c>
      <c r="C16" s="16">
        <v>49</v>
      </c>
      <c r="D16" s="17">
        <v>103</v>
      </c>
    </row>
    <row r="17" spans="1:4" ht="18" customHeight="1" x14ac:dyDescent="0.2">
      <c r="A17" s="14">
        <v>10</v>
      </c>
      <c r="B17" s="15">
        <v>13</v>
      </c>
      <c r="C17" s="16">
        <v>22</v>
      </c>
      <c r="D17" s="17">
        <v>35</v>
      </c>
    </row>
    <row r="18" spans="1:4" ht="18" customHeight="1" x14ac:dyDescent="0.2">
      <c r="A18" s="14">
        <v>11</v>
      </c>
      <c r="B18" s="15">
        <v>15</v>
      </c>
      <c r="C18" s="16">
        <v>12</v>
      </c>
      <c r="D18" s="17">
        <v>27</v>
      </c>
    </row>
    <row r="19" spans="1:4" ht="18" customHeight="1" x14ac:dyDescent="0.2">
      <c r="A19" s="14">
        <v>12</v>
      </c>
      <c r="B19" s="15">
        <v>14</v>
      </c>
      <c r="C19" s="16">
        <v>12</v>
      </c>
      <c r="D19" s="17">
        <v>26</v>
      </c>
    </row>
    <row r="20" spans="1:4" ht="18" customHeight="1" x14ac:dyDescent="0.2">
      <c r="A20" s="14">
        <v>13</v>
      </c>
      <c r="B20" s="15">
        <v>21</v>
      </c>
      <c r="C20" s="16">
        <v>17</v>
      </c>
      <c r="D20" s="17">
        <v>38</v>
      </c>
    </row>
    <row r="21" spans="1:4" ht="18" customHeight="1" x14ac:dyDescent="0.2">
      <c r="A21" s="14">
        <v>14</v>
      </c>
      <c r="B21" s="15">
        <v>8</v>
      </c>
      <c r="C21" s="16">
        <v>20</v>
      </c>
      <c r="D21" s="17">
        <v>28</v>
      </c>
    </row>
    <row r="22" spans="1:4" ht="18" customHeight="1" x14ac:dyDescent="0.2">
      <c r="A22" s="18" t="s">
        <v>50</v>
      </c>
      <c r="B22" s="15">
        <v>71</v>
      </c>
      <c r="C22" s="16">
        <v>83</v>
      </c>
      <c r="D22" s="17">
        <v>154</v>
      </c>
    </row>
    <row r="23" spans="1:4" ht="18" customHeight="1" x14ac:dyDescent="0.2">
      <c r="A23" s="18" t="s">
        <v>51</v>
      </c>
      <c r="B23" s="15">
        <v>183</v>
      </c>
      <c r="C23" s="16">
        <v>174</v>
      </c>
      <c r="D23" s="17">
        <v>357</v>
      </c>
    </row>
    <row r="24" spans="1:4" ht="18" customHeight="1" x14ac:dyDescent="0.2">
      <c r="A24" s="14">
        <v>15</v>
      </c>
      <c r="B24" s="15">
        <v>18</v>
      </c>
      <c r="C24" s="16">
        <v>21</v>
      </c>
      <c r="D24" s="17">
        <v>39</v>
      </c>
    </row>
    <row r="25" spans="1:4" ht="18" customHeight="1" x14ac:dyDescent="0.2">
      <c r="A25" s="14">
        <v>16</v>
      </c>
      <c r="B25" s="15">
        <v>13</v>
      </c>
      <c r="C25" s="16">
        <v>16</v>
      </c>
      <c r="D25" s="17">
        <v>29</v>
      </c>
    </row>
    <row r="26" spans="1:4" ht="18" customHeight="1" x14ac:dyDescent="0.2">
      <c r="A26" s="14">
        <v>17</v>
      </c>
      <c r="B26" s="15">
        <v>15</v>
      </c>
      <c r="C26" s="16">
        <v>19</v>
      </c>
      <c r="D26" s="17">
        <v>34</v>
      </c>
    </row>
    <row r="27" spans="1:4" ht="18" customHeight="1" x14ac:dyDescent="0.2">
      <c r="A27" s="14">
        <v>18</v>
      </c>
      <c r="B27" s="15">
        <v>17</v>
      </c>
      <c r="C27" s="16">
        <v>18</v>
      </c>
      <c r="D27" s="17">
        <v>35</v>
      </c>
    </row>
    <row r="28" spans="1:4" ht="18" customHeight="1" x14ac:dyDescent="0.2">
      <c r="A28" s="14">
        <v>19</v>
      </c>
      <c r="B28" s="15">
        <v>28</v>
      </c>
      <c r="C28" s="16">
        <v>17</v>
      </c>
      <c r="D28" s="17">
        <v>45</v>
      </c>
    </row>
    <row r="29" spans="1:4" ht="18" customHeight="1" x14ac:dyDescent="0.2">
      <c r="A29" s="18" t="s">
        <v>52</v>
      </c>
      <c r="B29" s="15">
        <v>91</v>
      </c>
      <c r="C29" s="16">
        <v>91</v>
      </c>
      <c r="D29" s="17">
        <v>182</v>
      </c>
    </row>
    <row r="30" spans="1:4" ht="18" customHeight="1" x14ac:dyDescent="0.2">
      <c r="A30" s="14">
        <v>20</v>
      </c>
      <c r="B30" s="15">
        <v>17</v>
      </c>
      <c r="C30" s="16">
        <v>13</v>
      </c>
      <c r="D30" s="17">
        <v>30</v>
      </c>
    </row>
    <row r="31" spans="1:4" ht="18" customHeight="1" x14ac:dyDescent="0.2">
      <c r="A31" s="14">
        <v>21</v>
      </c>
      <c r="B31" s="15">
        <v>27</v>
      </c>
      <c r="C31" s="16">
        <v>8</v>
      </c>
      <c r="D31" s="17">
        <v>35</v>
      </c>
    </row>
    <row r="32" spans="1:4" ht="18" customHeight="1" x14ac:dyDescent="0.2">
      <c r="A32" s="14">
        <v>22</v>
      </c>
      <c r="B32" s="15">
        <v>18</v>
      </c>
      <c r="C32" s="16">
        <v>15</v>
      </c>
      <c r="D32" s="17">
        <v>33</v>
      </c>
    </row>
    <row r="33" spans="1:4" ht="18" customHeight="1" x14ac:dyDescent="0.2">
      <c r="A33" s="14">
        <v>23</v>
      </c>
      <c r="B33" s="15">
        <v>18</v>
      </c>
      <c r="C33" s="16">
        <v>14</v>
      </c>
      <c r="D33" s="17">
        <v>32</v>
      </c>
    </row>
    <row r="34" spans="1:4" ht="18" customHeight="1" x14ac:dyDescent="0.2">
      <c r="A34" s="14">
        <v>24</v>
      </c>
      <c r="B34" s="15">
        <v>13</v>
      </c>
      <c r="C34" s="16">
        <v>16</v>
      </c>
      <c r="D34" s="17">
        <v>29</v>
      </c>
    </row>
    <row r="35" spans="1:4" ht="18" customHeight="1" x14ac:dyDescent="0.2">
      <c r="A35" s="18" t="s">
        <v>53</v>
      </c>
      <c r="B35" s="15">
        <v>93</v>
      </c>
      <c r="C35" s="16">
        <v>66</v>
      </c>
      <c r="D35" s="17">
        <v>159</v>
      </c>
    </row>
    <row r="36" spans="1:4" ht="18" customHeight="1" x14ac:dyDescent="0.2">
      <c r="A36" s="14">
        <v>25</v>
      </c>
      <c r="B36" s="15">
        <v>16</v>
      </c>
      <c r="C36" s="16">
        <v>15</v>
      </c>
      <c r="D36" s="17">
        <v>31</v>
      </c>
    </row>
    <row r="37" spans="1:4" ht="18" customHeight="1" x14ac:dyDescent="0.2">
      <c r="A37" s="14">
        <v>26</v>
      </c>
      <c r="B37" s="15">
        <v>20</v>
      </c>
      <c r="C37" s="16">
        <v>19</v>
      </c>
      <c r="D37" s="17">
        <v>39</v>
      </c>
    </row>
    <row r="38" spans="1:4" ht="18" customHeight="1" x14ac:dyDescent="0.2">
      <c r="A38" s="14">
        <v>27</v>
      </c>
      <c r="B38" s="15">
        <v>18</v>
      </c>
      <c r="C38" s="16">
        <v>25</v>
      </c>
      <c r="D38" s="17">
        <v>43</v>
      </c>
    </row>
    <row r="39" spans="1:4" ht="18" customHeight="1" x14ac:dyDescent="0.2">
      <c r="A39" s="14">
        <v>28</v>
      </c>
      <c r="B39" s="15">
        <v>15</v>
      </c>
      <c r="C39" s="16">
        <v>12</v>
      </c>
      <c r="D39" s="17">
        <v>27</v>
      </c>
    </row>
    <row r="40" spans="1:4" ht="18" customHeight="1" x14ac:dyDescent="0.2">
      <c r="A40" s="14">
        <v>29</v>
      </c>
      <c r="B40" s="15">
        <v>16</v>
      </c>
      <c r="C40" s="16">
        <v>17</v>
      </c>
      <c r="D40" s="17">
        <v>33</v>
      </c>
    </row>
    <row r="41" spans="1:4" ht="18" customHeight="1" x14ac:dyDescent="0.2">
      <c r="A41" s="18" t="s">
        <v>54</v>
      </c>
      <c r="B41" s="15">
        <v>85</v>
      </c>
      <c r="C41" s="16">
        <v>88</v>
      </c>
      <c r="D41" s="17">
        <v>173</v>
      </c>
    </row>
    <row r="42" spans="1:4" ht="18" customHeight="1" x14ac:dyDescent="0.2">
      <c r="A42" s="14">
        <v>30</v>
      </c>
      <c r="B42" s="15">
        <v>22</v>
      </c>
      <c r="C42" s="16">
        <v>21</v>
      </c>
      <c r="D42" s="17">
        <v>43</v>
      </c>
    </row>
    <row r="43" spans="1:4" ht="18" customHeight="1" x14ac:dyDescent="0.2">
      <c r="A43" s="14">
        <v>31</v>
      </c>
      <c r="B43" s="15">
        <v>13</v>
      </c>
      <c r="C43" s="16">
        <v>21</v>
      </c>
      <c r="D43" s="17">
        <v>34</v>
      </c>
    </row>
    <row r="44" spans="1:4" ht="18" customHeight="1" x14ac:dyDescent="0.2">
      <c r="A44" s="14">
        <v>32</v>
      </c>
      <c r="B44" s="15">
        <v>30</v>
      </c>
      <c r="C44" s="16">
        <v>20</v>
      </c>
      <c r="D44" s="17">
        <v>50</v>
      </c>
    </row>
    <row r="45" spans="1:4" ht="18" customHeight="1" x14ac:dyDescent="0.2">
      <c r="A45" s="14">
        <v>33</v>
      </c>
      <c r="B45" s="15">
        <v>20</v>
      </c>
      <c r="C45" s="16">
        <v>16</v>
      </c>
      <c r="D45" s="17">
        <v>36</v>
      </c>
    </row>
    <row r="46" spans="1:4" ht="18" customHeight="1" x14ac:dyDescent="0.2">
      <c r="A46" s="14">
        <v>34</v>
      </c>
      <c r="B46" s="15">
        <v>19</v>
      </c>
      <c r="C46" s="16">
        <v>12</v>
      </c>
      <c r="D46" s="17">
        <v>31</v>
      </c>
    </row>
    <row r="47" spans="1:4" ht="18" customHeight="1" x14ac:dyDescent="0.2">
      <c r="A47" s="18" t="s">
        <v>55</v>
      </c>
      <c r="B47" s="15">
        <v>104</v>
      </c>
      <c r="C47" s="16">
        <v>90</v>
      </c>
      <c r="D47" s="17">
        <v>194</v>
      </c>
    </row>
    <row r="48" spans="1:4" ht="18" customHeight="1" x14ac:dyDescent="0.2">
      <c r="A48" s="14">
        <v>35</v>
      </c>
      <c r="B48" s="15">
        <v>26</v>
      </c>
      <c r="C48" s="16">
        <v>20</v>
      </c>
      <c r="D48" s="17">
        <v>46</v>
      </c>
    </row>
    <row r="49" spans="1:4" ht="18" customHeight="1" x14ac:dyDescent="0.2">
      <c r="A49" s="14">
        <v>36</v>
      </c>
      <c r="B49" s="15">
        <v>20</v>
      </c>
      <c r="C49" s="16">
        <v>21</v>
      </c>
      <c r="D49" s="17">
        <v>41</v>
      </c>
    </row>
    <row r="50" spans="1:4" ht="18" customHeight="1" x14ac:dyDescent="0.2">
      <c r="A50" s="14">
        <v>37</v>
      </c>
      <c r="B50" s="15">
        <v>19</v>
      </c>
      <c r="C50" s="16">
        <v>13</v>
      </c>
      <c r="D50" s="17">
        <v>32</v>
      </c>
    </row>
    <row r="51" spans="1:4" ht="18" customHeight="1" x14ac:dyDescent="0.2">
      <c r="A51" s="14">
        <v>38</v>
      </c>
      <c r="B51" s="15">
        <v>31</v>
      </c>
      <c r="C51" s="16">
        <v>13</v>
      </c>
      <c r="D51" s="17">
        <v>44</v>
      </c>
    </row>
    <row r="52" spans="1:4" ht="18" customHeight="1" x14ac:dyDescent="0.2">
      <c r="A52" s="14">
        <v>39</v>
      </c>
      <c r="B52" s="15">
        <v>19</v>
      </c>
      <c r="C52" s="16">
        <v>13</v>
      </c>
      <c r="D52" s="17">
        <v>32</v>
      </c>
    </row>
    <row r="53" spans="1:4" ht="18" customHeight="1" x14ac:dyDescent="0.2">
      <c r="A53" s="18" t="s">
        <v>56</v>
      </c>
      <c r="B53" s="15">
        <v>115</v>
      </c>
      <c r="C53" s="16">
        <v>80</v>
      </c>
      <c r="D53" s="17">
        <v>195</v>
      </c>
    </row>
    <row r="54" spans="1:4" ht="18" customHeight="1" x14ac:dyDescent="0.2">
      <c r="A54" s="14">
        <v>40</v>
      </c>
      <c r="B54" s="15">
        <v>24</v>
      </c>
      <c r="C54" s="16">
        <v>22</v>
      </c>
      <c r="D54" s="17">
        <v>46</v>
      </c>
    </row>
    <row r="55" spans="1:4" ht="18" customHeight="1" x14ac:dyDescent="0.2">
      <c r="A55" s="14">
        <v>41</v>
      </c>
      <c r="B55" s="15">
        <v>31</v>
      </c>
      <c r="C55" s="16">
        <v>21</v>
      </c>
      <c r="D55" s="17">
        <v>52</v>
      </c>
    </row>
    <row r="56" spans="1:4" ht="18" customHeight="1" x14ac:dyDescent="0.2">
      <c r="A56" s="14">
        <v>42</v>
      </c>
      <c r="B56" s="15">
        <v>27</v>
      </c>
      <c r="C56" s="16">
        <v>28</v>
      </c>
      <c r="D56" s="17">
        <v>55</v>
      </c>
    </row>
    <row r="57" spans="1:4" ht="18" customHeight="1" x14ac:dyDescent="0.2">
      <c r="A57" s="14">
        <v>43</v>
      </c>
      <c r="B57" s="15">
        <v>40</v>
      </c>
      <c r="C57" s="16">
        <v>16</v>
      </c>
      <c r="D57" s="17">
        <v>56</v>
      </c>
    </row>
    <row r="58" spans="1:4" ht="18" customHeight="1" x14ac:dyDescent="0.2">
      <c r="A58" s="14">
        <v>44</v>
      </c>
      <c r="B58" s="15">
        <v>37</v>
      </c>
      <c r="C58" s="16">
        <v>28</v>
      </c>
      <c r="D58" s="17">
        <v>65</v>
      </c>
    </row>
    <row r="59" spans="1:4" ht="18" customHeight="1" x14ac:dyDescent="0.2">
      <c r="A59" s="18" t="s">
        <v>57</v>
      </c>
      <c r="B59" s="15">
        <v>159</v>
      </c>
      <c r="C59" s="16">
        <v>115</v>
      </c>
      <c r="D59" s="17">
        <v>274</v>
      </c>
    </row>
    <row r="60" spans="1:4" ht="18" customHeight="1" x14ac:dyDescent="0.2">
      <c r="A60" s="14">
        <v>45</v>
      </c>
      <c r="B60" s="15">
        <v>36</v>
      </c>
      <c r="C60" s="16">
        <v>32</v>
      </c>
      <c r="D60" s="17">
        <v>68</v>
      </c>
    </row>
    <row r="61" spans="1:4" ht="18" customHeight="1" x14ac:dyDescent="0.2">
      <c r="A61" s="14">
        <v>46</v>
      </c>
      <c r="B61" s="15">
        <v>20</v>
      </c>
      <c r="C61" s="16">
        <v>21</v>
      </c>
      <c r="D61" s="17">
        <v>41</v>
      </c>
    </row>
    <row r="62" spans="1:4" ht="18" customHeight="1" x14ac:dyDescent="0.2">
      <c r="A62" s="14">
        <v>47</v>
      </c>
      <c r="B62" s="15">
        <v>32</v>
      </c>
      <c r="C62" s="16">
        <v>23</v>
      </c>
      <c r="D62" s="17">
        <v>55</v>
      </c>
    </row>
    <row r="63" spans="1:4" ht="18" customHeight="1" x14ac:dyDescent="0.2">
      <c r="A63" s="14">
        <v>48</v>
      </c>
      <c r="B63" s="15">
        <v>27</v>
      </c>
      <c r="C63" s="16">
        <v>24</v>
      </c>
      <c r="D63" s="17">
        <v>51</v>
      </c>
    </row>
    <row r="64" spans="1:4" ht="18" customHeight="1" x14ac:dyDescent="0.2">
      <c r="A64" s="14">
        <v>49</v>
      </c>
      <c r="B64" s="15">
        <v>26</v>
      </c>
      <c r="C64" s="16">
        <v>18</v>
      </c>
      <c r="D64" s="17">
        <v>44</v>
      </c>
    </row>
    <row r="65" spans="1:4" ht="18" customHeight="1" x14ac:dyDescent="0.2">
      <c r="A65" s="18" t="s">
        <v>58</v>
      </c>
      <c r="B65" s="15">
        <v>141</v>
      </c>
      <c r="C65" s="16">
        <v>118</v>
      </c>
      <c r="D65" s="17">
        <v>259</v>
      </c>
    </row>
    <row r="66" spans="1:4" ht="18" customHeight="1" x14ac:dyDescent="0.2">
      <c r="A66" s="14">
        <v>50</v>
      </c>
      <c r="B66" s="15">
        <v>18</v>
      </c>
      <c r="C66" s="16">
        <v>22</v>
      </c>
      <c r="D66" s="17">
        <v>40</v>
      </c>
    </row>
    <row r="67" spans="1:4" ht="18" customHeight="1" x14ac:dyDescent="0.2">
      <c r="A67" s="14">
        <v>51</v>
      </c>
      <c r="B67" s="15">
        <v>27</v>
      </c>
      <c r="C67" s="16">
        <v>24</v>
      </c>
      <c r="D67" s="17">
        <v>51</v>
      </c>
    </row>
    <row r="68" spans="1:4" ht="18" customHeight="1" x14ac:dyDescent="0.2">
      <c r="A68" s="14">
        <v>52</v>
      </c>
      <c r="B68" s="15">
        <v>11</v>
      </c>
      <c r="C68" s="16">
        <v>14</v>
      </c>
      <c r="D68" s="17">
        <v>25</v>
      </c>
    </row>
    <row r="69" spans="1:4" ht="18" customHeight="1" x14ac:dyDescent="0.2">
      <c r="A69" s="14">
        <v>53</v>
      </c>
      <c r="B69" s="15">
        <v>30</v>
      </c>
      <c r="C69" s="16">
        <v>26</v>
      </c>
      <c r="D69" s="17">
        <v>56</v>
      </c>
    </row>
    <row r="70" spans="1:4" ht="18" customHeight="1" x14ac:dyDescent="0.2">
      <c r="A70" s="14">
        <v>54</v>
      </c>
      <c r="B70" s="15">
        <v>26</v>
      </c>
      <c r="C70" s="16">
        <v>23</v>
      </c>
      <c r="D70" s="17">
        <v>49</v>
      </c>
    </row>
    <row r="71" spans="1:4" ht="18" customHeight="1" x14ac:dyDescent="0.2">
      <c r="A71" s="18" t="s">
        <v>59</v>
      </c>
      <c r="B71" s="15">
        <v>112</v>
      </c>
      <c r="C71" s="16">
        <v>109</v>
      </c>
      <c r="D71" s="17">
        <v>221</v>
      </c>
    </row>
    <row r="72" spans="1:4" ht="18" customHeight="1" x14ac:dyDescent="0.2">
      <c r="A72" s="14">
        <v>55</v>
      </c>
      <c r="B72" s="15">
        <v>24</v>
      </c>
      <c r="C72" s="16">
        <v>17</v>
      </c>
      <c r="D72" s="17">
        <v>41</v>
      </c>
    </row>
    <row r="73" spans="1:4" ht="18" customHeight="1" x14ac:dyDescent="0.2">
      <c r="A73" s="14">
        <v>56</v>
      </c>
      <c r="B73" s="15">
        <v>25</v>
      </c>
      <c r="C73" s="16">
        <v>31</v>
      </c>
      <c r="D73" s="17">
        <v>56</v>
      </c>
    </row>
    <row r="74" spans="1:4" ht="18" customHeight="1" x14ac:dyDescent="0.2">
      <c r="A74" s="14">
        <v>57</v>
      </c>
      <c r="B74" s="15">
        <v>24</v>
      </c>
      <c r="C74" s="16">
        <v>18</v>
      </c>
      <c r="D74" s="17">
        <v>42</v>
      </c>
    </row>
    <row r="75" spans="1:4" ht="18" customHeight="1" x14ac:dyDescent="0.2">
      <c r="A75" s="14">
        <v>58</v>
      </c>
      <c r="B75" s="15">
        <v>25</v>
      </c>
      <c r="C75" s="16">
        <v>22</v>
      </c>
      <c r="D75" s="17">
        <v>47</v>
      </c>
    </row>
    <row r="76" spans="1:4" ht="18" customHeight="1" x14ac:dyDescent="0.2">
      <c r="A76" s="14">
        <v>59</v>
      </c>
      <c r="B76" s="15">
        <v>28</v>
      </c>
      <c r="C76" s="16">
        <v>28</v>
      </c>
      <c r="D76" s="17">
        <v>56</v>
      </c>
    </row>
    <row r="77" spans="1:4" ht="18" customHeight="1" x14ac:dyDescent="0.2">
      <c r="A77" s="18" t="s">
        <v>60</v>
      </c>
      <c r="B77" s="15">
        <v>126</v>
      </c>
      <c r="C77" s="16">
        <v>116</v>
      </c>
      <c r="D77" s="17">
        <v>242</v>
      </c>
    </row>
    <row r="78" spans="1:4" ht="18" customHeight="1" x14ac:dyDescent="0.2">
      <c r="A78" s="14">
        <v>60</v>
      </c>
      <c r="B78" s="15">
        <v>21</v>
      </c>
      <c r="C78" s="16">
        <v>32</v>
      </c>
      <c r="D78" s="17">
        <v>53</v>
      </c>
    </row>
    <row r="79" spans="1:4" ht="18" customHeight="1" x14ac:dyDescent="0.2">
      <c r="A79" s="14">
        <v>61</v>
      </c>
      <c r="B79" s="15">
        <v>25</v>
      </c>
      <c r="C79" s="16">
        <v>26</v>
      </c>
      <c r="D79" s="17">
        <v>51</v>
      </c>
    </row>
    <row r="80" spans="1:4" ht="18" customHeight="1" x14ac:dyDescent="0.2">
      <c r="A80" s="14">
        <v>62</v>
      </c>
      <c r="B80" s="15">
        <v>27</v>
      </c>
      <c r="C80" s="16">
        <v>36</v>
      </c>
      <c r="D80" s="17">
        <v>63</v>
      </c>
    </row>
    <row r="81" spans="1:4" ht="18" customHeight="1" x14ac:dyDescent="0.2">
      <c r="A81" s="14">
        <v>63</v>
      </c>
      <c r="B81" s="15">
        <v>28</v>
      </c>
      <c r="C81" s="16">
        <v>35</v>
      </c>
      <c r="D81" s="17">
        <v>63</v>
      </c>
    </row>
    <row r="82" spans="1:4" ht="18" customHeight="1" x14ac:dyDescent="0.2">
      <c r="A82" s="14">
        <v>64</v>
      </c>
      <c r="B82" s="15">
        <v>37</v>
      </c>
      <c r="C82" s="16">
        <v>31</v>
      </c>
      <c r="D82" s="17">
        <v>68</v>
      </c>
    </row>
    <row r="83" spans="1:4" ht="18" customHeight="1" x14ac:dyDescent="0.2">
      <c r="A83" s="18" t="s">
        <v>61</v>
      </c>
      <c r="B83" s="15">
        <v>138</v>
      </c>
      <c r="C83" s="16">
        <v>160</v>
      </c>
      <c r="D83" s="17">
        <v>298</v>
      </c>
    </row>
    <row r="84" spans="1:4" ht="18" customHeight="1" x14ac:dyDescent="0.2">
      <c r="A84" s="18" t="s">
        <v>62</v>
      </c>
      <c r="B84" s="15">
        <v>1164</v>
      </c>
      <c r="C84" s="16">
        <v>1033</v>
      </c>
      <c r="D84" s="17">
        <v>2197</v>
      </c>
    </row>
    <row r="85" spans="1:4" ht="18" customHeight="1" x14ac:dyDescent="0.2">
      <c r="A85" s="14">
        <v>65</v>
      </c>
      <c r="B85" s="15">
        <v>26</v>
      </c>
      <c r="C85" s="16">
        <v>34</v>
      </c>
      <c r="D85" s="17">
        <v>60</v>
      </c>
    </row>
    <row r="86" spans="1:4" ht="18" customHeight="1" x14ac:dyDescent="0.2">
      <c r="A86" s="14">
        <v>66</v>
      </c>
      <c r="B86" s="15">
        <v>29</v>
      </c>
      <c r="C86" s="16">
        <v>32</v>
      </c>
      <c r="D86" s="17">
        <v>61</v>
      </c>
    </row>
    <row r="87" spans="1:4" ht="18" customHeight="1" x14ac:dyDescent="0.2">
      <c r="A87" s="14">
        <v>67</v>
      </c>
      <c r="B87" s="15">
        <v>41</v>
      </c>
      <c r="C87" s="16">
        <v>29</v>
      </c>
      <c r="D87" s="17">
        <v>70</v>
      </c>
    </row>
    <row r="88" spans="1:4" ht="18" customHeight="1" x14ac:dyDescent="0.2">
      <c r="A88" s="14">
        <v>68</v>
      </c>
      <c r="B88" s="15">
        <v>44</v>
      </c>
      <c r="C88" s="16">
        <v>44</v>
      </c>
      <c r="D88" s="17">
        <v>88</v>
      </c>
    </row>
    <row r="89" spans="1:4" ht="18" customHeight="1" x14ac:dyDescent="0.2">
      <c r="A89" s="14">
        <v>69</v>
      </c>
      <c r="B89" s="15">
        <v>60</v>
      </c>
      <c r="C89" s="16">
        <v>60</v>
      </c>
      <c r="D89" s="17">
        <v>120</v>
      </c>
    </row>
    <row r="90" spans="1:4" ht="18" customHeight="1" x14ac:dyDescent="0.2">
      <c r="A90" s="18" t="s">
        <v>63</v>
      </c>
      <c r="B90" s="15">
        <v>200</v>
      </c>
      <c r="C90" s="16">
        <v>199</v>
      </c>
      <c r="D90" s="17">
        <v>399</v>
      </c>
    </row>
    <row r="91" spans="1:4" ht="18" customHeight="1" x14ac:dyDescent="0.2">
      <c r="A91" s="14">
        <v>70</v>
      </c>
      <c r="B91" s="15">
        <v>49</v>
      </c>
      <c r="C91" s="16">
        <v>51</v>
      </c>
      <c r="D91" s="17">
        <v>100</v>
      </c>
    </row>
    <row r="92" spans="1:4" ht="18" customHeight="1" x14ac:dyDescent="0.2">
      <c r="A92" s="14">
        <v>71</v>
      </c>
      <c r="B92" s="15">
        <v>50</v>
      </c>
      <c r="C92" s="16">
        <v>57</v>
      </c>
      <c r="D92" s="17">
        <v>107</v>
      </c>
    </row>
    <row r="93" spans="1:4" ht="18" customHeight="1" x14ac:dyDescent="0.2">
      <c r="A93" s="14">
        <v>72</v>
      </c>
      <c r="B93" s="15">
        <v>33</v>
      </c>
      <c r="C93" s="16">
        <v>25</v>
      </c>
      <c r="D93" s="17">
        <v>58</v>
      </c>
    </row>
    <row r="94" spans="1:4" ht="18" customHeight="1" x14ac:dyDescent="0.2">
      <c r="A94" s="14">
        <v>73</v>
      </c>
      <c r="B94" s="15">
        <v>24</v>
      </c>
      <c r="C94" s="16">
        <v>17</v>
      </c>
      <c r="D94" s="17">
        <v>41</v>
      </c>
    </row>
    <row r="95" spans="1:4" ht="18" customHeight="1" x14ac:dyDescent="0.2">
      <c r="A95" s="14">
        <v>74</v>
      </c>
      <c r="B95" s="15">
        <v>27</v>
      </c>
      <c r="C95" s="16">
        <v>28</v>
      </c>
      <c r="D95" s="17">
        <v>55</v>
      </c>
    </row>
    <row r="96" spans="1:4" ht="18" customHeight="1" x14ac:dyDescent="0.2">
      <c r="A96" s="18" t="s">
        <v>64</v>
      </c>
      <c r="B96" s="15">
        <v>183</v>
      </c>
      <c r="C96" s="16">
        <v>178</v>
      </c>
      <c r="D96" s="17">
        <v>361</v>
      </c>
    </row>
    <row r="97" spans="1:4" ht="18" customHeight="1" x14ac:dyDescent="0.2">
      <c r="A97" s="14">
        <v>75</v>
      </c>
      <c r="B97" s="15">
        <v>24</v>
      </c>
      <c r="C97" s="16">
        <v>35</v>
      </c>
      <c r="D97" s="17">
        <v>59</v>
      </c>
    </row>
    <row r="98" spans="1:4" ht="18" customHeight="1" x14ac:dyDescent="0.2">
      <c r="A98" s="14">
        <v>76</v>
      </c>
      <c r="B98" s="15">
        <v>33</v>
      </c>
      <c r="C98" s="16">
        <v>34</v>
      </c>
      <c r="D98" s="17">
        <v>67</v>
      </c>
    </row>
    <row r="99" spans="1:4" ht="18" customHeight="1" x14ac:dyDescent="0.2">
      <c r="A99" s="14">
        <v>77</v>
      </c>
      <c r="B99" s="15">
        <v>25</v>
      </c>
      <c r="C99" s="16">
        <v>38</v>
      </c>
      <c r="D99" s="17">
        <v>63</v>
      </c>
    </row>
    <row r="100" spans="1:4" ht="18" customHeight="1" x14ac:dyDescent="0.2">
      <c r="A100" s="14">
        <v>78</v>
      </c>
      <c r="B100" s="15">
        <v>24</v>
      </c>
      <c r="C100" s="16">
        <v>36</v>
      </c>
      <c r="D100" s="17">
        <v>60</v>
      </c>
    </row>
    <row r="101" spans="1:4" ht="18" customHeight="1" x14ac:dyDescent="0.2">
      <c r="A101" s="14">
        <v>79</v>
      </c>
      <c r="B101" s="15">
        <v>16</v>
      </c>
      <c r="C101" s="16">
        <v>18</v>
      </c>
      <c r="D101" s="17">
        <v>34</v>
      </c>
    </row>
    <row r="102" spans="1:4" ht="18" customHeight="1" x14ac:dyDescent="0.2">
      <c r="A102" s="18" t="s">
        <v>65</v>
      </c>
      <c r="B102" s="15">
        <v>122</v>
      </c>
      <c r="C102" s="16">
        <v>161</v>
      </c>
      <c r="D102" s="17">
        <v>283</v>
      </c>
    </row>
    <row r="103" spans="1:4" ht="18" customHeight="1" x14ac:dyDescent="0.2">
      <c r="A103" s="14">
        <v>80</v>
      </c>
      <c r="B103" s="15">
        <v>21</v>
      </c>
      <c r="C103" s="16">
        <v>31</v>
      </c>
      <c r="D103" s="17">
        <v>52</v>
      </c>
    </row>
    <row r="104" spans="1:4" ht="18" customHeight="1" x14ac:dyDescent="0.2">
      <c r="A104" s="14">
        <v>81</v>
      </c>
      <c r="B104" s="15">
        <v>16</v>
      </c>
      <c r="C104" s="16">
        <v>30</v>
      </c>
      <c r="D104" s="17">
        <v>46</v>
      </c>
    </row>
    <row r="105" spans="1:4" ht="18" customHeight="1" x14ac:dyDescent="0.2">
      <c r="A105" s="14">
        <v>82</v>
      </c>
      <c r="B105" s="15">
        <v>10</v>
      </c>
      <c r="C105" s="16">
        <v>20</v>
      </c>
      <c r="D105" s="17">
        <v>30</v>
      </c>
    </row>
    <row r="106" spans="1:4" ht="18" customHeight="1" x14ac:dyDescent="0.2">
      <c r="A106" s="14">
        <v>83</v>
      </c>
      <c r="B106" s="15">
        <v>15</v>
      </c>
      <c r="C106" s="16">
        <v>18</v>
      </c>
      <c r="D106" s="17">
        <v>33</v>
      </c>
    </row>
    <row r="107" spans="1:4" ht="18" customHeight="1" x14ac:dyDescent="0.2">
      <c r="A107" s="14">
        <v>84</v>
      </c>
      <c r="B107" s="15">
        <v>20</v>
      </c>
      <c r="C107" s="16">
        <v>23</v>
      </c>
      <c r="D107" s="17">
        <v>43</v>
      </c>
    </row>
    <row r="108" spans="1:4" ht="18" customHeight="1" x14ac:dyDescent="0.2">
      <c r="A108" s="18" t="s">
        <v>66</v>
      </c>
      <c r="B108" s="15">
        <v>82</v>
      </c>
      <c r="C108" s="16">
        <v>122</v>
      </c>
      <c r="D108" s="17">
        <v>204</v>
      </c>
    </row>
    <row r="109" spans="1:4" ht="18" customHeight="1" x14ac:dyDescent="0.2">
      <c r="A109" s="14">
        <v>85</v>
      </c>
      <c r="B109" s="15">
        <v>9</v>
      </c>
      <c r="C109" s="16">
        <v>23</v>
      </c>
      <c r="D109" s="17">
        <v>32</v>
      </c>
    </row>
    <row r="110" spans="1:4" ht="18" customHeight="1" x14ac:dyDescent="0.2">
      <c r="A110" s="14">
        <v>86</v>
      </c>
      <c r="B110" s="15">
        <v>12</v>
      </c>
      <c r="C110" s="16">
        <v>19</v>
      </c>
      <c r="D110" s="17">
        <v>31</v>
      </c>
    </row>
    <row r="111" spans="1:4" ht="18" customHeight="1" x14ac:dyDescent="0.2">
      <c r="A111" s="14">
        <v>87</v>
      </c>
      <c r="B111" s="15">
        <v>2</v>
      </c>
      <c r="C111" s="16">
        <v>20</v>
      </c>
      <c r="D111" s="17">
        <v>22</v>
      </c>
    </row>
    <row r="112" spans="1:4" ht="18" customHeight="1" x14ac:dyDescent="0.2">
      <c r="A112" s="14">
        <v>88</v>
      </c>
      <c r="B112" s="15">
        <v>4</v>
      </c>
      <c r="C112" s="16">
        <v>22</v>
      </c>
      <c r="D112" s="17">
        <v>26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35</v>
      </c>
      <c r="C114" s="16">
        <v>103</v>
      </c>
      <c r="D114" s="17">
        <v>138</v>
      </c>
    </row>
    <row r="115" spans="1:4" ht="18" customHeight="1" x14ac:dyDescent="0.2">
      <c r="A115" s="14">
        <v>90</v>
      </c>
      <c r="B115" s="15">
        <v>9</v>
      </c>
      <c r="C115" s="16">
        <v>12</v>
      </c>
      <c r="D115" s="17">
        <v>21</v>
      </c>
    </row>
    <row r="116" spans="1:4" ht="18" customHeight="1" x14ac:dyDescent="0.2">
      <c r="A116" s="14">
        <v>91</v>
      </c>
      <c r="B116" s="15">
        <v>4</v>
      </c>
      <c r="C116" s="16">
        <v>10</v>
      </c>
      <c r="D116" s="17">
        <v>14</v>
      </c>
    </row>
    <row r="117" spans="1:4" ht="18" customHeight="1" x14ac:dyDescent="0.2">
      <c r="A117" s="14">
        <v>92</v>
      </c>
      <c r="B117" s="15">
        <v>5</v>
      </c>
      <c r="C117" s="16">
        <v>6</v>
      </c>
      <c r="D117" s="17">
        <v>11</v>
      </c>
    </row>
    <row r="118" spans="1:4" ht="18" customHeight="1" x14ac:dyDescent="0.2">
      <c r="A118" s="14">
        <v>93</v>
      </c>
      <c r="B118" s="15">
        <v>2</v>
      </c>
      <c r="C118" s="16">
        <v>16</v>
      </c>
      <c r="D118" s="17">
        <v>18</v>
      </c>
    </row>
    <row r="119" spans="1:4" ht="18" customHeight="1" x14ac:dyDescent="0.2">
      <c r="A119" s="14">
        <v>94</v>
      </c>
      <c r="B119" s="15">
        <v>1</v>
      </c>
      <c r="C119" s="16">
        <v>10</v>
      </c>
      <c r="D119" s="17">
        <v>11</v>
      </c>
    </row>
    <row r="120" spans="1:4" ht="18" customHeight="1" x14ac:dyDescent="0.2">
      <c r="A120" s="18" t="s">
        <v>68</v>
      </c>
      <c r="B120" s="15">
        <v>21</v>
      </c>
      <c r="C120" s="16">
        <v>54</v>
      </c>
      <c r="D120" s="17">
        <v>75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45</v>
      </c>
      <c r="C130" s="5">
        <v>839</v>
      </c>
      <c r="D130" s="6">
        <v>1484</v>
      </c>
    </row>
    <row r="131" spans="1:4" ht="18" customHeight="1" x14ac:dyDescent="0.2">
      <c r="A131" s="20" t="s">
        <v>47</v>
      </c>
      <c r="B131" s="7">
        <v>1992</v>
      </c>
      <c r="C131" s="8">
        <v>2046</v>
      </c>
      <c r="D131" s="9">
        <v>403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</v>
      </c>
      <c r="C5" s="12">
        <v>0</v>
      </c>
      <c r="D5" s="13">
        <v>2</v>
      </c>
    </row>
    <row r="6" spans="1:10" ht="18" customHeight="1" x14ac:dyDescent="0.2">
      <c r="A6" s="14">
        <v>1</v>
      </c>
      <c r="B6" s="15">
        <v>5</v>
      </c>
      <c r="C6" s="16">
        <v>8</v>
      </c>
      <c r="D6" s="17">
        <v>13</v>
      </c>
    </row>
    <row r="7" spans="1:10" ht="18" customHeight="1" x14ac:dyDescent="0.2">
      <c r="A7" s="14">
        <v>2</v>
      </c>
      <c r="B7" s="15">
        <v>3</v>
      </c>
      <c r="C7" s="16">
        <v>4</v>
      </c>
      <c r="D7" s="17">
        <v>7</v>
      </c>
    </row>
    <row r="8" spans="1:10" ht="18" customHeight="1" x14ac:dyDescent="0.2">
      <c r="A8" s="14">
        <v>3</v>
      </c>
      <c r="B8" s="15">
        <v>6</v>
      </c>
      <c r="C8" s="16">
        <v>4</v>
      </c>
      <c r="D8" s="17">
        <v>10</v>
      </c>
    </row>
    <row r="9" spans="1:10" ht="18" customHeight="1" x14ac:dyDescent="0.2">
      <c r="A9" s="14">
        <v>4</v>
      </c>
      <c r="B9" s="15">
        <v>4</v>
      </c>
      <c r="C9" s="16">
        <v>4</v>
      </c>
      <c r="D9" s="17">
        <v>8</v>
      </c>
    </row>
    <row r="10" spans="1:10" ht="18" customHeight="1" x14ac:dyDescent="0.2">
      <c r="A10" s="18" t="s">
        <v>48</v>
      </c>
      <c r="B10" s="15">
        <v>20</v>
      </c>
      <c r="C10" s="16">
        <v>20</v>
      </c>
      <c r="D10" s="17">
        <v>40</v>
      </c>
    </row>
    <row r="11" spans="1:10" ht="18" customHeight="1" x14ac:dyDescent="0.2">
      <c r="A11" s="14">
        <v>5</v>
      </c>
      <c r="B11" s="15">
        <v>3</v>
      </c>
      <c r="C11" s="16">
        <v>4</v>
      </c>
      <c r="D11" s="17">
        <v>7</v>
      </c>
    </row>
    <row r="12" spans="1:10" ht="18" customHeight="1" x14ac:dyDescent="0.2">
      <c r="A12" s="14">
        <v>6</v>
      </c>
      <c r="B12" s="15">
        <v>4</v>
      </c>
      <c r="C12" s="16">
        <v>5</v>
      </c>
      <c r="D12" s="17">
        <v>9</v>
      </c>
    </row>
    <row r="13" spans="1:10" ht="18" customHeight="1" x14ac:dyDescent="0.2">
      <c r="A13" s="14">
        <v>7</v>
      </c>
      <c r="B13" s="15">
        <v>7</v>
      </c>
      <c r="C13" s="16">
        <v>2</v>
      </c>
      <c r="D13" s="17">
        <v>9</v>
      </c>
    </row>
    <row r="14" spans="1:10" ht="18" customHeight="1" x14ac:dyDescent="0.2">
      <c r="A14" s="14">
        <v>8</v>
      </c>
      <c r="B14" s="15">
        <v>9</v>
      </c>
      <c r="C14" s="16">
        <v>4</v>
      </c>
      <c r="D14" s="17">
        <v>13</v>
      </c>
    </row>
    <row r="15" spans="1:10" ht="18" customHeight="1" x14ac:dyDescent="0.2">
      <c r="A15" s="14">
        <v>9</v>
      </c>
      <c r="B15" s="15">
        <v>11</v>
      </c>
      <c r="C15" s="16">
        <v>11</v>
      </c>
      <c r="D15" s="17">
        <v>22</v>
      </c>
    </row>
    <row r="16" spans="1:10" ht="18" customHeight="1" x14ac:dyDescent="0.2">
      <c r="A16" s="18" t="s">
        <v>49</v>
      </c>
      <c r="B16" s="15">
        <v>34</v>
      </c>
      <c r="C16" s="16">
        <v>26</v>
      </c>
      <c r="D16" s="17">
        <v>60</v>
      </c>
    </row>
    <row r="17" spans="1:4" ht="18" customHeight="1" x14ac:dyDescent="0.2">
      <c r="A17" s="14">
        <v>10</v>
      </c>
      <c r="B17" s="15">
        <v>15</v>
      </c>
      <c r="C17" s="16">
        <v>9</v>
      </c>
      <c r="D17" s="17">
        <v>24</v>
      </c>
    </row>
    <row r="18" spans="1:4" ht="18" customHeight="1" x14ac:dyDescent="0.2">
      <c r="A18" s="14">
        <v>11</v>
      </c>
      <c r="B18" s="15">
        <v>4</v>
      </c>
      <c r="C18" s="16">
        <v>5</v>
      </c>
      <c r="D18" s="17">
        <v>9</v>
      </c>
    </row>
    <row r="19" spans="1:4" ht="18" customHeight="1" x14ac:dyDescent="0.2">
      <c r="A19" s="14">
        <v>12</v>
      </c>
      <c r="B19" s="15">
        <v>15</v>
      </c>
      <c r="C19" s="16">
        <v>15</v>
      </c>
      <c r="D19" s="17">
        <v>30</v>
      </c>
    </row>
    <row r="20" spans="1:4" ht="18" customHeight="1" x14ac:dyDescent="0.2">
      <c r="A20" s="14">
        <v>13</v>
      </c>
      <c r="B20" s="15">
        <v>20</v>
      </c>
      <c r="C20" s="16">
        <v>11</v>
      </c>
      <c r="D20" s="17">
        <v>31</v>
      </c>
    </row>
    <row r="21" spans="1:4" ht="18" customHeight="1" x14ac:dyDescent="0.2">
      <c r="A21" s="14">
        <v>14</v>
      </c>
      <c r="B21" s="15">
        <v>15</v>
      </c>
      <c r="C21" s="16">
        <v>17</v>
      </c>
      <c r="D21" s="17">
        <v>32</v>
      </c>
    </row>
    <row r="22" spans="1:4" ht="18" customHeight="1" x14ac:dyDescent="0.2">
      <c r="A22" s="18" t="s">
        <v>50</v>
      </c>
      <c r="B22" s="15">
        <v>69</v>
      </c>
      <c r="C22" s="16">
        <v>57</v>
      </c>
      <c r="D22" s="17">
        <v>126</v>
      </c>
    </row>
    <row r="23" spans="1:4" ht="18" customHeight="1" x14ac:dyDescent="0.2">
      <c r="A23" s="18" t="s">
        <v>51</v>
      </c>
      <c r="B23" s="15">
        <v>123</v>
      </c>
      <c r="C23" s="16">
        <v>103</v>
      </c>
      <c r="D23" s="17">
        <v>226</v>
      </c>
    </row>
    <row r="24" spans="1:4" ht="18" customHeight="1" x14ac:dyDescent="0.2">
      <c r="A24" s="14">
        <v>15</v>
      </c>
      <c r="B24" s="15">
        <v>14</v>
      </c>
      <c r="C24" s="16">
        <v>23</v>
      </c>
      <c r="D24" s="17">
        <v>37</v>
      </c>
    </row>
    <row r="25" spans="1:4" ht="18" customHeight="1" x14ac:dyDescent="0.2">
      <c r="A25" s="14">
        <v>16</v>
      </c>
      <c r="B25" s="15">
        <v>13</v>
      </c>
      <c r="C25" s="16">
        <v>14</v>
      </c>
      <c r="D25" s="17">
        <v>27</v>
      </c>
    </row>
    <row r="26" spans="1:4" ht="18" customHeight="1" x14ac:dyDescent="0.2">
      <c r="A26" s="14">
        <v>17</v>
      </c>
      <c r="B26" s="15">
        <v>21</v>
      </c>
      <c r="C26" s="16">
        <v>17</v>
      </c>
      <c r="D26" s="17">
        <v>38</v>
      </c>
    </row>
    <row r="27" spans="1:4" ht="18" customHeight="1" x14ac:dyDescent="0.2">
      <c r="A27" s="14">
        <v>18</v>
      </c>
      <c r="B27" s="15">
        <v>21</v>
      </c>
      <c r="C27" s="16">
        <v>6</v>
      </c>
      <c r="D27" s="17">
        <v>27</v>
      </c>
    </row>
    <row r="28" spans="1:4" ht="18" customHeight="1" x14ac:dyDescent="0.2">
      <c r="A28" s="14">
        <v>19</v>
      </c>
      <c r="B28" s="15">
        <v>14</v>
      </c>
      <c r="C28" s="16">
        <v>11</v>
      </c>
      <c r="D28" s="17">
        <v>25</v>
      </c>
    </row>
    <row r="29" spans="1:4" ht="18" customHeight="1" x14ac:dyDescent="0.2">
      <c r="A29" s="18" t="s">
        <v>52</v>
      </c>
      <c r="B29" s="15">
        <v>83</v>
      </c>
      <c r="C29" s="16">
        <v>71</v>
      </c>
      <c r="D29" s="17">
        <v>154</v>
      </c>
    </row>
    <row r="30" spans="1:4" ht="18" customHeight="1" x14ac:dyDescent="0.2">
      <c r="A30" s="14">
        <v>20</v>
      </c>
      <c r="B30" s="15">
        <v>18</v>
      </c>
      <c r="C30" s="16">
        <v>10</v>
      </c>
      <c r="D30" s="17">
        <v>28</v>
      </c>
    </row>
    <row r="31" spans="1:4" ht="18" customHeight="1" x14ac:dyDescent="0.2">
      <c r="A31" s="14">
        <v>21</v>
      </c>
      <c r="B31" s="15">
        <v>10</v>
      </c>
      <c r="C31" s="16">
        <v>10</v>
      </c>
      <c r="D31" s="17">
        <v>20</v>
      </c>
    </row>
    <row r="32" spans="1:4" ht="18" customHeight="1" x14ac:dyDescent="0.2">
      <c r="A32" s="14">
        <v>22</v>
      </c>
      <c r="B32" s="15">
        <v>5</v>
      </c>
      <c r="C32" s="16">
        <v>11</v>
      </c>
      <c r="D32" s="17">
        <v>16</v>
      </c>
    </row>
    <row r="33" spans="1:4" ht="18" customHeight="1" x14ac:dyDescent="0.2">
      <c r="A33" s="14">
        <v>23</v>
      </c>
      <c r="B33" s="15">
        <v>7</v>
      </c>
      <c r="C33" s="16">
        <v>2</v>
      </c>
      <c r="D33" s="17">
        <v>9</v>
      </c>
    </row>
    <row r="34" spans="1:4" ht="18" customHeight="1" x14ac:dyDescent="0.2">
      <c r="A34" s="14">
        <v>24</v>
      </c>
      <c r="B34" s="15">
        <v>6</v>
      </c>
      <c r="C34" s="16">
        <v>4</v>
      </c>
      <c r="D34" s="17">
        <v>10</v>
      </c>
    </row>
    <row r="35" spans="1:4" ht="18" customHeight="1" x14ac:dyDescent="0.2">
      <c r="A35" s="18" t="s">
        <v>53</v>
      </c>
      <c r="B35" s="15">
        <v>46</v>
      </c>
      <c r="C35" s="16">
        <v>37</v>
      </c>
      <c r="D35" s="17">
        <v>83</v>
      </c>
    </row>
    <row r="36" spans="1:4" ht="18" customHeight="1" x14ac:dyDescent="0.2">
      <c r="A36" s="14">
        <v>25</v>
      </c>
      <c r="B36" s="15">
        <v>4</v>
      </c>
      <c r="C36" s="16">
        <v>8</v>
      </c>
      <c r="D36" s="17">
        <v>12</v>
      </c>
    </row>
    <row r="37" spans="1:4" ht="18" customHeight="1" x14ac:dyDescent="0.2">
      <c r="A37" s="14">
        <v>26</v>
      </c>
      <c r="B37" s="15">
        <v>4</v>
      </c>
      <c r="C37" s="16">
        <v>3</v>
      </c>
      <c r="D37" s="17">
        <v>7</v>
      </c>
    </row>
    <row r="38" spans="1:4" ht="18" customHeight="1" x14ac:dyDescent="0.2">
      <c r="A38" s="14">
        <v>27</v>
      </c>
      <c r="B38" s="15">
        <v>5</v>
      </c>
      <c r="C38" s="16">
        <v>2</v>
      </c>
      <c r="D38" s="17">
        <v>7</v>
      </c>
    </row>
    <row r="39" spans="1:4" ht="18" customHeight="1" x14ac:dyDescent="0.2">
      <c r="A39" s="14">
        <v>28</v>
      </c>
      <c r="B39" s="15">
        <v>5</v>
      </c>
      <c r="C39" s="16">
        <v>9</v>
      </c>
      <c r="D39" s="17">
        <v>14</v>
      </c>
    </row>
    <row r="40" spans="1:4" ht="18" customHeight="1" x14ac:dyDescent="0.2">
      <c r="A40" s="14">
        <v>29</v>
      </c>
      <c r="B40" s="15">
        <v>3</v>
      </c>
      <c r="C40" s="16">
        <v>6</v>
      </c>
      <c r="D40" s="17">
        <v>9</v>
      </c>
    </row>
    <row r="41" spans="1:4" ht="18" customHeight="1" x14ac:dyDescent="0.2">
      <c r="A41" s="18" t="s">
        <v>54</v>
      </c>
      <c r="B41" s="15">
        <v>21</v>
      </c>
      <c r="C41" s="16">
        <v>28</v>
      </c>
      <c r="D41" s="17">
        <v>49</v>
      </c>
    </row>
    <row r="42" spans="1:4" ht="18" customHeight="1" x14ac:dyDescent="0.2">
      <c r="A42" s="14">
        <v>30</v>
      </c>
      <c r="B42" s="15">
        <v>4</v>
      </c>
      <c r="C42" s="16">
        <v>3</v>
      </c>
      <c r="D42" s="17">
        <v>7</v>
      </c>
    </row>
    <row r="43" spans="1:4" ht="18" customHeight="1" x14ac:dyDescent="0.2">
      <c r="A43" s="14">
        <v>31</v>
      </c>
      <c r="B43" s="15">
        <v>6</v>
      </c>
      <c r="C43" s="16">
        <v>6</v>
      </c>
      <c r="D43" s="17">
        <v>12</v>
      </c>
    </row>
    <row r="44" spans="1:4" ht="18" customHeight="1" x14ac:dyDescent="0.2">
      <c r="A44" s="14">
        <v>32</v>
      </c>
      <c r="B44" s="15">
        <v>9</v>
      </c>
      <c r="C44" s="16">
        <v>8</v>
      </c>
      <c r="D44" s="17">
        <v>17</v>
      </c>
    </row>
    <row r="45" spans="1:4" ht="18" customHeight="1" x14ac:dyDescent="0.2">
      <c r="A45" s="14">
        <v>33</v>
      </c>
      <c r="B45" s="15">
        <v>4</v>
      </c>
      <c r="C45" s="16">
        <v>3</v>
      </c>
      <c r="D45" s="17">
        <v>7</v>
      </c>
    </row>
    <row r="46" spans="1:4" ht="18" customHeight="1" x14ac:dyDescent="0.2">
      <c r="A46" s="14">
        <v>34</v>
      </c>
      <c r="B46" s="15">
        <v>8</v>
      </c>
      <c r="C46" s="16">
        <v>8</v>
      </c>
      <c r="D46" s="17">
        <v>16</v>
      </c>
    </row>
    <row r="47" spans="1:4" ht="18" customHeight="1" x14ac:dyDescent="0.2">
      <c r="A47" s="18" t="s">
        <v>55</v>
      </c>
      <c r="B47" s="15">
        <v>31</v>
      </c>
      <c r="C47" s="16">
        <v>28</v>
      </c>
      <c r="D47" s="17">
        <v>59</v>
      </c>
    </row>
    <row r="48" spans="1:4" ht="18" customHeight="1" x14ac:dyDescent="0.2">
      <c r="A48" s="14">
        <v>35</v>
      </c>
      <c r="B48" s="15">
        <v>9</v>
      </c>
      <c r="C48" s="16">
        <v>4</v>
      </c>
      <c r="D48" s="17">
        <v>13</v>
      </c>
    </row>
    <row r="49" spans="1:4" ht="18" customHeight="1" x14ac:dyDescent="0.2">
      <c r="A49" s="14">
        <v>36</v>
      </c>
      <c r="B49" s="15">
        <v>4</v>
      </c>
      <c r="C49" s="16">
        <v>5</v>
      </c>
      <c r="D49" s="17">
        <v>9</v>
      </c>
    </row>
    <row r="50" spans="1:4" ht="18" customHeight="1" x14ac:dyDescent="0.2">
      <c r="A50" s="14">
        <v>37</v>
      </c>
      <c r="B50" s="15">
        <v>4</v>
      </c>
      <c r="C50" s="16">
        <v>5</v>
      </c>
      <c r="D50" s="17">
        <v>9</v>
      </c>
    </row>
    <row r="51" spans="1:4" ht="18" customHeight="1" x14ac:dyDescent="0.2">
      <c r="A51" s="14">
        <v>38</v>
      </c>
      <c r="B51" s="15">
        <v>9</v>
      </c>
      <c r="C51" s="16">
        <v>9</v>
      </c>
      <c r="D51" s="17">
        <v>18</v>
      </c>
    </row>
    <row r="52" spans="1:4" ht="18" customHeight="1" x14ac:dyDescent="0.2">
      <c r="A52" s="14">
        <v>39</v>
      </c>
      <c r="B52" s="15">
        <v>4</v>
      </c>
      <c r="C52" s="16">
        <v>9</v>
      </c>
      <c r="D52" s="17">
        <v>13</v>
      </c>
    </row>
    <row r="53" spans="1:4" ht="18" customHeight="1" x14ac:dyDescent="0.2">
      <c r="A53" s="18" t="s">
        <v>56</v>
      </c>
      <c r="B53" s="15">
        <v>30</v>
      </c>
      <c r="C53" s="16">
        <v>32</v>
      </c>
      <c r="D53" s="17">
        <v>62</v>
      </c>
    </row>
    <row r="54" spans="1:4" ht="18" customHeight="1" x14ac:dyDescent="0.2">
      <c r="A54" s="14">
        <v>40</v>
      </c>
      <c r="B54" s="15">
        <v>10</v>
      </c>
      <c r="C54" s="16">
        <v>18</v>
      </c>
      <c r="D54" s="17">
        <v>28</v>
      </c>
    </row>
    <row r="55" spans="1:4" ht="18" customHeight="1" x14ac:dyDescent="0.2">
      <c r="A55" s="14">
        <v>41</v>
      </c>
      <c r="B55" s="15">
        <v>15</v>
      </c>
      <c r="C55" s="16">
        <v>14</v>
      </c>
      <c r="D55" s="17">
        <v>29</v>
      </c>
    </row>
    <row r="56" spans="1:4" ht="18" customHeight="1" x14ac:dyDescent="0.2">
      <c r="A56" s="14">
        <v>42</v>
      </c>
      <c r="B56" s="15">
        <v>20</v>
      </c>
      <c r="C56" s="16">
        <v>20</v>
      </c>
      <c r="D56" s="17">
        <v>40</v>
      </c>
    </row>
    <row r="57" spans="1:4" ht="18" customHeight="1" x14ac:dyDescent="0.2">
      <c r="A57" s="14">
        <v>43</v>
      </c>
      <c r="B57" s="15">
        <v>28</v>
      </c>
      <c r="C57" s="16">
        <v>19</v>
      </c>
      <c r="D57" s="17">
        <v>47</v>
      </c>
    </row>
    <row r="58" spans="1:4" ht="18" customHeight="1" x14ac:dyDescent="0.2">
      <c r="A58" s="14">
        <v>44</v>
      </c>
      <c r="B58" s="15">
        <v>25</v>
      </c>
      <c r="C58" s="16">
        <v>12</v>
      </c>
      <c r="D58" s="17">
        <v>37</v>
      </c>
    </row>
    <row r="59" spans="1:4" ht="18" customHeight="1" x14ac:dyDescent="0.2">
      <c r="A59" s="18" t="s">
        <v>57</v>
      </c>
      <c r="B59" s="15">
        <v>98</v>
      </c>
      <c r="C59" s="16">
        <v>83</v>
      </c>
      <c r="D59" s="17">
        <v>181</v>
      </c>
    </row>
    <row r="60" spans="1:4" ht="18" customHeight="1" x14ac:dyDescent="0.2">
      <c r="A60" s="14">
        <v>45</v>
      </c>
      <c r="B60" s="15">
        <v>24</v>
      </c>
      <c r="C60" s="16">
        <v>24</v>
      </c>
      <c r="D60" s="17">
        <v>48</v>
      </c>
    </row>
    <row r="61" spans="1:4" ht="18" customHeight="1" x14ac:dyDescent="0.2">
      <c r="A61" s="14">
        <v>46</v>
      </c>
      <c r="B61" s="15">
        <v>21</v>
      </c>
      <c r="C61" s="16">
        <v>18</v>
      </c>
      <c r="D61" s="17">
        <v>39</v>
      </c>
    </row>
    <row r="62" spans="1:4" ht="18" customHeight="1" x14ac:dyDescent="0.2">
      <c r="A62" s="14">
        <v>47</v>
      </c>
      <c r="B62" s="15">
        <v>21</v>
      </c>
      <c r="C62" s="16">
        <v>16</v>
      </c>
      <c r="D62" s="17">
        <v>37</v>
      </c>
    </row>
    <row r="63" spans="1:4" ht="18" customHeight="1" x14ac:dyDescent="0.2">
      <c r="A63" s="14">
        <v>48</v>
      </c>
      <c r="B63" s="15">
        <v>14</v>
      </c>
      <c r="C63" s="16">
        <v>25</v>
      </c>
      <c r="D63" s="17">
        <v>39</v>
      </c>
    </row>
    <row r="64" spans="1:4" ht="18" customHeight="1" x14ac:dyDescent="0.2">
      <c r="A64" s="14">
        <v>49</v>
      </c>
      <c r="B64" s="15">
        <v>10</v>
      </c>
      <c r="C64" s="16">
        <v>14</v>
      </c>
      <c r="D64" s="17">
        <v>24</v>
      </c>
    </row>
    <row r="65" spans="1:4" ht="18" customHeight="1" x14ac:dyDescent="0.2">
      <c r="A65" s="18" t="s">
        <v>58</v>
      </c>
      <c r="B65" s="15">
        <v>90</v>
      </c>
      <c r="C65" s="16">
        <v>97</v>
      </c>
      <c r="D65" s="17">
        <v>187</v>
      </c>
    </row>
    <row r="66" spans="1:4" ht="18" customHeight="1" x14ac:dyDescent="0.2">
      <c r="A66" s="14">
        <v>50</v>
      </c>
      <c r="B66" s="15">
        <v>26</v>
      </c>
      <c r="C66" s="16">
        <v>16</v>
      </c>
      <c r="D66" s="17">
        <v>42</v>
      </c>
    </row>
    <row r="67" spans="1:4" ht="18" customHeight="1" x14ac:dyDescent="0.2">
      <c r="A67" s="14">
        <v>51</v>
      </c>
      <c r="B67" s="15">
        <v>10</v>
      </c>
      <c r="C67" s="16">
        <v>14</v>
      </c>
      <c r="D67" s="17">
        <v>24</v>
      </c>
    </row>
    <row r="68" spans="1:4" ht="18" customHeight="1" x14ac:dyDescent="0.2">
      <c r="A68" s="14">
        <v>52</v>
      </c>
      <c r="B68" s="15">
        <v>9</v>
      </c>
      <c r="C68" s="16">
        <v>9</v>
      </c>
      <c r="D68" s="17">
        <v>18</v>
      </c>
    </row>
    <row r="69" spans="1:4" ht="18" customHeight="1" x14ac:dyDescent="0.2">
      <c r="A69" s="14">
        <v>53</v>
      </c>
      <c r="B69" s="15">
        <v>13</v>
      </c>
      <c r="C69" s="16">
        <v>6</v>
      </c>
      <c r="D69" s="17">
        <v>19</v>
      </c>
    </row>
    <row r="70" spans="1:4" ht="18" customHeight="1" x14ac:dyDescent="0.2">
      <c r="A70" s="14">
        <v>54</v>
      </c>
      <c r="B70" s="15">
        <v>10</v>
      </c>
      <c r="C70" s="16">
        <v>6</v>
      </c>
      <c r="D70" s="17">
        <v>16</v>
      </c>
    </row>
    <row r="71" spans="1:4" ht="18" customHeight="1" x14ac:dyDescent="0.2">
      <c r="A71" s="18" t="s">
        <v>59</v>
      </c>
      <c r="B71" s="15">
        <v>68</v>
      </c>
      <c r="C71" s="16">
        <v>51</v>
      </c>
      <c r="D71" s="17">
        <v>119</v>
      </c>
    </row>
    <row r="72" spans="1:4" ht="18" customHeight="1" x14ac:dyDescent="0.2">
      <c r="A72" s="14">
        <v>55</v>
      </c>
      <c r="B72" s="15">
        <v>8</v>
      </c>
      <c r="C72" s="16">
        <v>9</v>
      </c>
      <c r="D72" s="17">
        <v>17</v>
      </c>
    </row>
    <row r="73" spans="1:4" ht="18" customHeight="1" x14ac:dyDescent="0.2">
      <c r="A73" s="14">
        <v>56</v>
      </c>
      <c r="B73" s="15">
        <v>4</v>
      </c>
      <c r="C73" s="16">
        <v>14</v>
      </c>
      <c r="D73" s="17">
        <v>18</v>
      </c>
    </row>
    <row r="74" spans="1:4" ht="18" customHeight="1" x14ac:dyDescent="0.2">
      <c r="A74" s="14">
        <v>57</v>
      </c>
      <c r="B74" s="15">
        <v>10</v>
      </c>
      <c r="C74" s="16">
        <v>11</v>
      </c>
      <c r="D74" s="17">
        <v>21</v>
      </c>
    </row>
    <row r="75" spans="1:4" ht="18" customHeight="1" x14ac:dyDescent="0.2">
      <c r="A75" s="14">
        <v>58</v>
      </c>
      <c r="B75" s="15">
        <v>11</v>
      </c>
      <c r="C75" s="16">
        <v>11</v>
      </c>
      <c r="D75" s="17">
        <v>22</v>
      </c>
    </row>
    <row r="76" spans="1:4" ht="18" customHeight="1" x14ac:dyDescent="0.2">
      <c r="A76" s="14">
        <v>59</v>
      </c>
      <c r="B76" s="15">
        <v>16</v>
      </c>
      <c r="C76" s="16">
        <v>5</v>
      </c>
      <c r="D76" s="17">
        <v>21</v>
      </c>
    </row>
    <row r="77" spans="1:4" ht="18" customHeight="1" x14ac:dyDescent="0.2">
      <c r="A77" s="18" t="s">
        <v>60</v>
      </c>
      <c r="B77" s="15">
        <v>49</v>
      </c>
      <c r="C77" s="16">
        <v>50</v>
      </c>
      <c r="D77" s="17">
        <v>99</v>
      </c>
    </row>
    <row r="78" spans="1:4" ht="18" customHeight="1" x14ac:dyDescent="0.2">
      <c r="A78" s="14">
        <v>60</v>
      </c>
      <c r="B78" s="15">
        <v>9</v>
      </c>
      <c r="C78" s="16">
        <v>13</v>
      </c>
      <c r="D78" s="17">
        <v>22</v>
      </c>
    </row>
    <row r="79" spans="1:4" ht="18" customHeight="1" x14ac:dyDescent="0.2">
      <c r="A79" s="14">
        <v>61</v>
      </c>
      <c r="B79" s="15">
        <v>6</v>
      </c>
      <c r="C79" s="16">
        <v>9</v>
      </c>
      <c r="D79" s="17">
        <v>15</v>
      </c>
    </row>
    <row r="80" spans="1:4" ht="18" customHeight="1" x14ac:dyDescent="0.2">
      <c r="A80" s="14">
        <v>62</v>
      </c>
      <c r="B80" s="15">
        <v>9</v>
      </c>
      <c r="C80" s="16">
        <v>6</v>
      </c>
      <c r="D80" s="17">
        <v>15</v>
      </c>
    </row>
    <row r="81" spans="1:4" ht="18" customHeight="1" x14ac:dyDescent="0.2">
      <c r="A81" s="14">
        <v>63</v>
      </c>
      <c r="B81" s="15">
        <v>6</v>
      </c>
      <c r="C81" s="16">
        <v>5</v>
      </c>
      <c r="D81" s="17">
        <v>11</v>
      </c>
    </row>
    <row r="82" spans="1:4" ht="18" customHeight="1" x14ac:dyDescent="0.2">
      <c r="A82" s="14">
        <v>64</v>
      </c>
      <c r="B82" s="15">
        <v>8</v>
      </c>
      <c r="C82" s="16">
        <v>11</v>
      </c>
      <c r="D82" s="17">
        <v>19</v>
      </c>
    </row>
    <row r="83" spans="1:4" ht="18" customHeight="1" x14ac:dyDescent="0.2">
      <c r="A83" s="18" t="s">
        <v>61</v>
      </c>
      <c r="B83" s="15">
        <v>38</v>
      </c>
      <c r="C83" s="16">
        <v>44</v>
      </c>
      <c r="D83" s="17">
        <v>82</v>
      </c>
    </row>
    <row r="84" spans="1:4" ht="18" customHeight="1" x14ac:dyDescent="0.2">
      <c r="A84" s="18" t="s">
        <v>62</v>
      </c>
      <c r="B84" s="15">
        <v>554</v>
      </c>
      <c r="C84" s="16">
        <v>521</v>
      </c>
      <c r="D84" s="17">
        <v>1075</v>
      </c>
    </row>
    <row r="85" spans="1:4" ht="18" customHeight="1" x14ac:dyDescent="0.2">
      <c r="A85" s="14">
        <v>65</v>
      </c>
      <c r="B85" s="15">
        <v>9</v>
      </c>
      <c r="C85" s="16">
        <v>16</v>
      </c>
      <c r="D85" s="17">
        <v>25</v>
      </c>
    </row>
    <row r="86" spans="1:4" ht="18" customHeight="1" x14ac:dyDescent="0.2">
      <c r="A86" s="14">
        <v>66</v>
      </c>
      <c r="B86" s="15">
        <v>12</v>
      </c>
      <c r="C86" s="16">
        <v>12</v>
      </c>
      <c r="D86" s="17">
        <v>24</v>
      </c>
    </row>
    <row r="87" spans="1:4" ht="18" customHeight="1" x14ac:dyDescent="0.2">
      <c r="A87" s="14">
        <v>67</v>
      </c>
      <c r="B87" s="15">
        <v>10</v>
      </c>
      <c r="C87" s="16">
        <v>10</v>
      </c>
      <c r="D87" s="17">
        <v>20</v>
      </c>
    </row>
    <row r="88" spans="1:4" ht="18" customHeight="1" x14ac:dyDescent="0.2">
      <c r="A88" s="14">
        <v>68</v>
      </c>
      <c r="B88" s="15">
        <v>16</v>
      </c>
      <c r="C88" s="16">
        <v>9</v>
      </c>
      <c r="D88" s="17">
        <v>25</v>
      </c>
    </row>
    <row r="89" spans="1:4" ht="18" customHeight="1" x14ac:dyDescent="0.2">
      <c r="A89" s="14">
        <v>69</v>
      </c>
      <c r="B89" s="15">
        <v>18</v>
      </c>
      <c r="C89" s="16">
        <v>15</v>
      </c>
      <c r="D89" s="17">
        <v>33</v>
      </c>
    </row>
    <row r="90" spans="1:4" ht="18" customHeight="1" x14ac:dyDescent="0.2">
      <c r="A90" s="18" t="s">
        <v>63</v>
      </c>
      <c r="B90" s="15">
        <v>65</v>
      </c>
      <c r="C90" s="16">
        <v>62</v>
      </c>
      <c r="D90" s="17">
        <v>127</v>
      </c>
    </row>
    <row r="91" spans="1:4" ht="18" customHeight="1" x14ac:dyDescent="0.2">
      <c r="A91" s="14">
        <v>70</v>
      </c>
      <c r="B91" s="15">
        <v>9</v>
      </c>
      <c r="C91" s="16">
        <v>13</v>
      </c>
      <c r="D91" s="17">
        <v>22</v>
      </c>
    </row>
    <row r="92" spans="1:4" ht="18" customHeight="1" x14ac:dyDescent="0.2">
      <c r="A92" s="14">
        <v>71</v>
      </c>
      <c r="B92" s="15">
        <v>10</v>
      </c>
      <c r="C92" s="16">
        <v>14</v>
      </c>
      <c r="D92" s="17">
        <v>24</v>
      </c>
    </row>
    <row r="93" spans="1:4" ht="18" customHeight="1" x14ac:dyDescent="0.2">
      <c r="A93" s="14">
        <v>72</v>
      </c>
      <c r="B93" s="15">
        <v>12</v>
      </c>
      <c r="C93" s="16">
        <v>6</v>
      </c>
      <c r="D93" s="17">
        <v>18</v>
      </c>
    </row>
    <row r="94" spans="1:4" ht="18" customHeight="1" x14ac:dyDescent="0.2">
      <c r="A94" s="14">
        <v>73</v>
      </c>
      <c r="B94" s="15">
        <v>9</v>
      </c>
      <c r="C94" s="16">
        <v>14</v>
      </c>
      <c r="D94" s="17">
        <v>23</v>
      </c>
    </row>
    <row r="95" spans="1:4" ht="18" customHeight="1" x14ac:dyDescent="0.2">
      <c r="A95" s="14">
        <v>74</v>
      </c>
      <c r="B95" s="15">
        <v>9</v>
      </c>
      <c r="C95" s="16">
        <v>8</v>
      </c>
      <c r="D95" s="17">
        <v>17</v>
      </c>
    </row>
    <row r="96" spans="1:4" ht="18" customHeight="1" x14ac:dyDescent="0.2">
      <c r="A96" s="18" t="s">
        <v>64</v>
      </c>
      <c r="B96" s="15">
        <v>49</v>
      </c>
      <c r="C96" s="16">
        <v>55</v>
      </c>
      <c r="D96" s="17">
        <v>104</v>
      </c>
    </row>
    <row r="97" spans="1:4" ht="18" customHeight="1" x14ac:dyDescent="0.2">
      <c r="A97" s="14">
        <v>75</v>
      </c>
      <c r="B97" s="15">
        <v>5</v>
      </c>
      <c r="C97" s="16">
        <v>13</v>
      </c>
      <c r="D97" s="17">
        <v>18</v>
      </c>
    </row>
    <row r="98" spans="1:4" ht="18" customHeight="1" x14ac:dyDescent="0.2">
      <c r="A98" s="14">
        <v>76</v>
      </c>
      <c r="B98" s="15">
        <v>5</v>
      </c>
      <c r="C98" s="16">
        <v>12</v>
      </c>
      <c r="D98" s="17">
        <v>17</v>
      </c>
    </row>
    <row r="99" spans="1:4" ht="18" customHeight="1" x14ac:dyDescent="0.2">
      <c r="A99" s="14">
        <v>77</v>
      </c>
      <c r="B99" s="15">
        <v>12</v>
      </c>
      <c r="C99" s="16">
        <v>10</v>
      </c>
      <c r="D99" s="17">
        <v>22</v>
      </c>
    </row>
    <row r="100" spans="1:4" ht="18" customHeight="1" x14ac:dyDescent="0.2">
      <c r="A100" s="14">
        <v>78</v>
      </c>
      <c r="B100" s="15">
        <v>3</v>
      </c>
      <c r="C100" s="16">
        <v>10</v>
      </c>
      <c r="D100" s="17">
        <v>13</v>
      </c>
    </row>
    <row r="101" spans="1:4" ht="18" customHeight="1" x14ac:dyDescent="0.2">
      <c r="A101" s="14">
        <v>79</v>
      </c>
      <c r="B101" s="15">
        <v>12</v>
      </c>
      <c r="C101" s="16">
        <v>3</v>
      </c>
      <c r="D101" s="17">
        <v>15</v>
      </c>
    </row>
    <row r="102" spans="1:4" ht="18" customHeight="1" x14ac:dyDescent="0.2">
      <c r="A102" s="18" t="s">
        <v>65</v>
      </c>
      <c r="B102" s="15">
        <v>37</v>
      </c>
      <c r="C102" s="16">
        <v>48</v>
      </c>
      <c r="D102" s="17">
        <v>85</v>
      </c>
    </row>
    <row r="103" spans="1:4" ht="18" customHeight="1" x14ac:dyDescent="0.2">
      <c r="A103" s="14">
        <v>80</v>
      </c>
      <c r="B103" s="15">
        <v>2</v>
      </c>
      <c r="C103" s="16">
        <v>7</v>
      </c>
      <c r="D103" s="17">
        <v>9</v>
      </c>
    </row>
    <row r="104" spans="1:4" ht="18" customHeight="1" x14ac:dyDescent="0.2">
      <c r="A104" s="14">
        <v>81</v>
      </c>
      <c r="B104" s="15">
        <v>5</v>
      </c>
      <c r="C104" s="16">
        <v>7</v>
      </c>
      <c r="D104" s="17">
        <v>12</v>
      </c>
    </row>
    <row r="105" spans="1:4" ht="18" customHeight="1" x14ac:dyDescent="0.2">
      <c r="A105" s="14">
        <v>82</v>
      </c>
      <c r="B105" s="15">
        <v>4</v>
      </c>
      <c r="C105" s="16">
        <v>5</v>
      </c>
      <c r="D105" s="17">
        <v>9</v>
      </c>
    </row>
    <row r="106" spans="1:4" ht="18" customHeight="1" x14ac:dyDescent="0.2">
      <c r="A106" s="14">
        <v>83</v>
      </c>
      <c r="B106" s="15">
        <v>5</v>
      </c>
      <c r="C106" s="16">
        <v>10</v>
      </c>
      <c r="D106" s="17">
        <v>15</v>
      </c>
    </row>
    <row r="107" spans="1:4" ht="18" customHeight="1" x14ac:dyDescent="0.2">
      <c r="A107" s="14">
        <v>84</v>
      </c>
      <c r="B107" s="15">
        <v>6</v>
      </c>
      <c r="C107" s="16">
        <v>10</v>
      </c>
      <c r="D107" s="17">
        <v>16</v>
      </c>
    </row>
    <row r="108" spans="1:4" ht="18" customHeight="1" x14ac:dyDescent="0.2">
      <c r="A108" s="18" t="s">
        <v>66</v>
      </c>
      <c r="B108" s="15">
        <v>22</v>
      </c>
      <c r="C108" s="16">
        <v>39</v>
      </c>
      <c r="D108" s="17">
        <v>61</v>
      </c>
    </row>
    <row r="109" spans="1:4" ht="18" customHeight="1" x14ac:dyDescent="0.2">
      <c r="A109" s="14">
        <v>85</v>
      </c>
      <c r="B109" s="15">
        <v>5</v>
      </c>
      <c r="C109" s="16">
        <v>6</v>
      </c>
      <c r="D109" s="17">
        <v>11</v>
      </c>
    </row>
    <row r="110" spans="1:4" ht="18" customHeight="1" x14ac:dyDescent="0.2">
      <c r="A110" s="14">
        <v>86</v>
      </c>
      <c r="B110" s="15">
        <v>4</v>
      </c>
      <c r="C110" s="16">
        <v>9</v>
      </c>
      <c r="D110" s="17">
        <v>13</v>
      </c>
    </row>
    <row r="111" spans="1:4" ht="18" customHeight="1" x14ac:dyDescent="0.2">
      <c r="A111" s="14">
        <v>87</v>
      </c>
      <c r="B111" s="15">
        <v>2</v>
      </c>
      <c r="C111" s="16">
        <v>9</v>
      </c>
      <c r="D111" s="17">
        <v>11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14</v>
      </c>
      <c r="C114" s="16">
        <v>32</v>
      </c>
      <c r="D114" s="17">
        <v>46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4</v>
      </c>
      <c r="D116" s="17">
        <v>4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4</v>
      </c>
      <c r="C120" s="16">
        <v>22</v>
      </c>
      <c r="D120" s="17">
        <v>26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4</v>
      </c>
      <c r="D126" s="17">
        <v>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91</v>
      </c>
      <c r="C130" s="5">
        <v>264</v>
      </c>
      <c r="D130" s="6">
        <v>455</v>
      </c>
    </row>
    <row r="131" spans="1:4" ht="18" customHeight="1" x14ac:dyDescent="0.2">
      <c r="A131" s="20" t="s">
        <v>47</v>
      </c>
      <c r="B131" s="7">
        <v>868</v>
      </c>
      <c r="C131" s="8">
        <v>888</v>
      </c>
      <c r="D131" s="9">
        <v>17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6</v>
      </c>
      <c r="C5" s="12">
        <v>7</v>
      </c>
      <c r="D5" s="13">
        <v>13</v>
      </c>
    </row>
    <row r="6" spans="1:10" ht="18" customHeight="1" x14ac:dyDescent="0.2">
      <c r="A6" s="14">
        <v>1</v>
      </c>
      <c r="B6" s="15">
        <v>7</v>
      </c>
      <c r="C6" s="16">
        <v>4</v>
      </c>
      <c r="D6" s="17">
        <v>11</v>
      </c>
    </row>
    <row r="7" spans="1:10" ht="18" customHeight="1" x14ac:dyDescent="0.2">
      <c r="A7" s="14">
        <v>2</v>
      </c>
      <c r="B7" s="15">
        <v>7</v>
      </c>
      <c r="C7" s="16">
        <v>9</v>
      </c>
      <c r="D7" s="17">
        <v>16</v>
      </c>
    </row>
    <row r="8" spans="1:10" ht="18" customHeight="1" x14ac:dyDescent="0.2">
      <c r="A8" s="14">
        <v>3</v>
      </c>
      <c r="B8" s="15">
        <v>6</v>
      </c>
      <c r="C8" s="16">
        <v>6</v>
      </c>
      <c r="D8" s="17">
        <v>12</v>
      </c>
    </row>
    <row r="9" spans="1:10" ht="18" customHeight="1" x14ac:dyDescent="0.2">
      <c r="A9" s="14">
        <v>4</v>
      </c>
      <c r="B9" s="15">
        <v>11</v>
      </c>
      <c r="C9" s="16">
        <v>6</v>
      </c>
      <c r="D9" s="17">
        <v>17</v>
      </c>
    </row>
    <row r="10" spans="1:10" ht="18" customHeight="1" x14ac:dyDescent="0.2">
      <c r="A10" s="18" t="s">
        <v>48</v>
      </c>
      <c r="B10" s="15">
        <v>37</v>
      </c>
      <c r="C10" s="16">
        <v>32</v>
      </c>
      <c r="D10" s="17">
        <v>69</v>
      </c>
    </row>
    <row r="11" spans="1:10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10" ht="18" customHeight="1" x14ac:dyDescent="0.2">
      <c r="A12" s="14">
        <v>6</v>
      </c>
      <c r="B12" s="15">
        <v>6</v>
      </c>
      <c r="C12" s="16">
        <v>7</v>
      </c>
      <c r="D12" s="17">
        <v>13</v>
      </c>
    </row>
    <row r="13" spans="1:10" ht="18" customHeight="1" x14ac:dyDescent="0.2">
      <c r="A13" s="14">
        <v>7</v>
      </c>
      <c r="B13" s="15">
        <v>7</v>
      </c>
      <c r="C13" s="16">
        <v>9</v>
      </c>
      <c r="D13" s="17">
        <v>16</v>
      </c>
    </row>
    <row r="14" spans="1:10" ht="18" customHeight="1" x14ac:dyDescent="0.2">
      <c r="A14" s="14">
        <v>8</v>
      </c>
      <c r="B14" s="15">
        <v>5</v>
      </c>
      <c r="C14" s="16">
        <v>13</v>
      </c>
      <c r="D14" s="17">
        <v>18</v>
      </c>
    </row>
    <row r="15" spans="1:10" ht="18" customHeight="1" x14ac:dyDescent="0.2">
      <c r="A15" s="14">
        <v>9</v>
      </c>
      <c r="B15" s="15">
        <v>2</v>
      </c>
      <c r="C15" s="16">
        <v>9</v>
      </c>
      <c r="D15" s="17">
        <v>11</v>
      </c>
    </row>
    <row r="16" spans="1:10" ht="18" customHeight="1" x14ac:dyDescent="0.2">
      <c r="A16" s="18" t="s">
        <v>49</v>
      </c>
      <c r="B16" s="15">
        <v>28</v>
      </c>
      <c r="C16" s="16">
        <v>46</v>
      </c>
      <c r="D16" s="17">
        <v>74</v>
      </c>
    </row>
    <row r="17" spans="1:4" ht="18" customHeight="1" x14ac:dyDescent="0.2">
      <c r="A17" s="14">
        <v>10</v>
      </c>
      <c r="B17" s="15">
        <v>4</v>
      </c>
      <c r="C17" s="16">
        <v>10</v>
      </c>
      <c r="D17" s="17">
        <v>14</v>
      </c>
    </row>
    <row r="18" spans="1:4" ht="18" customHeight="1" x14ac:dyDescent="0.2">
      <c r="A18" s="14">
        <v>11</v>
      </c>
      <c r="B18" s="15">
        <v>3</v>
      </c>
      <c r="C18" s="16">
        <v>4</v>
      </c>
      <c r="D18" s="17">
        <v>7</v>
      </c>
    </row>
    <row r="19" spans="1:4" ht="18" customHeight="1" x14ac:dyDescent="0.2">
      <c r="A19" s="14">
        <v>12</v>
      </c>
      <c r="B19" s="15">
        <v>9</v>
      </c>
      <c r="C19" s="16">
        <v>10</v>
      </c>
      <c r="D19" s="17">
        <v>19</v>
      </c>
    </row>
    <row r="20" spans="1:4" ht="18" customHeight="1" x14ac:dyDescent="0.2">
      <c r="A20" s="14">
        <v>13</v>
      </c>
      <c r="B20" s="15">
        <v>8</v>
      </c>
      <c r="C20" s="16">
        <v>6</v>
      </c>
      <c r="D20" s="17">
        <v>14</v>
      </c>
    </row>
    <row r="21" spans="1:4" ht="18" customHeight="1" x14ac:dyDescent="0.2">
      <c r="A21" s="14">
        <v>14</v>
      </c>
      <c r="B21" s="15">
        <v>9</v>
      </c>
      <c r="C21" s="16">
        <v>3</v>
      </c>
      <c r="D21" s="17">
        <v>12</v>
      </c>
    </row>
    <row r="22" spans="1:4" ht="18" customHeight="1" x14ac:dyDescent="0.2">
      <c r="A22" s="18" t="s">
        <v>50</v>
      </c>
      <c r="B22" s="15">
        <v>33</v>
      </c>
      <c r="C22" s="16">
        <v>33</v>
      </c>
      <c r="D22" s="17">
        <v>66</v>
      </c>
    </row>
    <row r="23" spans="1:4" ht="18" customHeight="1" x14ac:dyDescent="0.2">
      <c r="A23" s="18" t="s">
        <v>51</v>
      </c>
      <c r="B23" s="15">
        <v>98</v>
      </c>
      <c r="C23" s="16">
        <v>111</v>
      </c>
      <c r="D23" s="17">
        <v>209</v>
      </c>
    </row>
    <row r="24" spans="1:4" ht="18" customHeight="1" x14ac:dyDescent="0.2">
      <c r="A24" s="14">
        <v>15</v>
      </c>
      <c r="B24" s="15">
        <v>6</v>
      </c>
      <c r="C24" s="16">
        <v>7</v>
      </c>
      <c r="D24" s="17">
        <v>13</v>
      </c>
    </row>
    <row r="25" spans="1:4" ht="18" customHeight="1" x14ac:dyDescent="0.2">
      <c r="A25" s="14">
        <v>16</v>
      </c>
      <c r="B25" s="15">
        <v>4</v>
      </c>
      <c r="C25" s="16">
        <v>6</v>
      </c>
      <c r="D25" s="17">
        <v>10</v>
      </c>
    </row>
    <row r="26" spans="1:4" ht="18" customHeight="1" x14ac:dyDescent="0.2">
      <c r="A26" s="14">
        <v>17</v>
      </c>
      <c r="B26" s="15">
        <v>5</v>
      </c>
      <c r="C26" s="16">
        <v>7</v>
      </c>
      <c r="D26" s="17">
        <v>12</v>
      </c>
    </row>
    <row r="27" spans="1:4" ht="18" customHeight="1" x14ac:dyDescent="0.2">
      <c r="A27" s="14">
        <v>18</v>
      </c>
      <c r="B27" s="15">
        <v>10</v>
      </c>
      <c r="C27" s="16">
        <v>6</v>
      </c>
      <c r="D27" s="17">
        <v>16</v>
      </c>
    </row>
    <row r="28" spans="1:4" ht="18" customHeight="1" x14ac:dyDescent="0.2">
      <c r="A28" s="14">
        <v>19</v>
      </c>
      <c r="B28" s="15">
        <v>6</v>
      </c>
      <c r="C28" s="16">
        <v>4</v>
      </c>
      <c r="D28" s="17">
        <v>10</v>
      </c>
    </row>
    <row r="29" spans="1:4" ht="18" customHeight="1" x14ac:dyDescent="0.2">
      <c r="A29" s="18" t="s">
        <v>52</v>
      </c>
      <c r="B29" s="15">
        <v>31</v>
      </c>
      <c r="C29" s="16">
        <v>30</v>
      </c>
      <c r="D29" s="17">
        <v>61</v>
      </c>
    </row>
    <row r="30" spans="1:4" ht="18" customHeight="1" x14ac:dyDescent="0.2">
      <c r="A30" s="14">
        <v>20</v>
      </c>
      <c r="B30" s="15">
        <v>4</v>
      </c>
      <c r="C30" s="16">
        <v>3</v>
      </c>
      <c r="D30" s="17">
        <v>7</v>
      </c>
    </row>
    <row r="31" spans="1:4" ht="18" customHeight="1" x14ac:dyDescent="0.2">
      <c r="A31" s="14">
        <v>21</v>
      </c>
      <c r="B31" s="15">
        <v>3</v>
      </c>
      <c r="C31" s="16">
        <v>11</v>
      </c>
      <c r="D31" s="17">
        <v>14</v>
      </c>
    </row>
    <row r="32" spans="1:4" ht="18" customHeight="1" x14ac:dyDescent="0.2">
      <c r="A32" s="14">
        <v>22</v>
      </c>
      <c r="B32" s="15">
        <v>7</v>
      </c>
      <c r="C32" s="16">
        <v>2</v>
      </c>
      <c r="D32" s="17">
        <v>9</v>
      </c>
    </row>
    <row r="33" spans="1:4" ht="18" customHeight="1" x14ac:dyDescent="0.2">
      <c r="A33" s="14">
        <v>23</v>
      </c>
      <c r="B33" s="15">
        <v>6</v>
      </c>
      <c r="C33" s="16">
        <v>10</v>
      </c>
      <c r="D33" s="17">
        <v>16</v>
      </c>
    </row>
    <row r="34" spans="1:4" ht="18" customHeight="1" x14ac:dyDescent="0.2">
      <c r="A34" s="14">
        <v>24</v>
      </c>
      <c r="B34" s="15">
        <v>9</v>
      </c>
      <c r="C34" s="16">
        <v>6</v>
      </c>
      <c r="D34" s="17">
        <v>15</v>
      </c>
    </row>
    <row r="35" spans="1:4" ht="18" customHeight="1" x14ac:dyDescent="0.2">
      <c r="A35" s="18" t="s">
        <v>53</v>
      </c>
      <c r="B35" s="15">
        <v>29</v>
      </c>
      <c r="C35" s="16">
        <v>32</v>
      </c>
      <c r="D35" s="17">
        <v>61</v>
      </c>
    </row>
    <row r="36" spans="1:4" ht="18" customHeight="1" x14ac:dyDescent="0.2">
      <c r="A36" s="14">
        <v>25</v>
      </c>
      <c r="B36" s="15">
        <v>7</v>
      </c>
      <c r="C36" s="16">
        <v>9</v>
      </c>
      <c r="D36" s="17">
        <v>16</v>
      </c>
    </row>
    <row r="37" spans="1:4" ht="18" customHeight="1" x14ac:dyDescent="0.2">
      <c r="A37" s="14">
        <v>26</v>
      </c>
      <c r="B37" s="15">
        <v>8</v>
      </c>
      <c r="C37" s="16">
        <v>8</v>
      </c>
      <c r="D37" s="17">
        <v>16</v>
      </c>
    </row>
    <row r="38" spans="1:4" ht="18" customHeight="1" x14ac:dyDescent="0.2">
      <c r="A38" s="14">
        <v>27</v>
      </c>
      <c r="B38" s="15">
        <v>6</v>
      </c>
      <c r="C38" s="16">
        <v>9</v>
      </c>
      <c r="D38" s="17">
        <v>15</v>
      </c>
    </row>
    <row r="39" spans="1:4" ht="18" customHeight="1" x14ac:dyDescent="0.2">
      <c r="A39" s="14">
        <v>28</v>
      </c>
      <c r="B39" s="15">
        <v>8</v>
      </c>
      <c r="C39" s="16">
        <v>4</v>
      </c>
      <c r="D39" s="17">
        <v>12</v>
      </c>
    </row>
    <row r="40" spans="1:4" ht="18" customHeight="1" x14ac:dyDescent="0.2">
      <c r="A40" s="14">
        <v>29</v>
      </c>
      <c r="B40" s="15">
        <v>8</v>
      </c>
      <c r="C40" s="16">
        <v>10</v>
      </c>
      <c r="D40" s="17">
        <v>18</v>
      </c>
    </row>
    <row r="41" spans="1:4" ht="18" customHeight="1" x14ac:dyDescent="0.2">
      <c r="A41" s="18" t="s">
        <v>54</v>
      </c>
      <c r="B41" s="15">
        <v>37</v>
      </c>
      <c r="C41" s="16">
        <v>40</v>
      </c>
      <c r="D41" s="17">
        <v>77</v>
      </c>
    </row>
    <row r="42" spans="1:4" ht="18" customHeight="1" x14ac:dyDescent="0.2">
      <c r="A42" s="14">
        <v>30</v>
      </c>
      <c r="B42" s="15">
        <v>8</v>
      </c>
      <c r="C42" s="16">
        <v>9</v>
      </c>
      <c r="D42" s="17">
        <v>17</v>
      </c>
    </row>
    <row r="43" spans="1:4" ht="18" customHeight="1" x14ac:dyDescent="0.2">
      <c r="A43" s="14">
        <v>31</v>
      </c>
      <c r="B43" s="15">
        <v>8</v>
      </c>
      <c r="C43" s="16">
        <v>12</v>
      </c>
      <c r="D43" s="17">
        <v>20</v>
      </c>
    </row>
    <row r="44" spans="1:4" ht="18" customHeight="1" x14ac:dyDescent="0.2">
      <c r="A44" s="14">
        <v>32</v>
      </c>
      <c r="B44" s="15">
        <v>13</v>
      </c>
      <c r="C44" s="16">
        <v>8</v>
      </c>
      <c r="D44" s="17">
        <v>21</v>
      </c>
    </row>
    <row r="45" spans="1:4" ht="18" customHeight="1" x14ac:dyDescent="0.2">
      <c r="A45" s="14">
        <v>33</v>
      </c>
      <c r="B45" s="15">
        <v>15</v>
      </c>
      <c r="C45" s="16">
        <v>7</v>
      </c>
      <c r="D45" s="17">
        <v>22</v>
      </c>
    </row>
    <row r="46" spans="1:4" ht="18" customHeight="1" x14ac:dyDescent="0.2">
      <c r="A46" s="14">
        <v>34</v>
      </c>
      <c r="B46" s="15">
        <v>11</v>
      </c>
      <c r="C46" s="16">
        <v>15</v>
      </c>
      <c r="D46" s="17">
        <v>26</v>
      </c>
    </row>
    <row r="47" spans="1:4" ht="18" customHeight="1" x14ac:dyDescent="0.2">
      <c r="A47" s="18" t="s">
        <v>55</v>
      </c>
      <c r="B47" s="15">
        <v>55</v>
      </c>
      <c r="C47" s="16">
        <v>51</v>
      </c>
      <c r="D47" s="17">
        <v>106</v>
      </c>
    </row>
    <row r="48" spans="1:4" ht="18" customHeight="1" x14ac:dyDescent="0.2">
      <c r="A48" s="14">
        <v>35</v>
      </c>
      <c r="B48" s="15">
        <v>7</v>
      </c>
      <c r="C48" s="16">
        <v>9</v>
      </c>
      <c r="D48" s="17">
        <v>16</v>
      </c>
    </row>
    <row r="49" spans="1:4" ht="18" customHeight="1" x14ac:dyDescent="0.2">
      <c r="A49" s="14">
        <v>36</v>
      </c>
      <c r="B49" s="15">
        <v>9</v>
      </c>
      <c r="C49" s="16">
        <v>11</v>
      </c>
      <c r="D49" s="17">
        <v>20</v>
      </c>
    </row>
    <row r="50" spans="1:4" ht="18" customHeight="1" x14ac:dyDescent="0.2">
      <c r="A50" s="14">
        <v>37</v>
      </c>
      <c r="B50" s="15">
        <v>10</v>
      </c>
      <c r="C50" s="16">
        <v>5</v>
      </c>
      <c r="D50" s="17">
        <v>15</v>
      </c>
    </row>
    <row r="51" spans="1:4" ht="18" customHeight="1" x14ac:dyDescent="0.2">
      <c r="A51" s="14">
        <v>38</v>
      </c>
      <c r="B51" s="15">
        <v>14</v>
      </c>
      <c r="C51" s="16">
        <v>11</v>
      </c>
      <c r="D51" s="17">
        <v>25</v>
      </c>
    </row>
    <row r="52" spans="1:4" ht="18" customHeight="1" x14ac:dyDescent="0.2">
      <c r="A52" s="14">
        <v>39</v>
      </c>
      <c r="B52" s="15">
        <v>16</v>
      </c>
      <c r="C52" s="16">
        <v>14</v>
      </c>
      <c r="D52" s="17">
        <v>30</v>
      </c>
    </row>
    <row r="53" spans="1:4" ht="18" customHeight="1" x14ac:dyDescent="0.2">
      <c r="A53" s="18" t="s">
        <v>56</v>
      </c>
      <c r="B53" s="15">
        <v>56</v>
      </c>
      <c r="C53" s="16">
        <v>50</v>
      </c>
      <c r="D53" s="17">
        <v>106</v>
      </c>
    </row>
    <row r="54" spans="1:4" ht="18" customHeight="1" x14ac:dyDescent="0.2">
      <c r="A54" s="14">
        <v>40</v>
      </c>
      <c r="B54" s="15">
        <v>17</v>
      </c>
      <c r="C54" s="16">
        <v>23</v>
      </c>
      <c r="D54" s="17">
        <v>40</v>
      </c>
    </row>
    <row r="55" spans="1:4" ht="18" customHeight="1" x14ac:dyDescent="0.2">
      <c r="A55" s="14">
        <v>41</v>
      </c>
      <c r="B55" s="15">
        <v>15</v>
      </c>
      <c r="C55" s="16">
        <v>16</v>
      </c>
      <c r="D55" s="17">
        <v>31</v>
      </c>
    </row>
    <row r="56" spans="1:4" ht="18" customHeight="1" x14ac:dyDescent="0.2">
      <c r="A56" s="14">
        <v>42</v>
      </c>
      <c r="B56" s="15">
        <v>23</v>
      </c>
      <c r="C56" s="16">
        <v>23</v>
      </c>
      <c r="D56" s="17">
        <v>46</v>
      </c>
    </row>
    <row r="57" spans="1:4" ht="18" customHeight="1" x14ac:dyDescent="0.2">
      <c r="A57" s="14">
        <v>43</v>
      </c>
      <c r="B57" s="15">
        <v>22</v>
      </c>
      <c r="C57" s="16">
        <v>29</v>
      </c>
      <c r="D57" s="17">
        <v>51</v>
      </c>
    </row>
    <row r="58" spans="1:4" ht="18" customHeight="1" x14ac:dyDescent="0.2">
      <c r="A58" s="14">
        <v>44</v>
      </c>
      <c r="B58" s="15">
        <v>15</v>
      </c>
      <c r="C58" s="16">
        <v>18</v>
      </c>
      <c r="D58" s="17">
        <v>33</v>
      </c>
    </row>
    <row r="59" spans="1:4" ht="18" customHeight="1" x14ac:dyDescent="0.2">
      <c r="A59" s="18" t="s">
        <v>57</v>
      </c>
      <c r="B59" s="15">
        <v>92</v>
      </c>
      <c r="C59" s="16">
        <v>109</v>
      </c>
      <c r="D59" s="17">
        <v>201</v>
      </c>
    </row>
    <row r="60" spans="1:4" ht="18" customHeight="1" x14ac:dyDescent="0.2">
      <c r="A60" s="14">
        <v>45</v>
      </c>
      <c r="B60" s="15">
        <v>15</v>
      </c>
      <c r="C60" s="16">
        <v>19</v>
      </c>
      <c r="D60" s="17">
        <v>34</v>
      </c>
    </row>
    <row r="61" spans="1:4" ht="18" customHeight="1" x14ac:dyDescent="0.2">
      <c r="A61" s="14">
        <v>46</v>
      </c>
      <c r="B61" s="15">
        <v>18</v>
      </c>
      <c r="C61" s="16">
        <v>20</v>
      </c>
      <c r="D61" s="17">
        <v>38</v>
      </c>
    </row>
    <row r="62" spans="1:4" ht="18" customHeight="1" x14ac:dyDescent="0.2">
      <c r="A62" s="14">
        <v>47</v>
      </c>
      <c r="B62" s="15">
        <v>14</v>
      </c>
      <c r="C62" s="16">
        <v>14</v>
      </c>
      <c r="D62" s="17">
        <v>28</v>
      </c>
    </row>
    <row r="63" spans="1:4" ht="18" customHeight="1" x14ac:dyDescent="0.2">
      <c r="A63" s="14">
        <v>48</v>
      </c>
      <c r="B63" s="15">
        <v>17</v>
      </c>
      <c r="C63" s="16">
        <v>13</v>
      </c>
      <c r="D63" s="17">
        <v>30</v>
      </c>
    </row>
    <row r="64" spans="1:4" ht="18" customHeight="1" x14ac:dyDescent="0.2">
      <c r="A64" s="14">
        <v>49</v>
      </c>
      <c r="B64" s="15">
        <v>15</v>
      </c>
      <c r="C64" s="16">
        <v>14</v>
      </c>
      <c r="D64" s="17">
        <v>29</v>
      </c>
    </row>
    <row r="65" spans="1:4" ht="18" customHeight="1" x14ac:dyDescent="0.2">
      <c r="A65" s="18" t="s">
        <v>58</v>
      </c>
      <c r="B65" s="15">
        <v>79</v>
      </c>
      <c r="C65" s="16">
        <v>80</v>
      </c>
      <c r="D65" s="17">
        <v>159</v>
      </c>
    </row>
    <row r="66" spans="1:4" ht="18" customHeight="1" x14ac:dyDescent="0.2">
      <c r="A66" s="14">
        <v>50</v>
      </c>
      <c r="B66" s="15">
        <v>16</v>
      </c>
      <c r="C66" s="16">
        <v>13</v>
      </c>
      <c r="D66" s="17">
        <v>29</v>
      </c>
    </row>
    <row r="67" spans="1:4" ht="18" customHeight="1" x14ac:dyDescent="0.2">
      <c r="A67" s="14">
        <v>51</v>
      </c>
      <c r="B67" s="15">
        <v>12</v>
      </c>
      <c r="C67" s="16">
        <v>13</v>
      </c>
      <c r="D67" s="17">
        <v>25</v>
      </c>
    </row>
    <row r="68" spans="1:4" ht="18" customHeight="1" x14ac:dyDescent="0.2">
      <c r="A68" s="14">
        <v>52</v>
      </c>
      <c r="B68" s="15">
        <v>12</v>
      </c>
      <c r="C68" s="16">
        <v>12</v>
      </c>
      <c r="D68" s="17">
        <v>24</v>
      </c>
    </row>
    <row r="69" spans="1:4" ht="18" customHeight="1" x14ac:dyDescent="0.2">
      <c r="A69" s="14">
        <v>53</v>
      </c>
      <c r="B69" s="15">
        <v>10</v>
      </c>
      <c r="C69" s="16">
        <v>11</v>
      </c>
      <c r="D69" s="17">
        <v>21</v>
      </c>
    </row>
    <row r="70" spans="1:4" ht="18" customHeight="1" x14ac:dyDescent="0.2">
      <c r="A70" s="14">
        <v>54</v>
      </c>
      <c r="B70" s="15">
        <v>7</v>
      </c>
      <c r="C70" s="16">
        <v>12</v>
      </c>
      <c r="D70" s="17">
        <v>19</v>
      </c>
    </row>
    <row r="71" spans="1:4" ht="18" customHeight="1" x14ac:dyDescent="0.2">
      <c r="A71" s="18" t="s">
        <v>59</v>
      </c>
      <c r="B71" s="15">
        <v>57</v>
      </c>
      <c r="C71" s="16">
        <v>61</v>
      </c>
      <c r="D71" s="17">
        <v>118</v>
      </c>
    </row>
    <row r="72" spans="1:4" ht="18" customHeight="1" x14ac:dyDescent="0.2">
      <c r="A72" s="14">
        <v>55</v>
      </c>
      <c r="B72" s="15">
        <v>13</v>
      </c>
      <c r="C72" s="16">
        <v>14</v>
      </c>
      <c r="D72" s="17">
        <v>27</v>
      </c>
    </row>
    <row r="73" spans="1:4" ht="18" customHeight="1" x14ac:dyDescent="0.2">
      <c r="A73" s="14">
        <v>56</v>
      </c>
      <c r="B73" s="15">
        <v>12</v>
      </c>
      <c r="C73" s="16">
        <v>8</v>
      </c>
      <c r="D73" s="17">
        <v>20</v>
      </c>
    </row>
    <row r="74" spans="1:4" ht="18" customHeight="1" x14ac:dyDescent="0.2">
      <c r="A74" s="14">
        <v>57</v>
      </c>
      <c r="B74" s="15">
        <v>7</v>
      </c>
      <c r="C74" s="16">
        <v>12</v>
      </c>
      <c r="D74" s="17">
        <v>19</v>
      </c>
    </row>
    <row r="75" spans="1:4" ht="18" customHeight="1" x14ac:dyDescent="0.2">
      <c r="A75" s="14">
        <v>58</v>
      </c>
      <c r="B75" s="15">
        <v>5</v>
      </c>
      <c r="C75" s="16">
        <v>9</v>
      </c>
      <c r="D75" s="17">
        <v>14</v>
      </c>
    </row>
    <row r="76" spans="1:4" ht="18" customHeight="1" x14ac:dyDescent="0.2">
      <c r="A76" s="14">
        <v>59</v>
      </c>
      <c r="B76" s="15">
        <v>13</v>
      </c>
      <c r="C76" s="16">
        <v>14</v>
      </c>
      <c r="D76" s="17">
        <v>27</v>
      </c>
    </row>
    <row r="77" spans="1:4" ht="18" customHeight="1" x14ac:dyDescent="0.2">
      <c r="A77" s="18" t="s">
        <v>60</v>
      </c>
      <c r="B77" s="15">
        <v>50</v>
      </c>
      <c r="C77" s="16">
        <v>57</v>
      </c>
      <c r="D77" s="17">
        <v>107</v>
      </c>
    </row>
    <row r="78" spans="1:4" ht="18" customHeight="1" x14ac:dyDescent="0.2">
      <c r="A78" s="14">
        <v>60</v>
      </c>
      <c r="B78" s="15">
        <v>8</v>
      </c>
      <c r="C78" s="16">
        <v>13</v>
      </c>
      <c r="D78" s="17">
        <v>21</v>
      </c>
    </row>
    <row r="79" spans="1:4" ht="18" customHeight="1" x14ac:dyDescent="0.2">
      <c r="A79" s="14">
        <v>61</v>
      </c>
      <c r="B79" s="15">
        <v>7</v>
      </c>
      <c r="C79" s="16">
        <v>11</v>
      </c>
      <c r="D79" s="17">
        <v>18</v>
      </c>
    </row>
    <row r="80" spans="1:4" ht="18" customHeight="1" x14ac:dyDescent="0.2">
      <c r="A80" s="14">
        <v>62</v>
      </c>
      <c r="B80" s="15">
        <v>12</v>
      </c>
      <c r="C80" s="16">
        <v>9</v>
      </c>
      <c r="D80" s="17">
        <v>21</v>
      </c>
    </row>
    <row r="81" spans="1:4" ht="18" customHeight="1" x14ac:dyDescent="0.2">
      <c r="A81" s="14">
        <v>63</v>
      </c>
      <c r="B81" s="15">
        <v>9</v>
      </c>
      <c r="C81" s="16">
        <v>12</v>
      </c>
      <c r="D81" s="17">
        <v>21</v>
      </c>
    </row>
    <row r="82" spans="1:4" ht="18" customHeight="1" x14ac:dyDescent="0.2">
      <c r="A82" s="14">
        <v>64</v>
      </c>
      <c r="B82" s="15">
        <v>2</v>
      </c>
      <c r="C82" s="16">
        <v>11</v>
      </c>
      <c r="D82" s="17">
        <v>13</v>
      </c>
    </row>
    <row r="83" spans="1:4" ht="18" customHeight="1" x14ac:dyDescent="0.2">
      <c r="A83" s="18" t="s">
        <v>61</v>
      </c>
      <c r="B83" s="15">
        <v>38</v>
      </c>
      <c r="C83" s="16">
        <v>56</v>
      </c>
      <c r="D83" s="17">
        <v>94</v>
      </c>
    </row>
    <row r="84" spans="1:4" ht="18" customHeight="1" x14ac:dyDescent="0.2">
      <c r="A84" s="18" t="s">
        <v>62</v>
      </c>
      <c r="B84" s="15">
        <v>524</v>
      </c>
      <c r="C84" s="16">
        <v>566</v>
      </c>
      <c r="D84" s="17">
        <v>1090</v>
      </c>
    </row>
    <row r="85" spans="1:4" ht="18" customHeight="1" x14ac:dyDescent="0.2">
      <c r="A85" s="14">
        <v>65</v>
      </c>
      <c r="B85" s="15">
        <v>7</v>
      </c>
      <c r="C85" s="16">
        <v>16</v>
      </c>
      <c r="D85" s="17">
        <v>23</v>
      </c>
    </row>
    <row r="86" spans="1:4" ht="18" customHeight="1" x14ac:dyDescent="0.2">
      <c r="A86" s="14">
        <v>66</v>
      </c>
      <c r="B86" s="15">
        <v>9</v>
      </c>
      <c r="C86" s="16">
        <v>16</v>
      </c>
      <c r="D86" s="17">
        <v>25</v>
      </c>
    </row>
    <row r="87" spans="1:4" ht="18" customHeight="1" x14ac:dyDescent="0.2">
      <c r="A87" s="14">
        <v>67</v>
      </c>
      <c r="B87" s="15">
        <v>9</v>
      </c>
      <c r="C87" s="16">
        <v>11</v>
      </c>
      <c r="D87" s="17">
        <v>20</v>
      </c>
    </row>
    <row r="88" spans="1:4" ht="18" customHeight="1" x14ac:dyDescent="0.2">
      <c r="A88" s="14">
        <v>68</v>
      </c>
      <c r="B88" s="15">
        <v>18</v>
      </c>
      <c r="C88" s="16">
        <v>9</v>
      </c>
      <c r="D88" s="17">
        <v>27</v>
      </c>
    </row>
    <row r="89" spans="1:4" ht="18" customHeight="1" x14ac:dyDescent="0.2">
      <c r="A89" s="14">
        <v>69</v>
      </c>
      <c r="B89" s="15">
        <v>16</v>
      </c>
      <c r="C89" s="16">
        <v>24</v>
      </c>
      <c r="D89" s="17">
        <v>40</v>
      </c>
    </row>
    <row r="90" spans="1:4" ht="18" customHeight="1" x14ac:dyDescent="0.2">
      <c r="A90" s="18" t="s">
        <v>63</v>
      </c>
      <c r="B90" s="15">
        <v>59</v>
      </c>
      <c r="C90" s="16">
        <v>76</v>
      </c>
      <c r="D90" s="17">
        <v>135</v>
      </c>
    </row>
    <row r="91" spans="1:4" ht="18" customHeight="1" x14ac:dyDescent="0.2">
      <c r="A91" s="14">
        <v>70</v>
      </c>
      <c r="B91" s="15">
        <v>14</v>
      </c>
      <c r="C91" s="16">
        <v>15</v>
      </c>
      <c r="D91" s="17">
        <v>29</v>
      </c>
    </row>
    <row r="92" spans="1:4" ht="18" customHeight="1" x14ac:dyDescent="0.2">
      <c r="A92" s="14">
        <v>71</v>
      </c>
      <c r="B92" s="15">
        <v>15</v>
      </c>
      <c r="C92" s="16">
        <v>21</v>
      </c>
      <c r="D92" s="17">
        <v>36</v>
      </c>
    </row>
    <row r="93" spans="1:4" ht="18" customHeight="1" x14ac:dyDescent="0.2">
      <c r="A93" s="14">
        <v>72</v>
      </c>
      <c r="B93" s="15">
        <v>12</v>
      </c>
      <c r="C93" s="16">
        <v>7</v>
      </c>
      <c r="D93" s="17">
        <v>19</v>
      </c>
    </row>
    <row r="94" spans="1:4" ht="18" customHeight="1" x14ac:dyDescent="0.2">
      <c r="A94" s="14">
        <v>73</v>
      </c>
      <c r="B94" s="15">
        <v>7</v>
      </c>
      <c r="C94" s="16">
        <v>17</v>
      </c>
      <c r="D94" s="17">
        <v>24</v>
      </c>
    </row>
    <row r="95" spans="1:4" ht="18" customHeight="1" x14ac:dyDescent="0.2">
      <c r="A95" s="14">
        <v>74</v>
      </c>
      <c r="B95" s="15">
        <v>11</v>
      </c>
      <c r="C95" s="16">
        <v>14</v>
      </c>
      <c r="D95" s="17">
        <v>25</v>
      </c>
    </row>
    <row r="96" spans="1:4" ht="18" customHeight="1" x14ac:dyDescent="0.2">
      <c r="A96" s="18" t="s">
        <v>64</v>
      </c>
      <c r="B96" s="15">
        <v>59</v>
      </c>
      <c r="C96" s="16">
        <v>74</v>
      </c>
      <c r="D96" s="17">
        <v>133</v>
      </c>
    </row>
    <row r="97" spans="1:4" ht="18" customHeight="1" x14ac:dyDescent="0.2">
      <c r="A97" s="14">
        <v>75</v>
      </c>
      <c r="B97" s="15">
        <v>9</v>
      </c>
      <c r="C97" s="16">
        <v>13</v>
      </c>
      <c r="D97" s="17">
        <v>22</v>
      </c>
    </row>
    <row r="98" spans="1:4" ht="18" customHeight="1" x14ac:dyDescent="0.2">
      <c r="A98" s="14">
        <v>76</v>
      </c>
      <c r="B98" s="15">
        <v>13</v>
      </c>
      <c r="C98" s="16">
        <v>18</v>
      </c>
      <c r="D98" s="17">
        <v>31</v>
      </c>
    </row>
    <row r="99" spans="1:4" ht="18" customHeight="1" x14ac:dyDescent="0.2">
      <c r="A99" s="14">
        <v>77</v>
      </c>
      <c r="B99" s="15">
        <v>8</v>
      </c>
      <c r="C99" s="16">
        <v>26</v>
      </c>
      <c r="D99" s="17">
        <v>34</v>
      </c>
    </row>
    <row r="100" spans="1:4" ht="18" customHeight="1" x14ac:dyDescent="0.2">
      <c r="A100" s="14">
        <v>78</v>
      </c>
      <c r="B100" s="15">
        <v>12</v>
      </c>
      <c r="C100" s="16">
        <v>16</v>
      </c>
      <c r="D100" s="17">
        <v>28</v>
      </c>
    </row>
    <row r="101" spans="1:4" ht="18" customHeight="1" x14ac:dyDescent="0.2">
      <c r="A101" s="14">
        <v>79</v>
      </c>
      <c r="B101" s="15">
        <v>12</v>
      </c>
      <c r="C101" s="16">
        <v>9</v>
      </c>
      <c r="D101" s="17">
        <v>21</v>
      </c>
    </row>
    <row r="102" spans="1:4" ht="18" customHeight="1" x14ac:dyDescent="0.2">
      <c r="A102" s="18" t="s">
        <v>65</v>
      </c>
      <c r="B102" s="15">
        <v>54</v>
      </c>
      <c r="C102" s="16">
        <v>82</v>
      </c>
      <c r="D102" s="17">
        <v>136</v>
      </c>
    </row>
    <row r="103" spans="1:4" ht="18" customHeight="1" x14ac:dyDescent="0.2">
      <c r="A103" s="14">
        <v>80</v>
      </c>
      <c r="B103" s="15">
        <v>12</v>
      </c>
      <c r="C103" s="16">
        <v>5</v>
      </c>
      <c r="D103" s="17">
        <v>17</v>
      </c>
    </row>
    <row r="104" spans="1:4" ht="18" customHeight="1" x14ac:dyDescent="0.2">
      <c r="A104" s="14">
        <v>81</v>
      </c>
      <c r="B104" s="15">
        <v>13</v>
      </c>
      <c r="C104" s="16">
        <v>12</v>
      </c>
      <c r="D104" s="17">
        <v>25</v>
      </c>
    </row>
    <row r="105" spans="1:4" ht="18" customHeight="1" x14ac:dyDescent="0.2">
      <c r="A105" s="14">
        <v>82</v>
      </c>
      <c r="B105" s="15">
        <v>6</v>
      </c>
      <c r="C105" s="16">
        <v>13</v>
      </c>
      <c r="D105" s="17">
        <v>19</v>
      </c>
    </row>
    <row r="106" spans="1:4" ht="18" customHeight="1" x14ac:dyDescent="0.2">
      <c r="A106" s="14">
        <v>83</v>
      </c>
      <c r="B106" s="15">
        <v>6</v>
      </c>
      <c r="C106" s="16">
        <v>9</v>
      </c>
      <c r="D106" s="17">
        <v>15</v>
      </c>
    </row>
    <row r="107" spans="1:4" ht="18" customHeight="1" x14ac:dyDescent="0.2">
      <c r="A107" s="14">
        <v>84</v>
      </c>
      <c r="B107" s="15">
        <v>10</v>
      </c>
      <c r="C107" s="16">
        <v>10</v>
      </c>
      <c r="D107" s="17">
        <v>20</v>
      </c>
    </row>
    <row r="108" spans="1:4" ht="18" customHeight="1" x14ac:dyDescent="0.2">
      <c r="A108" s="18" t="s">
        <v>66</v>
      </c>
      <c r="B108" s="15">
        <v>47</v>
      </c>
      <c r="C108" s="16">
        <v>49</v>
      </c>
      <c r="D108" s="17">
        <v>96</v>
      </c>
    </row>
    <row r="109" spans="1:4" ht="18" customHeight="1" x14ac:dyDescent="0.2">
      <c r="A109" s="14">
        <v>85</v>
      </c>
      <c r="B109" s="15">
        <v>4</v>
      </c>
      <c r="C109" s="16">
        <v>9</v>
      </c>
      <c r="D109" s="17">
        <v>13</v>
      </c>
    </row>
    <row r="110" spans="1:4" ht="18" customHeight="1" x14ac:dyDescent="0.2">
      <c r="A110" s="14">
        <v>86</v>
      </c>
      <c r="B110" s="15">
        <v>6</v>
      </c>
      <c r="C110" s="16">
        <v>11</v>
      </c>
      <c r="D110" s="17">
        <v>17</v>
      </c>
    </row>
    <row r="111" spans="1:4" ht="18" customHeight="1" x14ac:dyDescent="0.2">
      <c r="A111" s="14">
        <v>87</v>
      </c>
      <c r="B111" s="15">
        <v>4</v>
      </c>
      <c r="C111" s="16">
        <v>7</v>
      </c>
      <c r="D111" s="17">
        <v>11</v>
      </c>
    </row>
    <row r="112" spans="1:4" ht="18" customHeight="1" x14ac:dyDescent="0.2">
      <c r="A112" s="14">
        <v>88</v>
      </c>
      <c r="B112" s="15">
        <v>5</v>
      </c>
      <c r="C112" s="16">
        <v>6</v>
      </c>
      <c r="D112" s="17">
        <v>11</v>
      </c>
    </row>
    <row r="113" spans="1:4" ht="18" customHeight="1" x14ac:dyDescent="0.2">
      <c r="A113" s="14">
        <v>89</v>
      </c>
      <c r="B113" s="15">
        <v>5</v>
      </c>
      <c r="C113" s="16">
        <v>10</v>
      </c>
      <c r="D113" s="17">
        <v>15</v>
      </c>
    </row>
    <row r="114" spans="1:4" ht="18" customHeight="1" x14ac:dyDescent="0.2">
      <c r="A114" s="18" t="s">
        <v>67</v>
      </c>
      <c r="B114" s="15">
        <v>24</v>
      </c>
      <c r="C114" s="16">
        <v>43</v>
      </c>
      <c r="D114" s="17">
        <v>67</v>
      </c>
    </row>
    <row r="115" spans="1:4" ht="18" customHeight="1" x14ac:dyDescent="0.2">
      <c r="A115" s="14">
        <v>90</v>
      </c>
      <c r="B115" s="15">
        <v>3</v>
      </c>
      <c r="C115" s="16">
        <v>11</v>
      </c>
      <c r="D115" s="17">
        <v>14</v>
      </c>
    </row>
    <row r="116" spans="1:4" ht="18" customHeight="1" x14ac:dyDescent="0.2">
      <c r="A116" s="14">
        <v>91</v>
      </c>
      <c r="B116" s="15">
        <v>0</v>
      </c>
      <c r="C116" s="16">
        <v>9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8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7</v>
      </c>
      <c r="C120" s="16">
        <v>33</v>
      </c>
      <c r="D120" s="17">
        <v>40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5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52</v>
      </c>
      <c r="C130" s="5">
        <v>362</v>
      </c>
      <c r="D130" s="6">
        <v>614</v>
      </c>
    </row>
    <row r="131" spans="1:4" ht="18" customHeight="1" x14ac:dyDescent="0.2">
      <c r="A131" s="20" t="s">
        <v>47</v>
      </c>
      <c r="B131" s="7">
        <v>874</v>
      </c>
      <c r="C131" s="8">
        <v>1039</v>
      </c>
      <c r="D131" s="9">
        <v>19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3</v>
      </c>
      <c r="C5" s="12">
        <v>38</v>
      </c>
      <c r="D5" s="13">
        <v>91</v>
      </c>
    </row>
    <row r="6" spans="1:10" ht="18" customHeight="1" x14ac:dyDescent="0.2">
      <c r="A6" s="14">
        <v>1</v>
      </c>
      <c r="B6" s="15">
        <v>42</v>
      </c>
      <c r="C6" s="16">
        <v>35</v>
      </c>
      <c r="D6" s="17">
        <v>77</v>
      </c>
    </row>
    <row r="7" spans="1:10" ht="18" customHeight="1" x14ac:dyDescent="0.2">
      <c r="A7" s="14">
        <v>2</v>
      </c>
      <c r="B7" s="15">
        <v>37</v>
      </c>
      <c r="C7" s="16">
        <v>41</v>
      </c>
      <c r="D7" s="17">
        <v>78</v>
      </c>
    </row>
    <row r="8" spans="1:10" ht="18" customHeight="1" x14ac:dyDescent="0.2">
      <c r="A8" s="14">
        <v>3</v>
      </c>
      <c r="B8" s="15">
        <v>51</v>
      </c>
      <c r="C8" s="16">
        <v>42</v>
      </c>
      <c r="D8" s="17">
        <v>93</v>
      </c>
    </row>
    <row r="9" spans="1:10" ht="18" customHeight="1" x14ac:dyDescent="0.2">
      <c r="A9" s="14">
        <v>4</v>
      </c>
      <c r="B9" s="15">
        <v>38</v>
      </c>
      <c r="C9" s="16">
        <v>30</v>
      </c>
      <c r="D9" s="17">
        <v>68</v>
      </c>
    </row>
    <row r="10" spans="1:10" ht="18" customHeight="1" x14ac:dyDescent="0.2">
      <c r="A10" s="18" t="s">
        <v>48</v>
      </c>
      <c r="B10" s="15">
        <v>221</v>
      </c>
      <c r="C10" s="16">
        <v>186</v>
      </c>
      <c r="D10" s="17">
        <v>407</v>
      </c>
    </row>
    <row r="11" spans="1:10" ht="18" customHeight="1" x14ac:dyDescent="0.2">
      <c r="A11" s="14">
        <v>5</v>
      </c>
      <c r="B11" s="15">
        <v>40</v>
      </c>
      <c r="C11" s="16">
        <v>39</v>
      </c>
      <c r="D11" s="17">
        <v>79</v>
      </c>
    </row>
    <row r="12" spans="1:10" ht="18" customHeight="1" x14ac:dyDescent="0.2">
      <c r="A12" s="14">
        <v>6</v>
      </c>
      <c r="B12" s="15">
        <v>50</v>
      </c>
      <c r="C12" s="16">
        <v>36</v>
      </c>
      <c r="D12" s="17">
        <v>86</v>
      </c>
    </row>
    <row r="13" spans="1:10" ht="18" customHeight="1" x14ac:dyDescent="0.2">
      <c r="A13" s="14">
        <v>7</v>
      </c>
      <c r="B13" s="15">
        <v>50</v>
      </c>
      <c r="C13" s="16">
        <v>42</v>
      </c>
      <c r="D13" s="17">
        <v>92</v>
      </c>
    </row>
    <row r="14" spans="1:10" ht="18" customHeight="1" x14ac:dyDescent="0.2">
      <c r="A14" s="14">
        <v>8</v>
      </c>
      <c r="B14" s="15">
        <v>55</v>
      </c>
      <c r="C14" s="16">
        <v>43</v>
      </c>
      <c r="D14" s="17">
        <v>98</v>
      </c>
    </row>
    <row r="15" spans="1:10" ht="18" customHeight="1" x14ac:dyDescent="0.2">
      <c r="A15" s="14">
        <v>9</v>
      </c>
      <c r="B15" s="15">
        <v>50</v>
      </c>
      <c r="C15" s="16">
        <v>38</v>
      </c>
      <c r="D15" s="17">
        <v>88</v>
      </c>
    </row>
    <row r="16" spans="1:10" ht="18" customHeight="1" x14ac:dyDescent="0.2">
      <c r="A16" s="18" t="s">
        <v>49</v>
      </c>
      <c r="B16" s="15">
        <v>245</v>
      </c>
      <c r="C16" s="16">
        <v>198</v>
      </c>
      <c r="D16" s="17">
        <v>443</v>
      </c>
    </row>
    <row r="17" spans="1:4" ht="18" customHeight="1" x14ac:dyDescent="0.2">
      <c r="A17" s="14">
        <v>10</v>
      </c>
      <c r="B17" s="15">
        <v>44</v>
      </c>
      <c r="C17" s="16">
        <v>42</v>
      </c>
      <c r="D17" s="17">
        <v>86</v>
      </c>
    </row>
    <row r="18" spans="1:4" ht="18" customHeight="1" x14ac:dyDescent="0.2">
      <c r="A18" s="14">
        <v>11</v>
      </c>
      <c r="B18" s="15">
        <v>47</v>
      </c>
      <c r="C18" s="16">
        <v>38</v>
      </c>
      <c r="D18" s="17">
        <v>85</v>
      </c>
    </row>
    <row r="19" spans="1:4" ht="18" customHeight="1" x14ac:dyDescent="0.2">
      <c r="A19" s="14">
        <v>12</v>
      </c>
      <c r="B19" s="15">
        <v>55</v>
      </c>
      <c r="C19" s="16">
        <v>52</v>
      </c>
      <c r="D19" s="17">
        <v>107</v>
      </c>
    </row>
    <row r="20" spans="1:4" ht="18" customHeight="1" x14ac:dyDescent="0.2">
      <c r="A20" s="14">
        <v>13</v>
      </c>
      <c r="B20" s="15">
        <v>47</v>
      </c>
      <c r="C20" s="16">
        <v>40</v>
      </c>
      <c r="D20" s="17">
        <v>87</v>
      </c>
    </row>
    <row r="21" spans="1:4" ht="18" customHeight="1" x14ac:dyDescent="0.2">
      <c r="A21" s="14">
        <v>14</v>
      </c>
      <c r="B21" s="15">
        <v>55</v>
      </c>
      <c r="C21" s="16">
        <v>52</v>
      </c>
      <c r="D21" s="17">
        <v>107</v>
      </c>
    </row>
    <row r="22" spans="1:4" ht="18" customHeight="1" x14ac:dyDescent="0.2">
      <c r="A22" s="18" t="s">
        <v>50</v>
      </c>
      <c r="B22" s="15">
        <v>248</v>
      </c>
      <c r="C22" s="16">
        <v>224</v>
      </c>
      <c r="D22" s="17">
        <v>472</v>
      </c>
    </row>
    <row r="23" spans="1:4" ht="18" customHeight="1" x14ac:dyDescent="0.2">
      <c r="A23" s="18" t="s">
        <v>51</v>
      </c>
      <c r="B23" s="15">
        <v>714</v>
      </c>
      <c r="C23" s="16">
        <v>608</v>
      </c>
      <c r="D23" s="17">
        <v>1322</v>
      </c>
    </row>
    <row r="24" spans="1:4" ht="18" customHeight="1" x14ac:dyDescent="0.2">
      <c r="A24" s="14">
        <v>15</v>
      </c>
      <c r="B24" s="15">
        <v>50</v>
      </c>
      <c r="C24" s="16">
        <v>50</v>
      </c>
      <c r="D24" s="17">
        <v>100</v>
      </c>
    </row>
    <row r="25" spans="1:4" ht="18" customHeight="1" x14ac:dyDescent="0.2">
      <c r="A25" s="14">
        <v>16</v>
      </c>
      <c r="B25" s="15">
        <v>44</v>
      </c>
      <c r="C25" s="16">
        <v>44</v>
      </c>
      <c r="D25" s="17">
        <v>88</v>
      </c>
    </row>
    <row r="26" spans="1:4" ht="18" customHeight="1" x14ac:dyDescent="0.2">
      <c r="A26" s="14">
        <v>17</v>
      </c>
      <c r="B26" s="15">
        <v>53</v>
      </c>
      <c r="C26" s="16">
        <v>42</v>
      </c>
      <c r="D26" s="17">
        <v>95</v>
      </c>
    </row>
    <row r="27" spans="1:4" ht="18" customHeight="1" x14ac:dyDescent="0.2">
      <c r="A27" s="14">
        <v>18</v>
      </c>
      <c r="B27" s="15">
        <v>59</v>
      </c>
      <c r="C27" s="16">
        <v>56</v>
      </c>
      <c r="D27" s="17">
        <v>115</v>
      </c>
    </row>
    <row r="28" spans="1:4" ht="18" customHeight="1" x14ac:dyDescent="0.2">
      <c r="A28" s="14">
        <v>19</v>
      </c>
      <c r="B28" s="15">
        <v>65</v>
      </c>
      <c r="C28" s="16">
        <v>44</v>
      </c>
      <c r="D28" s="17">
        <v>109</v>
      </c>
    </row>
    <row r="29" spans="1:4" ht="18" customHeight="1" x14ac:dyDescent="0.2">
      <c r="A29" s="18" t="s">
        <v>52</v>
      </c>
      <c r="B29" s="15">
        <v>271</v>
      </c>
      <c r="C29" s="16">
        <v>236</v>
      </c>
      <c r="D29" s="17">
        <v>507</v>
      </c>
    </row>
    <row r="30" spans="1:4" ht="18" customHeight="1" x14ac:dyDescent="0.2">
      <c r="A30" s="14">
        <v>20</v>
      </c>
      <c r="B30" s="15">
        <v>54</v>
      </c>
      <c r="C30" s="16">
        <v>45</v>
      </c>
      <c r="D30" s="17">
        <v>99</v>
      </c>
    </row>
    <row r="31" spans="1:4" ht="18" customHeight="1" x14ac:dyDescent="0.2">
      <c r="A31" s="14">
        <v>21</v>
      </c>
      <c r="B31" s="15">
        <v>50</v>
      </c>
      <c r="C31" s="16">
        <v>42</v>
      </c>
      <c r="D31" s="17">
        <v>92</v>
      </c>
    </row>
    <row r="32" spans="1:4" ht="18" customHeight="1" x14ac:dyDescent="0.2">
      <c r="A32" s="14">
        <v>22</v>
      </c>
      <c r="B32" s="15">
        <v>50</v>
      </c>
      <c r="C32" s="16">
        <v>50</v>
      </c>
      <c r="D32" s="17">
        <v>100</v>
      </c>
    </row>
    <row r="33" spans="1:4" ht="18" customHeight="1" x14ac:dyDescent="0.2">
      <c r="A33" s="14">
        <v>23</v>
      </c>
      <c r="B33" s="15">
        <v>55</v>
      </c>
      <c r="C33" s="16">
        <v>39</v>
      </c>
      <c r="D33" s="17">
        <v>94</v>
      </c>
    </row>
    <row r="34" spans="1:4" ht="18" customHeight="1" x14ac:dyDescent="0.2">
      <c r="A34" s="14">
        <v>24</v>
      </c>
      <c r="B34" s="15">
        <v>46</v>
      </c>
      <c r="C34" s="16">
        <v>56</v>
      </c>
      <c r="D34" s="17">
        <v>102</v>
      </c>
    </row>
    <row r="35" spans="1:4" ht="18" customHeight="1" x14ac:dyDescent="0.2">
      <c r="A35" s="18" t="s">
        <v>53</v>
      </c>
      <c r="B35" s="15">
        <v>255</v>
      </c>
      <c r="C35" s="16">
        <v>232</v>
      </c>
      <c r="D35" s="17">
        <v>487</v>
      </c>
    </row>
    <row r="36" spans="1:4" ht="18" customHeight="1" x14ac:dyDescent="0.2">
      <c r="A36" s="14">
        <v>25</v>
      </c>
      <c r="B36" s="15">
        <v>50</v>
      </c>
      <c r="C36" s="16">
        <v>45</v>
      </c>
      <c r="D36" s="17">
        <v>95</v>
      </c>
    </row>
    <row r="37" spans="1:4" ht="18" customHeight="1" x14ac:dyDescent="0.2">
      <c r="A37" s="14">
        <v>26</v>
      </c>
      <c r="B37" s="15">
        <v>59</v>
      </c>
      <c r="C37" s="16">
        <v>44</v>
      </c>
      <c r="D37" s="17">
        <v>103</v>
      </c>
    </row>
    <row r="38" spans="1:4" ht="18" customHeight="1" x14ac:dyDescent="0.2">
      <c r="A38" s="14">
        <v>27</v>
      </c>
      <c r="B38" s="15">
        <v>58</v>
      </c>
      <c r="C38" s="16">
        <v>45</v>
      </c>
      <c r="D38" s="17">
        <v>103</v>
      </c>
    </row>
    <row r="39" spans="1:4" ht="18" customHeight="1" x14ac:dyDescent="0.2">
      <c r="A39" s="14">
        <v>28</v>
      </c>
      <c r="B39" s="15">
        <v>50</v>
      </c>
      <c r="C39" s="16">
        <v>56</v>
      </c>
      <c r="D39" s="17">
        <v>106</v>
      </c>
    </row>
    <row r="40" spans="1:4" ht="18" customHeight="1" x14ac:dyDescent="0.2">
      <c r="A40" s="14">
        <v>29</v>
      </c>
      <c r="B40" s="15">
        <v>73</v>
      </c>
      <c r="C40" s="16">
        <v>48</v>
      </c>
      <c r="D40" s="17">
        <v>121</v>
      </c>
    </row>
    <row r="41" spans="1:4" ht="18" customHeight="1" x14ac:dyDescent="0.2">
      <c r="A41" s="18" t="s">
        <v>54</v>
      </c>
      <c r="B41" s="15">
        <v>290</v>
      </c>
      <c r="C41" s="16">
        <v>238</v>
      </c>
      <c r="D41" s="17">
        <v>528</v>
      </c>
    </row>
    <row r="42" spans="1:4" ht="18" customHeight="1" x14ac:dyDescent="0.2">
      <c r="A42" s="14">
        <v>30</v>
      </c>
      <c r="B42" s="15">
        <v>45</v>
      </c>
      <c r="C42" s="16">
        <v>50</v>
      </c>
      <c r="D42" s="17">
        <v>95</v>
      </c>
    </row>
    <row r="43" spans="1:4" ht="18" customHeight="1" x14ac:dyDescent="0.2">
      <c r="A43" s="14">
        <v>31</v>
      </c>
      <c r="B43" s="15">
        <v>64</v>
      </c>
      <c r="C43" s="16">
        <v>56</v>
      </c>
      <c r="D43" s="17">
        <v>120</v>
      </c>
    </row>
    <row r="44" spans="1:4" ht="18" customHeight="1" x14ac:dyDescent="0.2">
      <c r="A44" s="14">
        <v>32</v>
      </c>
      <c r="B44" s="15">
        <v>57</v>
      </c>
      <c r="C44" s="16">
        <v>53</v>
      </c>
      <c r="D44" s="17">
        <v>110</v>
      </c>
    </row>
    <row r="45" spans="1:4" ht="18" customHeight="1" x14ac:dyDescent="0.2">
      <c r="A45" s="14">
        <v>33</v>
      </c>
      <c r="B45" s="15">
        <v>61</v>
      </c>
      <c r="C45" s="16">
        <v>56</v>
      </c>
      <c r="D45" s="17">
        <v>117</v>
      </c>
    </row>
    <row r="46" spans="1:4" ht="18" customHeight="1" x14ac:dyDescent="0.2">
      <c r="A46" s="14">
        <v>34</v>
      </c>
      <c r="B46" s="15">
        <v>57</v>
      </c>
      <c r="C46" s="16">
        <v>48</v>
      </c>
      <c r="D46" s="17">
        <v>105</v>
      </c>
    </row>
    <row r="47" spans="1:4" ht="18" customHeight="1" x14ac:dyDescent="0.2">
      <c r="A47" s="18" t="s">
        <v>55</v>
      </c>
      <c r="B47" s="15">
        <v>284</v>
      </c>
      <c r="C47" s="16">
        <v>263</v>
      </c>
      <c r="D47" s="17">
        <v>547</v>
      </c>
    </row>
    <row r="48" spans="1:4" ht="18" customHeight="1" x14ac:dyDescent="0.2">
      <c r="A48" s="14">
        <v>35</v>
      </c>
      <c r="B48" s="15">
        <v>53</v>
      </c>
      <c r="C48" s="16">
        <v>71</v>
      </c>
      <c r="D48" s="17">
        <v>124</v>
      </c>
    </row>
    <row r="49" spans="1:4" ht="18" customHeight="1" x14ac:dyDescent="0.2">
      <c r="A49" s="14">
        <v>36</v>
      </c>
      <c r="B49" s="15">
        <v>74</v>
      </c>
      <c r="C49" s="16">
        <v>45</v>
      </c>
      <c r="D49" s="17">
        <v>119</v>
      </c>
    </row>
    <row r="50" spans="1:4" ht="18" customHeight="1" x14ac:dyDescent="0.2">
      <c r="A50" s="14">
        <v>37</v>
      </c>
      <c r="B50" s="15">
        <v>62</v>
      </c>
      <c r="C50" s="16">
        <v>60</v>
      </c>
      <c r="D50" s="17">
        <v>122</v>
      </c>
    </row>
    <row r="51" spans="1:4" ht="18" customHeight="1" x14ac:dyDescent="0.2">
      <c r="A51" s="14">
        <v>38</v>
      </c>
      <c r="B51" s="15">
        <v>61</v>
      </c>
      <c r="C51" s="16">
        <v>69</v>
      </c>
      <c r="D51" s="17">
        <v>130</v>
      </c>
    </row>
    <row r="52" spans="1:4" ht="18" customHeight="1" x14ac:dyDescent="0.2">
      <c r="A52" s="14">
        <v>39</v>
      </c>
      <c r="B52" s="15">
        <v>73</v>
      </c>
      <c r="C52" s="16">
        <v>80</v>
      </c>
      <c r="D52" s="17">
        <v>153</v>
      </c>
    </row>
    <row r="53" spans="1:4" ht="18" customHeight="1" x14ac:dyDescent="0.2">
      <c r="A53" s="18" t="s">
        <v>56</v>
      </c>
      <c r="B53" s="15">
        <v>323</v>
      </c>
      <c r="C53" s="16">
        <v>325</v>
      </c>
      <c r="D53" s="17">
        <v>648</v>
      </c>
    </row>
    <row r="54" spans="1:4" ht="18" customHeight="1" x14ac:dyDescent="0.2">
      <c r="A54" s="14">
        <v>40</v>
      </c>
      <c r="B54" s="15">
        <v>75</v>
      </c>
      <c r="C54" s="16">
        <v>70</v>
      </c>
      <c r="D54" s="17">
        <v>145</v>
      </c>
    </row>
    <row r="55" spans="1:4" ht="18" customHeight="1" x14ac:dyDescent="0.2">
      <c r="A55" s="14">
        <v>41</v>
      </c>
      <c r="B55" s="15">
        <v>74</v>
      </c>
      <c r="C55" s="16">
        <v>90</v>
      </c>
      <c r="D55" s="17">
        <v>164</v>
      </c>
    </row>
    <row r="56" spans="1:4" ht="18" customHeight="1" x14ac:dyDescent="0.2">
      <c r="A56" s="14">
        <v>42</v>
      </c>
      <c r="B56" s="15">
        <v>59</v>
      </c>
      <c r="C56" s="16">
        <v>88</v>
      </c>
      <c r="D56" s="17">
        <v>147</v>
      </c>
    </row>
    <row r="57" spans="1:4" ht="18" customHeight="1" x14ac:dyDescent="0.2">
      <c r="A57" s="14">
        <v>43</v>
      </c>
      <c r="B57" s="15">
        <v>66</v>
      </c>
      <c r="C57" s="16">
        <v>84</v>
      </c>
      <c r="D57" s="17">
        <v>150</v>
      </c>
    </row>
    <row r="58" spans="1:4" ht="18" customHeight="1" x14ac:dyDescent="0.2">
      <c r="A58" s="14">
        <v>44</v>
      </c>
      <c r="B58" s="15">
        <v>107</v>
      </c>
      <c r="C58" s="16">
        <v>86</v>
      </c>
      <c r="D58" s="17">
        <v>193</v>
      </c>
    </row>
    <row r="59" spans="1:4" ht="18" customHeight="1" x14ac:dyDescent="0.2">
      <c r="A59" s="18" t="s">
        <v>57</v>
      </c>
      <c r="B59" s="15">
        <v>381</v>
      </c>
      <c r="C59" s="16">
        <v>418</v>
      </c>
      <c r="D59" s="17">
        <v>799</v>
      </c>
    </row>
    <row r="60" spans="1:4" ht="18" customHeight="1" x14ac:dyDescent="0.2">
      <c r="A60" s="14">
        <v>45</v>
      </c>
      <c r="B60" s="15">
        <v>87</v>
      </c>
      <c r="C60" s="16">
        <v>103</v>
      </c>
      <c r="D60" s="17">
        <v>190</v>
      </c>
    </row>
    <row r="61" spans="1:4" ht="18" customHeight="1" x14ac:dyDescent="0.2">
      <c r="A61" s="14">
        <v>46</v>
      </c>
      <c r="B61" s="15">
        <v>86</v>
      </c>
      <c r="C61" s="16">
        <v>83</v>
      </c>
      <c r="D61" s="17">
        <v>169</v>
      </c>
    </row>
    <row r="62" spans="1:4" ht="18" customHeight="1" x14ac:dyDescent="0.2">
      <c r="A62" s="14">
        <v>47</v>
      </c>
      <c r="B62" s="15">
        <v>91</v>
      </c>
      <c r="C62" s="16">
        <v>83</v>
      </c>
      <c r="D62" s="17">
        <v>174</v>
      </c>
    </row>
    <row r="63" spans="1:4" ht="18" customHeight="1" x14ac:dyDescent="0.2">
      <c r="A63" s="14">
        <v>48</v>
      </c>
      <c r="B63" s="15">
        <v>94</v>
      </c>
      <c r="C63" s="16">
        <v>87</v>
      </c>
      <c r="D63" s="17">
        <v>181</v>
      </c>
    </row>
    <row r="64" spans="1:4" ht="18" customHeight="1" x14ac:dyDescent="0.2">
      <c r="A64" s="14">
        <v>49</v>
      </c>
      <c r="B64" s="15">
        <v>98</v>
      </c>
      <c r="C64" s="16">
        <v>96</v>
      </c>
      <c r="D64" s="17">
        <v>194</v>
      </c>
    </row>
    <row r="65" spans="1:4" ht="18" customHeight="1" x14ac:dyDescent="0.2">
      <c r="A65" s="18" t="s">
        <v>58</v>
      </c>
      <c r="B65" s="15">
        <v>456</v>
      </c>
      <c r="C65" s="16">
        <v>452</v>
      </c>
      <c r="D65" s="17">
        <v>908</v>
      </c>
    </row>
    <row r="66" spans="1:4" ht="18" customHeight="1" x14ac:dyDescent="0.2">
      <c r="A66" s="14">
        <v>50</v>
      </c>
      <c r="B66" s="15">
        <v>75</v>
      </c>
      <c r="C66" s="16">
        <v>82</v>
      </c>
      <c r="D66" s="17">
        <v>157</v>
      </c>
    </row>
    <row r="67" spans="1:4" ht="18" customHeight="1" x14ac:dyDescent="0.2">
      <c r="A67" s="14">
        <v>51</v>
      </c>
      <c r="B67" s="15">
        <v>91</v>
      </c>
      <c r="C67" s="16">
        <v>66</v>
      </c>
      <c r="D67" s="17">
        <v>157</v>
      </c>
    </row>
    <row r="68" spans="1:4" ht="18" customHeight="1" x14ac:dyDescent="0.2">
      <c r="A68" s="14">
        <v>52</v>
      </c>
      <c r="B68" s="15">
        <v>53</v>
      </c>
      <c r="C68" s="16">
        <v>50</v>
      </c>
      <c r="D68" s="17">
        <v>103</v>
      </c>
    </row>
    <row r="69" spans="1:4" ht="18" customHeight="1" x14ac:dyDescent="0.2">
      <c r="A69" s="14">
        <v>53</v>
      </c>
      <c r="B69" s="15">
        <v>59</v>
      </c>
      <c r="C69" s="16">
        <v>80</v>
      </c>
      <c r="D69" s="17">
        <v>139</v>
      </c>
    </row>
    <row r="70" spans="1:4" ht="18" customHeight="1" x14ac:dyDescent="0.2">
      <c r="A70" s="14">
        <v>54</v>
      </c>
      <c r="B70" s="15">
        <v>49</v>
      </c>
      <c r="C70" s="16">
        <v>69</v>
      </c>
      <c r="D70" s="17">
        <v>118</v>
      </c>
    </row>
    <row r="71" spans="1:4" ht="18" customHeight="1" x14ac:dyDescent="0.2">
      <c r="A71" s="18" t="s">
        <v>59</v>
      </c>
      <c r="B71" s="15">
        <v>327</v>
      </c>
      <c r="C71" s="16">
        <v>347</v>
      </c>
      <c r="D71" s="17">
        <v>674</v>
      </c>
    </row>
    <row r="72" spans="1:4" ht="18" customHeight="1" x14ac:dyDescent="0.2">
      <c r="A72" s="14">
        <v>55</v>
      </c>
      <c r="B72" s="15">
        <v>65</v>
      </c>
      <c r="C72" s="16">
        <v>60</v>
      </c>
      <c r="D72" s="17">
        <v>125</v>
      </c>
    </row>
    <row r="73" spans="1:4" ht="18" customHeight="1" x14ac:dyDescent="0.2">
      <c r="A73" s="14">
        <v>56</v>
      </c>
      <c r="B73" s="15">
        <v>60</v>
      </c>
      <c r="C73" s="16">
        <v>59</v>
      </c>
      <c r="D73" s="17">
        <v>119</v>
      </c>
    </row>
    <row r="74" spans="1:4" ht="18" customHeight="1" x14ac:dyDescent="0.2">
      <c r="A74" s="14">
        <v>57</v>
      </c>
      <c r="B74" s="15">
        <v>47</v>
      </c>
      <c r="C74" s="16">
        <v>62</v>
      </c>
      <c r="D74" s="17">
        <v>109</v>
      </c>
    </row>
    <row r="75" spans="1:4" ht="18" customHeight="1" x14ac:dyDescent="0.2">
      <c r="A75" s="14">
        <v>58</v>
      </c>
      <c r="B75" s="15">
        <v>53</v>
      </c>
      <c r="C75" s="16">
        <v>50</v>
      </c>
      <c r="D75" s="17">
        <v>103</v>
      </c>
    </row>
    <row r="76" spans="1:4" ht="18" customHeight="1" x14ac:dyDescent="0.2">
      <c r="A76" s="14">
        <v>59</v>
      </c>
      <c r="B76" s="15">
        <v>46</v>
      </c>
      <c r="C76" s="16">
        <v>55</v>
      </c>
      <c r="D76" s="17">
        <v>101</v>
      </c>
    </row>
    <row r="77" spans="1:4" ht="18" customHeight="1" x14ac:dyDescent="0.2">
      <c r="A77" s="18" t="s">
        <v>60</v>
      </c>
      <c r="B77" s="15">
        <v>271</v>
      </c>
      <c r="C77" s="16">
        <v>286</v>
      </c>
      <c r="D77" s="17">
        <v>557</v>
      </c>
    </row>
    <row r="78" spans="1:4" ht="18" customHeight="1" x14ac:dyDescent="0.2">
      <c r="A78" s="14">
        <v>60</v>
      </c>
      <c r="B78" s="15">
        <v>56</v>
      </c>
      <c r="C78" s="16">
        <v>36</v>
      </c>
      <c r="D78" s="17">
        <v>92</v>
      </c>
    </row>
    <row r="79" spans="1:4" ht="18" customHeight="1" x14ac:dyDescent="0.2">
      <c r="A79" s="14">
        <v>61</v>
      </c>
      <c r="B79" s="15">
        <v>40</v>
      </c>
      <c r="C79" s="16">
        <v>30</v>
      </c>
      <c r="D79" s="17">
        <v>70</v>
      </c>
    </row>
    <row r="80" spans="1:4" ht="18" customHeight="1" x14ac:dyDescent="0.2">
      <c r="A80" s="14">
        <v>62</v>
      </c>
      <c r="B80" s="15">
        <v>21</v>
      </c>
      <c r="C80" s="16">
        <v>39</v>
      </c>
      <c r="D80" s="17">
        <v>60</v>
      </c>
    </row>
    <row r="81" spans="1:4" ht="18" customHeight="1" x14ac:dyDescent="0.2">
      <c r="A81" s="14">
        <v>63</v>
      </c>
      <c r="B81" s="15">
        <v>46</v>
      </c>
      <c r="C81" s="16">
        <v>32</v>
      </c>
      <c r="D81" s="17">
        <v>78</v>
      </c>
    </row>
    <row r="82" spans="1:4" ht="18" customHeight="1" x14ac:dyDescent="0.2">
      <c r="A82" s="14">
        <v>64</v>
      </c>
      <c r="B82" s="15">
        <v>31</v>
      </c>
      <c r="C82" s="16">
        <v>38</v>
      </c>
      <c r="D82" s="17">
        <v>69</v>
      </c>
    </row>
    <row r="83" spans="1:4" ht="18" customHeight="1" x14ac:dyDescent="0.2">
      <c r="A83" s="18" t="s">
        <v>61</v>
      </c>
      <c r="B83" s="15">
        <v>194</v>
      </c>
      <c r="C83" s="16">
        <v>175</v>
      </c>
      <c r="D83" s="17">
        <v>369</v>
      </c>
    </row>
    <row r="84" spans="1:4" ht="18" customHeight="1" x14ac:dyDescent="0.2">
      <c r="A84" s="18" t="s">
        <v>62</v>
      </c>
      <c r="B84" s="15">
        <v>3052</v>
      </c>
      <c r="C84" s="16">
        <v>2972</v>
      </c>
      <c r="D84" s="17">
        <v>6024</v>
      </c>
    </row>
    <row r="85" spans="1:4" ht="18" customHeight="1" x14ac:dyDescent="0.2">
      <c r="A85" s="14">
        <v>65</v>
      </c>
      <c r="B85" s="15">
        <v>36</v>
      </c>
      <c r="C85" s="16">
        <v>52</v>
      </c>
      <c r="D85" s="17">
        <v>88</v>
      </c>
    </row>
    <row r="86" spans="1:4" ht="18" customHeight="1" x14ac:dyDescent="0.2">
      <c r="A86" s="14">
        <v>66</v>
      </c>
      <c r="B86" s="15">
        <v>40</v>
      </c>
      <c r="C86" s="16">
        <v>42</v>
      </c>
      <c r="D86" s="17">
        <v>82</v>
      </c>
    </row>
    <row r="87" spans="1:4" ht="18" customHeight="1" x14ac:dyDescent="0.2">
      <c r="A87" s="14">
        <v>67</v>
      </c>
      <c r="B87" s="15">
        <v>36</v>
      </c>
      <c r="C87" s="16">
        <v>37</v>
      </c>
      <c r="D87" s="17">
        <v>73</v>
      </c>
    </row>
    <row r="88" spans="1:4" ht="18" customHeight="1" x14ac:dyDescent="0.2">
      <c r="A88" s="14">
        <v>68</v>
      </c>
      <c r="B88" s="15">
        <v>48</v>
      </c>
      <c r="C88" s="16">
        <v>45</v>
      </c>
      <c r="D88" s="17">
        <v>93</v>
      </c>
    </row>
    <row r="89" spans="1:4" ht="18" customHeight="1" x14ac:dyDescent="0.2">
      <c r="A89" s="14">
        <v>69</v>
      </c>
      <c r="B89" s="15">
        <v>45</v>
      </c>
      <c r="C89" s="16">
        <v>50</v>
      </c>
      <c r="D89" s="17">
        <v>95</v>
      </c>
    </row>
    <row r="90" spans="1:4" ht="18" customHeight="1" x14ac:dyDescent="0.2">
      <c r="A90" s="18" t="s">
        <v>63</v>
      </c>
      <c r="B90" s="15">
        <v>205</v>
      </c>
      <c r="C90" s="16">
        <v>226</v>
      </c>
      <c r="D90" s="17">
        <v>431</v>
      </c>
    </row>
    <row r="91" spans="1:4" ht="18" customHeight="1" x14ac:dyDescent="0.2">
      <c r="A91" s="14">
        <v>70</v>
      </c>
      <c r="B91" s="15">
        <v>42</v>
      </c>
      <c r="C91" s="16">
        <v>61</v>
      </c>
      <c r="D91" s="17">
        <v>103</v>
      </c>
    </row>
    <row r="92" spans="1:4" ht="18" customHeight="1" x14ac:dyDescent="0.2">
      <c r="A92" s="14">
        <v>71</v>
      </c>
      <c r="B92" s="15">
        <v>40</v>
      </c>
      <c r="C92" s="16">
        <v>52</v>
      </c>
      <c r="D92" s="17">
        <v>92</v>
      </c>
    </row>
    <row r="93" spans="1:4" ht="18" customHeight="1" x14ac:dyDescent="0.2">
      <c r="A93" s="14">
        <v>72</v>
      </c>
      <c r="B93" s="15">
        <v>23</v>
      </c>
      <c r="C93" s="16">
        <v>32</v>
      </c>
      <c r="D93" s="17">
        <v>55</v>
      </c>
    </row>
    <row r="94" spans="1:4" ht="18" customHeight="1" x14ac:dyDescent="0.2">
      <c r="A94" s="14">
        <v>73</v>
      </c>
      <c r="B94" s="15">
        <v>19</v>
      </c>
      <c r="C94" s="16">
        <v>25</v>
      </c>
      <c r="D94" s="17">
        <v>44</v>
      </c>
    </row>
    <row r="95" spans="1:4" ht="18" customHeight="1" x14ac:dyDescent="0.2">
      <c r="A95" s="14">
        <v>74</v>
      </c>
      <c r="B95" s="15">
        <v>36</v>
      </c>
      <c r="C95" s="16">
        <v>46</v>
      </c>
      <c r="D95" s="17">
        <v>82</v>
      </c>
    </row>
    <row r="96" spans="1:4" ht="18" customHeight="1" x14ac:dyDescent="0.2">
      <c r="A96" s="18" t="s">
        <v>64</v>
      </c>
      <c r="B96" s="15">
        <v>160</v>
      </c>
      <c r="C96" s="16">
        <v>216</v>
      </c>
      <c r="D96" s="17">
        <v>376</v>
      </c>
    </row>
    <row r="97" spans="1:4" ht="18" customHeight="1" x14ac:dyDescent="0.2">
      <c r="A97" s="14">
        <v>75</v>
      </c>
      <c r="B97" s="15">
        <v>27</v>
      </c>
      <c r="C97" s="16">
        <v>45</v>
      </c>
      <c r="D97" s="17">
        <v>72</v>
      </c>
    </row>
    <row r="98" spans="1:4" ht="18" customHeight="1" x14ac:dyDescent="0.2">
      <c r="A98" s="14">
        <v>76</v>
      </c>
      <c r="B98" s="15">
        <v>26</v>
      </c>
      <c r="C98" s="16">
        <v>44</v>
      </c>
      <c r="D98" s="17">
        <v>70</v>
      </c>
    </row>
    <row r="99" spans="1:4" ht="18" customHeight="1" x14ac:dyDescent="0.2">
      <c r="A99" s="14">
        <v>77</v>
      </c>
      <c r="B99" s="15">
        <v>39</v>
      </c>
      <c r="C99" s="16">
        <v>45</v>
      </c>
      <c r="D99" s="17">
        <v>84</v>
      </c>
    </row>
    <row r="100" spans="1:4" ht="18" customHeight="1" x14ac:dyDescent="0.2">
      <c r="A100" s="14">
        <v>78</v>
      </c>
      <c r="B100" s="15">
        <v>26</v>
      </c>
      <c r="C100" s="16">
        <v>25</v>
      </c>
      <c r="D100" s="17">
        <v>51</v>
      </c>
    </row>
    <row r="101" spans="1:4" ht="18" customHeight="1" x14ac:dyDescent="0.2">
      <c r="A101" s="14">
        <v>79</v>
      </c>
      <c r="B101" s="15">
        <v>23</v>
      </c>
      <c r="C101" s="16">
        <v>32</v>
      </c>
      <c r="D101" s="17">
        <v>55</v>
      </c>
    </row>
    <row r="102" spans="1:4" ht="18" customHeight="1" x14ac:dyDescent="0.2">
      <c r="A102" s="18" t="s">
        <v>65</v>
      </c>
      <c r="B102" s="15">
        <v>141</v>
      </c>
      <c r="C102" s="16">
        <v>191</v>
      </c>
      <c r="D102" s="17">
        <v>332</v>
      </c>
    </row>
    <row r="103" spans="1:4" ht="18" customHeight="1" x14ac:dyDescent="0.2">
      <c r="A103" s="14">
        <v>80</v>
      </c>
      <c r="B103" s="15">
        <v>26</v>
      </c>
      <c r="C103" s="16">
        <v>21</v>
      </c>
      <c r="D103" s="17">
        <v>47</v>
      </c>
    </row>
    <row r="104" spans="1:4" ht="18" customHeight="1" x14ac:dyDescent="0.2">
      <c r="A104" s="14">
        <v>81</v>
      </c>
      <c r="B104" s="15">
        <v>20</v>
      </c>
      <c r="C104" s="16">
        <v>22</v>
      </c>
      <c r="D104" s="17">
        <v>42</v>
      </c>
    </row>
    <row r="105" spans="1:4" ht="18" customHeight="1" x14ac:dyDescent="0.2">
      <c r="A105" s="14">
        <v>82</v>
      </c>
      <c r="B105" s="15">
        <v>13</v>
      </c>
      <c r="C105" s="16">
        <v>28</v>
      </c>
      <c r="D105" s="17">
        <v>41</v>
      </c>
    </row>
    <row r="106" spans="1:4" ht="18" customHeight="1" x14ac:dyDescent="0.2">
      <c r="A106" s="14">
        <v>83</v>
      </c>
      <c r="B106" s="15">
        <v>14</v>
      </c>
      <c r="C106" s="16">
        <v>32</v>
      </c>
      <c r="D106" s="17">
        <v>46</v>
      </c>
    </row>
    <row r="107" spans="1:4" ht="18" customHeight="1" x14ac:dyDescent="0.2">
      <c r="A107" s="14">
        <v>84</v>
      </c>
      <c r="B107" s="15">
        <v>21</v>
      </c>
      <c r="C107" s="16">
        <v>30</v>
      </c>
      <c r="D107" s="17">
        <v>51</v>
      </c>
    </row>
    <row r="108" spans="1:4" ht="18" customHeight="1" x14ac:dyDescent="0.2">
      <c r="A108" s="18" t="s">
        <v>66</v>
      </c>
      <c r="B108" s="15">
        <v>94</v>
      </c>
      <c r="C108" s="16">
        <v>133</v>
      </c>
      <c r="D108" s="17">
        <v>227</v>
      </c>
    </row>
    <row r="109" spans="1:4" ht="18" customHeight="1" x14ac:dyDescent="0.2">
      <c r="A109" s="14">
        <v>85</v>
      </c>
      <c r="B109" s="15">
        <v>13</v>
      </c>
      <c r="C109" s="16">
        <v>27</v>
      </c>
      <c r="D109" s="17">
        <v>40</v>
      </c>
    </row>
    <row r="110" spans="1:4" ht="18" customHeight="1" x14ac:dyDescent="0.2">
      <c r="A110" s="14">
        <v>86</v>
      </c>
      <c r="B110" s="15">
        <v>17</v>
      </c>
      <c r="C110" s="16">
        <v>27</v>
      </c>
      <c r="D110" s="17">
        <v>44</v>
      </c>
    </row>
    <row r="111" spans="1:4" ht="18" customHeight="1" x14ac:dyDescent="0.2">
      <c r="A111" s="14">
        <v>87</v>
      </c>
      <c r="B111" s="15">
        <v>6</v>
      </c>
      <c r="C111" s="16">
        <v>17</v>
      </c>
      <c r="D111" s="17">
        <v>23</v>
      </c>
    </row>
    <row r="112" spans="1:4" ht="18" customHeight="1" x14ac:dyDescent="0.2">
      <c r="A112" s="14">
        <v>88</v>
      </c>
      <c r="B112" s="15">
        <v>9</v>
      </c>
      <c r="C112" s="16">
        <v>20</v>
      </c>
      <c r="D112" s="17">
        <v>29</v>
      </c>
    </row>
    <row r="113" spans="1:4" ht="18" customHeight="1" x14ac:dyDescent="0.2">
      <c r="A113" s="14">
        <v>89</v>
      </c>
      <c r="B113" s="15">
        <v>7</v>
      </c>
      <c r="C113" s="16">
        <v>28</v>
      </c>
      <c r="D113" s="17">
        <v>35</v>
      </c>
    </row>
    <row r="114" spans="1:4" ht="18" customHeight="1" x14ac:dyDescent="0.2">
      <c r="A114" s="18" t="s">
        <v>67</v>
      </c>
      <c r="B114" s="15">
        <v>52</v>
      </c>
      <c r="C114" s="16">
        <v>119</v>
      </c>
      <c r="D114" s="17">
        <v>171</v>
      </c>
    </row>
    <row r="115" spans="1:4" ht="18" customHeight="1" x14ac:dyDescent="0.2">
      <c r="A115" s="14">
        <v>90</v>
      </c>
      <c r="B115" s="15">
        <v>4</v>
      </c>
      <c r="C115" s="16">
        <v>16</v>
      </c>
      <c r="D115" s="17">
        <v>20</v>
      </c>
    </row>
    <row r="116" spans="1:4" ht="18" customHeight="1" x14ac:dyDescent="0.2">
      <c r="A116" s="14">
        <v>91</v>
      </c>
      <c r="B116" s="15">
        <v>4</v>
      </c>
      <c r="C116" s="16">
        <v>17</v>
      </c>
      <c r="D116" s="17">
        <v>21</v>
      </c>
    </row>
    <row r="117" spans="1:4" ht="18" customHeight="1" x14ac:dyDescent="0.2">
      <c r="A117" s="14">
        <v>92</v>
      </c>
      <c r="B117" s="15">
        <v>5</v>
      </c>
      <c r="C117" s="16">
        <v>9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19</v>
      </c>
      <c r="C120" s="16">
        <v>63</v>
      </c>
      <c r="D120" s="17">
        <v>82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4</v>
      </c>
      <c r="C126" s="16">
        <v>14</v>
      </c>
      <c r="D126" s="17">
        <v>18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76</v>
      </c>
      <c r="C130" s="5">
        <v>965</v>
      </c>
      <c r="D130" s="6">
        <v>1641</v>
      </c>
    </row>
    <row r="131" spans="1:4" ht="18" customHeight="1" x14ac:dyDescent="0.2">
      <c r="A131" s="20" t="s">
        <v>47</v>
      </c>
      <c r="B131" s="7">
        <v>4442</v>
      </c>
      <c r="C131" s="8">
        <v>4545</v>
      </c>
      <c r="D131" s="9">
        <v>898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7" t="s">
        <v>147</v>
      </c>
      <c r="C3" s="57"/>
      <c r="D3" s="57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24">
        <v>66</v>
      </c>
      <c r="C5" s="25">
        <v>54</v>
      </c>
      <c r="D5" s="26">
        <v>120</v>
      </c>
    </row>
    <row r="6" spans="1:10" ht="18" customHeight="1" x14ac:dyDescent="0.2">
      <c r="A6" s="31">
        <v>1</v>
      </c>
      <c r="B6" s="27">
        <v>52</v>
      </c>
      <c r="C6" s="28">
        <v>50</v>
      </c>
      <c r="D6" s="29">
        <v>102</v>
      </c>
    </row>
    <row r="7" spans="1:10" ht="18" customHeight="1" x14ac:dyDescent="0.2">
      <c r="A7" s="31">
        <v>2</v>
      </c>
      <c r="B7" s="27">
        <v>65</v>
      </c>
      <c r="C7" s="28">
        <v>60</v>
      </c>
      <c r="D7" s="29">
        <v>125</v>
      </c>
    </row>
    <row r="8" spans="1:10" ht="18" customHeight="1" x14ac:dyDescent="0.2">
      <c r="A8" s="31">
        <v>3</v>
      </c>
      <c r="B8" s="27">
        <v>63</v>
      </c>
      <c r="C8" s="28">
        <v>47</v>
      </c>
      <c r="D8" s="29">
        <v>110</v>
      </c>
    </row>
    <row r="9" spans="1:10" ht="18" customHeight="1" x14ac:dyDescent="0.2">
      <c r="A9" s="31">
        <v>4</v>
      </c>
      <c r="B9" s="27">
        <v>49</v>
      </c>
      <c r="C9" s="28">
        <v>50</v>
      </c>
      <c r="D9" s="29">
        <v>99</v>
      </c>
    </row>
    <row r="10" spans="1:10" ht="18" customHeight="1" x14ac:dyDescent="0.2">
      <c r="A10" s="31" t="s">
        <v>48</v>
      </c>
      <c r="B10" s="27">
        <v>295</v>
      </c>
      <c r="C10" s="28">
        <v>261</v>
      </c>
      <c r="D10" s="29">
        <v>556</v>
      </c>
    </row>
    <row r="11" spans="1:10" ht="18" customHeight="1" x14ac:dyDescent="0.2">
      <c r="A11" s="31">
        <v>5</v>
      </c>
      <c r="B11" s="27">
        <v>48</v>
      </c>
      <c r="C11" s="28">
        <v>55</v>
      </c>
      <c r="D11" s="29">
        <v>103</v>
      </c>
    </row>
    <row r="12" spans="1:10" ht="18" customHeight="1" x14ac:dyDescent="0.2">
      <c r="A12" s="31">
        <v>6</v>
      </c>
      <c r="B12" s="27">
        <v>53</v>
      </c>
      <c r="C12" s="28">
        <v>52</v>
      </c>
      <c r="D12" s="29">
        <v>105</v>
      </c>
    </row>
    <row r="13" spans="1:10" ht="18" customHeight="1" x14ac:dyDescent="0.2">
      <c r="A13" s="31">
        <v>7</v>
      </c>
      <c r="B13" s="27">
        <v>56</v>
      </c>
      <c r="C13" s="28">
        <v>47</v>
      </c>
      <c r="D13" s="29">
        <v>103</v>
      </c>
    </row>
    <row r="14" spans="1:10" ht="18" customHeight="1" x14ac:dyDescent="0.2">
      <c r="A14" s="31">
        <v>8</v>
      </c>
      <c r="B14" s="27">
        <v>50</v>
      </c>
      <c r="C14" s="28">
        <v>49</v>
      </c>
      <c r="D14" s="29">
        <v>99</v>
      </c>
    </row>
    <row r="15" spans="1:10" ht="18" customHeight="1" x14ac:dyDescent="0.2">
      <c r="A15" s="31">
        <v>9</v>
      </c>
      <c r="B15" s="27">
        <v>68</v>
      </c>
      <c r="C15" s="28">
        <v>58</v>
      </c>
      <c r="D15" s="29">
        <v>126</v>
      </c>
    </row>
    <row r="16" spans="1:10" ht="18" customHeight="1" x14ac:dyDescent="0.2">
      <c r="A16" s="31" t="s">
        <v>49</v>
      </c>
      <c r="B16" s="27">
        <v>275</v>
      </c>
      <c r="C16" s="28">
        <v>261</v>
      </c>
      <c r="D16" s="29">
        <v>536</v>
      </c>
    </row>
    <row r="17" spans="1:4" ht="18" customHeight="1" x14ac:dyDescent="0.2">
      <c r="A17" s="31">
        <v>10</v>
      </c>
      <c r="B17" s="27">
        <v>57</v>
      </c>
      <c r="C17" s="28">
        <v>54</v>
      </c>
      <c r="D17" s="29">
        <v>111</v>
      </c>
    </row>
    <row r="18" spans="1:4" ht="18" customHeight="1" x14ac:dyDescent="0.2">
      <c r="A18" s="31">
        <v>11</v>
      </c>
      <c r="B18" s="27">
        <v>63</v>
      </c>
      <c r="C18" s="28">
        <v>49</v>
      </c>
      <c r="D18" s="29">
        <v>112</v>
      </c>
    </row>
    <row r="19" spans="1:4" ht="18" customHeight="1" x14ac:dyDescent="0.2">
      <c r="A19" s="31">
        <v>12</v>
      </c>
      <c r="B19" s="27">
        <v>51</v>
      </c>
      <c r="C19" s="28">
        <v>48</v>
      </c>
      <c r="D19" s="29">
        <v>99</v>
      </c>
    </row>
    <row r="20" spans="1:4" ht="18" customHeight="1" x14ac:dyDescent="0.2">
      <c r="A20" s="31">
        <v>13</v>
      </c>
      <c r="B20" s="27">
        <v>48</v>
      </c>
      <c r="C20" s="28">
        <v>65</v>
      </c>
      <c r="D20" s="29">
        <v>113</v>
      </c>
    </row>
    <row r="21" spans="1:4" ht="18" customHeight="1" x14ac:dyDescent="0.2">
      <c r="A21" s="31">
        <v>14</v>
      </c>
      <c r="B21" s="27">
        <v>57</v>
      </c>
      <c r="C21" s="28">
        <v>58</v>
      </c>
      <c r="D21" s="29">
        <v>115</v>
      </c>
    </row>
    <row r="22" spans="1:4" ht="18" customHeight="1" x14ac:dyDescent="0.2">
      <c r="A22" s="31" t="s">
        <v>50</v>
      </c>
      <c r="B22" s="27">
        <v>276</v>
      </c>
      <c r="C22" s="28">
        <v>274</v>
      </c>
      <c r="D22" s="29">
        <v>550</v>
      </c>
    </row>
    <row r="23" spans="1:4" ht="18" customHeight="1" x14ac:dyDescent="0.2">
      <c r="A23" s="31" t="s">
        <v>51</v>
      </c>
      <c r="B23" s="27">
        <v>846</v>
      </c>
      <c r="C23" s="28">
        <v>796</v>
      </c>
      <c r="D23" s="29">
        <v>1642</v>
      </c>
    </row>
    <row r="24" spans="1:4" ht="18" customHeight="1" x14ac:dyDescent="0.2">
      <c r="A24" s="31">
        <v>15</v>
      </c>
      <c r="B24" s="27">
        <v>59</v>
      </c>
      <c r="C24" s="28">
        <v>60</v>
      </c>
      <c r="D24" s="29">
        <v>119</v>
      </c>
    </row>
    <row r="25" spans="1:4" ht="18" customHeight="1" x14ac:dyDescent="0.2">
      <c r="A25" s="31">
        <v>16</v>
      </c>
      <c r="B25" s="27">
        <v>70</v>
      </c>
      <c r="C25" s="28">
        <v>60</v>
      </c>
      <c r="D25" s="29">
        <v>130</v>
      </c>
    </row>
    <row r="26" spans="1:4" ht="18" customHeight="1" x14ac:dyDescent="0.2">
      <c r="A26" s="31">
        <v>17</v>
      </c>
      <c r="B26" s="27">
        <v>60</v>
      </c>
      <c r="C26" s="28">
        <v>42</v>
      </c>
      <c r="D26" s="29">
        <v>102</v>
      </c>
    </row>
    <row r="27" spans="1:4" ht="18" customHeight="1" x14ac:dyDescent="0.2">
      <c r="A27" s="31">
        <v>18</v>
      </c>
      <c r="B27" s="27">
        <v>68</v>
      </c>
      <c r="C27" s="28">
        <v>52</v>
      </c>
      <c r="D27" s="29">
        <v>120</v>
      </c>
    </row>
    <row r="28" spans="1:4" ht="18" customHeight="1" x14ac:dyDescent="0.2">
      <c r="A28" s="31">
        <v>19</v>
      </c>
      <c r="B28" s="27">
        <v>76</v>
      </c>
      <c r="C28" s="28">
        <v>70</v>
      </c>
      <c r="D28" s="29">
        <v>146</v>
      </c>
    </row>
    <row r="29" spans="1:4" ht="18" customHeight="1" x14ac:dyDescent="0.2">
      <c r="A29" s="31" t="s">
        <v>52</v>
      </c>
      <c r="B29" s="27">
        <v>333</v>
      </c>
      <c r="C29" s="28">
        <v>284</v>
      </c>
      <c r="D29" s="29">
        <v>617</v>
      </c>
    </row>
    <row r="30" spans="1:4" ht="18" customHeight="1" x14ac:dyDescent="0.2">
      <c r="A30" s="31">
        <v>20</v>
      </c>
      <c r="B30" s="27">
        <v>77</v>
      </c>
      <c r="C30" s="28">
        <v>70</v>
      </c>
      <c r="D30" s="29">
        <v>147</v>
      </c>
    </row>
    <row r="31" spans="1:4" ht="18" customHeight="1" x14ac:dyDescent="0.2">
      <c r="A31" s="31">
        <v>21</v>
      </c>
      <c r="B31" s="27">
        <v>60</v>
      </c>
      <c r="C31" s="28">
        <v>66</v>
      </c>
      <c r="D31" s="29">
        <v>126</v>
      </c>
    </row>
    <row r="32" spans="1:4" ht="18" customHeight="1" x14ac:dyDescent="0.2">
      <c r="A32" s="31">
        <v>22</v>
      </c>
      <c r="B32" s="27">
        <v>75</v>
      </c>
      <c r="C32" s="28">
        <v>81</v>
      </c>
      <c r="D32" s="29">
        <v>156</v>
      </c>
    </row>
    <row r="33" spans="1:4" ht="18" customHeight="1" x14ac:dyDescent="0.2">
      <c r="A33" s="31">
        <v>23</v>
      </c>
      <c r="B33" s="27">
        <v>70</v>
      </c>
      <c r="C33" s="28">
        <v>61</v>
      </c>
      <c r="D33" s="29">
        <v>131</v>
      </c>
    </row>
    <row r="34" spans="1:4" ht="18" customHeight="1" x14ac:dyDescent="0.2">
      <c r="A34" s="31">
        <v>24</v>
      </c>
      <c r="B34" s="27">
        <v>80</v>
      </c>
      <c r="C34" s="28">
        <v>68</v>
      </c>
      <c r="D34" s="29">
        <v>148</v>
      </c>
    </row>
    <row r="35" spans="1:4" ht="18" customHeight="1" x14ac:dyDescent="0.2">
      <c r="A35" s="31" t="s">
        <v>53</v>
      </c>
      <c r="B35" s="27">
        <v>362</v>
      </c>
      <c r="C35" s="28">
        <v>346</v>
      </c>
      <c r="D35" s="29">
        <v>708</v>
      </c>
    </row>
    <row r="36" spans="1:4" ht="18" customHeight="1" x14ac:dyDescent="0.2">
      <c r="A36" s="31">
        <v>25</v>
      </c>
      <c r="B36" s="27">
        <v>73</v>
      </c>
      <c r="C36" s="28">
        <v>75</v>
      </c>
      <c r="D36" s="29">
        <v>148</v>
      </c>
    </row>
    <row r="37" spans="1:4" ht="18" customHeight="1" x14ac:dyDescent="0.2">
      <c r="A37" s="31">
        <v>26</v>
      </c>
      <c r="B37" s="27">
        <v>89</v>
      </c>
      <c r="C37" s="28">
        <v>75</v>
      </c>
      <c r="D37" s="29">
        <v>164</v>
      </c>
    </row>
    <row r="38" spans="1:4" ht="18" customHeight="1" x14ac:dyDescent="0.2">
      <c r="A38" s="31">
        <v>27</v>
      </c>
      <c r="B38" s="27">
        <v>71</v>
      </c>
      <c r="C38" s="28">
        <v>74</v>
      </c>
      <c r="D38" s="29">
        <v>145</v>
      </c>
    </row>
    <row r="39" spans="1:4" ht="18" customHeight="1" x14ac:dyDescent="0.2">
      <c r="A39" s="31">
        <v>28</v>
      </c>
      <c r="B39" s="27">
        <v>88</v>
      </c>
      <c r="C39" s="28">
        <v>69</v>
      </c>
      <c r="D39" s="29">
        <v>157</v>
      </c>
    </row>
    <row r="40" spans="1:4" ht="18" customHeight="1" x14ac:dyDescent="0.2">
      <c r="A40" s="31">
        <v>29</v>
      </c>
      <c r="B40" s="27">
        <v>75</v>
      </c>
      <c r="C40" s="28">
        <v>51</v>
      </c>
      <c r="D40" s="29">
        <v>126</v>
      </c>
    </row>
    <row r="41" spans="1:4" ht="18" customHeight="1" x14ac:dyDescent="0.2">
      <c r="A41" s="31" t="s">
        <v>54</v>
      </c>
      <c r="B41" s="27">
        <v>396</v>
      </c>
      <c r="C41" s="28">
        <v>344</v>
      </c>
      <c r="D41" s="29">
        <v>740</v>
      </c>
    </row>
    <row r="42" spans="1:4" ht="18" customHeight="1" x14ac:dyDescent="0.2">
      <c r="A42" s="31">
        <v>30</v>
      </c>
      <c r="B42" s="27">
        <v>78</v>
      </c>
      <c r="C42" s="28">
        <v>62</v>
      </c>
      <c r="D42" s="29">
        <v>140</v>
      </c>
    </row>
    <row r="43" spans="1:4" ht="18" customHeight="1" x14ac:dyDescent="0.2">
      <c r="A43" s="31">
        <v>31</v>
      </c>
      <c r="B43" s="27">
        <v>64</v>
      </c>
      <c r="C43" s="28">
        <v>74</v>
      </c>
      <c r="D43" s="29">
        <v>138</v>
      </c>
    </row>
    <row r="44" spans="1:4" ht="18" customHeight="1" x14ac:dyDescent="0.2">
      <c r="A44" s="31">
        <v>32</v>
      </c>
      <c r="B44" s="27">
        <v>91</v>
      </c>
      <c r="C44" s="28">
        <v>92</v>
      </c>
      <c r="D44" s="29">
        <v>183</v>
      </c>
    </row>
    <row r="45" spans="1:4" ht="18" customHeight="1" x14ac:dyDescent="0.2">
      <c r="A45" s="31">
        <v>33</v>
      </c>
      <c r="B45" s="27">
        <v>85</v>
      </c>
      <c r="C45" s="28">
        <v>75</v>
      </c>
      <c r="D45" s="29">
        <v>160</v>
      </c>
    </row>
    <row r="46" spans="1:4" ht="18" customHeight="1" x14ac:dyDescent="0.2">
      <c r="A46" s="31">
        <v>34</v>
      </c>
      <c r="B46" s="27">
        <v>95</v>
      </c>
      <c r="C46" s="28">
        <v>86</v>
      </c>
      <c r="D46" s="29">
        <v>181</v>
      </c>
    </row>
    <row r="47" spans="1:4" ht="18" customHeight="1" x14ac:dyDescent="0.2">
      <c r="A47" s="31" t="s">
        <v>55</v>
      </c>
      <c r="B47" s="27">
        <v>413</v>
      </c>
      <c r="C47" s="28">
        <v>389</v>
      </c>
      <c r="D47" s="29">
        <v>802</v>
      </c>
    </row>
    <row r="48" spans="1:4" ht="18" customHeight="1" x14ac:dyDescent="0.2">
      <c r="A48" s="31">
        <v>35</v>
      </c>
      <c r="B48" s="27">
        <v>94</v>
      </c>
      <c r="C48" s="28">
        <v>75</v>
      </c>
      <c r="D48" s="29">
        <v>169</v>
      </c>
    </row>
    <row r="49" spans="1:4" ht="18" customHeight="1" x14ac:dyDescent="0.2">
      <c r="A49" s="31">
        <v>36</v>
      </c>
      <c r="B49" s="27">
        <v>79</v>
      </c>
      <c r="C49" s="28">
        <v>73</v>
      </c>
      <c r="D49" s="29">
        <v>152</v>
      </c>
    </row>
    <row r="50" spans="1:4" ht="18" customHeight="1" x14ac:dyDescent="0.2">
      <c r="A50" s="31">
        <v>37</v>
      </c>
      <c r="B50" s="27">
        <v>78</v>
      </c>
      <c r="C50" s="28">
        <v>70</v>
      </c>
      <c r="D50" s="29">
        <v>148</v>
      </c>
    </row>
    <row r="51" spans="1:4" ht="18" customHeight="1" x14ac:dyDescent="0.2">
      <c r="A51" s="31">
        <v>38</v>
      </c>
      <c r="B51" s="27">
        <v>83</v>
      </c>
      <c r="C51" s="28">
        <v>65</v>
      </c>
      <c r="D51" s="29">
        <v>148</v>
      </c>
    </row>
    <row r="52" spans="1:4" ht="18" customHeight="1" x14ac:dyDescent="0.2">
      <c r="A52" s="31">
        <v>39</v>
      </c>
      <c r="B52" s="27">
        <v>93</v>
      </c>
      <c r="C52" s="28">
        <v>78</v>
      </c>
      <c r="D52" s="29">
        <v>171</v>
      </c>
    </row>
    <row r="53" spans="1:4" ht="18" customHeight="1" x14ac:dyDescent="0.2">
      <c r="A53" s="31" t="s">
        <v>56</v>
      </c>
      <c r="B53" s="27">
        <v>427</v>
      </c>
      <c r="C53" s="28">
        <v>361</v>
      </c>
      <c r="D53" s="29">
        <v>788</v>
      </c>
    </row>
    <row r="54" spans="1:4" ht="18" customHeight="1" x14ac:dyDescent="0.2">
      <c r="A54" s="31">
        <v>40</v>
      </c>
      <c r="B54" s="27">
        <v>107</v>
      </c>
      <c r="C54" s="28">
        <v>86</v>
      </c>
      <c r="D54" s="29">
        <v>193</v>
      </c>
    </row>
    <row r="55" spans="1:4" ht="18" customHeight="1" x14ac:dyDescent="0.2">
      <c r="A55" s="31">
        <v>41</v>
      </c>
      <c r="B55" s="27">
        <v>101</v>
      </c>
      <c r="C55" s="28">
        <v>97</v>
      </c>
      <c r="D55" s="29">
        <v>198</v>
      </c>
    </row>
    <row r="56" spans="1:4" ht="18" customHeight="1" x14ac:dyDescent="0.2">
      <c r="A56" s="31">
        <v>42</v>
      </c>
      <c r="B56" s="27">
        <v>89</v>
      </c>
      <c r="C56" s="28">
        <v>94</v>
      </c>
      <c r="D56" s="29">
        <v>183</v>
      </c>
    </row>
    <row r="57" spans="1:4" ht="18" customHeight="1" x14ac:dyDescent="0.2">
      <c r="A57" s="31">
        <v>43</v>
      </c>
      <c r="B57" s="27">
        <v>112</v>
      </c>
      <c r="C57" s="28">
        <v>123</v>
      </c>
      <c r="D57" s="29">
        <v>235</v>
      </c>
    </row>
    <row r="58" spans="1:4" ht="18" customHeight="1" x14ac:dyDescent="0.2">
      <c r="A58" s="31">
        <v>44</v>
      </c>
      <c r="B58" s="27">
        <v>129</v>
      </c>
      <c r="C58" s="28">
        <v>95</v>
      </c>
      <c r="D58" s="29">
        <v>224</v>
      </c>
    </row>
    <row r="59" spans="1:4" ht="18" customHeight="1" x14ac:dyDescent="0.2">
      <c r="A59" s="31" t="s">
        <v>57</v>
      </c>
      <c r="B59" s="27">
        <v>538</v>
      </c>
      <c r="C59" s="28">
        <v>495</v>
      </c>
      <c r="D59" s="29">
        <v>1033</v>
      </c>
    </row>
    <row r="60" spans="1:4" ht="18" customHeight="1" x14ac:dyDescent="0.2">
      <c r="A60" s="31">
        <v>45</v>
      </c>
      <c r="B60" s="27">
        <v>119</v>
      </c>
      <c r="C60" s="28">
        <v>111</v>
      </c>
      <c r="D60" s="29">
        <v>230</v>
      </c>
    </row>
    <row r="61" spans="1:4" ht="18" customHeight="1" x14ac:dyDescent="0.2">
      <c r="A61" s="31">
        <v>46</v>
      </c>
      <c r="B61" s="27">
        <v>110</v>
      </c>
      <c r="C61" s="28">
        <v>88</v>
      </c>
      <c r="D61" s="29">
        <v>198</v>
      </c>
    </row>
    <row r="62" spans="1:4" ht="18" customHeight="1" x14ac:dyDescent="0.2">
      <c r="A62" s="31">
        <v>47</v>
      </c>
      <c r="B62" s="27">
        <v>119</v>
      </c>
      <c r="C62" s="28">
        <v>115</v>
      </c>
      <c r="D62" s="29">
        <v>234</v>
      </c>
    </row>
    <row r="63" spans="1:4" ht="18" customHeight="1" x14ac:dyDescent="0.2">
      <c r="A63" s="31">
        <v>48</v>
      </c>
      <c r="B63" s="27">
        <v>107</v>
      </c>
      <c r="C63" s="28">
        <v>112</v>
      </c>
      <c r="D63" s="29">
        <v>219</v>
      </c>
    </row>
    <row r="64" spans="1:4" ht="18" customHeight="1" x14ac:dyDescent="0.2">
      <c r="A64" s="31">
        <v>49</v>
      </c>
      <c r="B64" s="27">
        <v>102</v>
      </c>
      <c r="C64" s="28">
        <v>108</v>
      </c>
      <c r="D64" s="29">
        <v>210</v>
      </c>
    </row>
    <row r="65" spans="1:4" ht="18" customHeight="1" x14ac:dyDescent="0.2">
      <c r="A65" s="31" t="s">
        <v>58</v>
      </c>
      <c r="B65" s="27">
        <v>557</v>
      </c>
      <c r="C65" s="28">
        <v>534</v>
      </c>
      <c r="D65" s="29">
        <v>1091</v>
      </c>
    </row>
    <row r="66" spans="1:4" ht="18" customHeight="1" x14ac:dyDescent="0.2">
      <c r="A66" s="31">
        <v>50</v>
      </c>
      <c r="B66" s="27">
        <v>82</v>
      </c>
      <c r="C66" s="28">
        <v>89</v>
      </c>
      <c r="D66" s="29">
        <v>171</v>
      </c>
    </row>
    <row r="67" spans="1:4" ht="18" customHeight="1" x14ac:dyDescent="0.2">
      <c r="A67" s="31">
        <v>51</v>
      </c>
      <c r="B67" s="27">
        <v>79</v>
      </c>
      <c r="C67" s="28">
        <v>94</v>
      </c>
      <c r="D67" s="29">
        <v>173</v>
      </c>
    </row>
    <row r="68" spans="1:4" ht="18" customHeight="1" x14ac:dyDescent="0.2">
      <c r="A68" s="31">
        <v>52</v>
      </c>
      <c r="B68" s="27">
        <v>61</v>
      </c>
      <c r="C68" s="28">
        <v>62</v>
      </c>
      <c r="D68" s="29">
        <v>123</v>
      </c>
    </row>
    <row r="69" spans="1:4" ht="18" customHeight="1" x14ac:dyDescent="0.2">
      <c r="A69" s="31">
        <v>53</v>
      </c>
      <c r="B69" s="27">
        <v>93</v>
      </c>
      <c r="C69" s="28">
        <v>73</v>
      </c>
      <c r="D69" s="29">
        <v>166</v>
      </c>
    </row>
    <row r="70" spans="1:4" ht="18" customHeight="1" x14ac:dyDescent="0.2">
      <c r="A70" s="31">
        <v>54</v>
      </c>
      <c r="B70" s="27">
        <v>82</v>
      </c>
      <c r="C70" s="28">
        <v>77</v>
      </c>
      <c r="D70" s="29">
        <v>159</v>
      </c>
    </row>
    <row r="71" spans="1:4" ht="18" customHeight="1" x14ac:dyDescent="0.2">
      <c r="A71" s="31" t="s">
        <v>59</v>
      </c>
      <c r="B71" s="27">
        <v>397</v>
      </c>
      <c r="C71" s="28">
        <v>395</v>
      </c>
      <c r="D71" s="29">
        <v>792</v>
      </c>
    </row>
    <row r="72" spans="1:4" ht="18" customHeight="1" x14ac:dyDescent="0.2">
      <c r="A72" s="31">
        <v>55</v>
      </c>
      <c r="B72" s="27">
        <v>69</v>
      </c>
      <c r="C72" s="28">
        <v>71</v>
      </c>
      <c r="D72" s="29">
        <v>140</v>
      </c>
    </row>
    <row r="73" spans="1:4" ht="18" customHeight="1" x14ac:dyDescent="0.2">
      <c r="A73" s="31">
        <v>56</v>
      </c>
      <c r="B73" s="27">
        <v>72</v>
      </c>
      <c r="C73" s="28">
        <v>72</v>
      </c>
      <c r="D73" s="29">
        <v>144</v>
      </c>
    </row>
    <row r="74" spans="1:4" ht="18" customHeight="1" x14ac:dyDescent="0.2">
      <c r="A74" s="31">
        <v>57</v>
      </c>
      <c r="B74" s="27">
        <v>78</v>
      </c>
      <c r="C74" s="28">
        <v>73</v>
      </c>
      <c r="D74" s="29">
        <v>151</v>
      </c>
    </row>
    <row r="75" spans="1:4" ht="18" customHeight="1" x14ac:dyDescent="0.2">
      <c r="A75" s="31">
        <v>58</v>
      </c>
      <c r="B75" s="27">
        <v>82</v>
      </c>
      <c r="C75" s="28">
        <v>83</v>
      </c>
      <c r="D75" s="29">
        <v>165</v>
      </c>
    </row>
    <row r="76" spans="1:4" ht="18" customHeight="1" x14ac:dyDescent="0.2">
      <c r="A76" s="31">
        <v>59</v>
      </c>
      <c r="B76" s="27">
        <v>50</v>
      </c>
      <c r="C76" s="28">
        <v>58</v>
      </c>
      <c r="D76" s="29">
        <v>108</v>
      </c>
    </row>
    <row r="77" spans="1:4" ht="18" customHeight="1" x14ac:dyDescent="0.2">
      <c r="A77" s="31" t="s">
        <v>60</v>
      </c>
      <c r="B77" s="27">
        <v>351</v>
      </c>
      <c r="C77" s="28">
        <v>357</v>
      </c>
      <c r="D77" s="29">
        <v>708</v>
      </c>
    </row>
    <row r="78" spans="1:4" ht="18" customHeight="1" x14ac:dyDescent="0.2">
      <c r="A78" s="31">
        <v>60</v>
      </c>
      <c r="B78" s="27">
        <v>72</v>
      </c>
      <c r="C78" s="28">
        <v>78</v>
      </c>
      <c r="D78" s="29">
        <v>150</v>
      </c>
    </row>
    <row r="79" spans="1:4" ht="18" customHeight="1" x14ac:dyDescent="0.2">
      <c r="A79" s="31">
        <v>61</v>
      </c>
      <c r="B79" s="27">
        <v>68</v>
      </c>
      <c r="C79" s="28">
        <v>58</v>
      </c>
      <c r="D79" s="29">
        <v>126</v>
      </c>
    </row>
    <row r="80" spans="1:4" ht="18" customHeight="1" x14ac:dyDescent="0.2">
      <c r="A80" s="31">
        <v>62</v>
      </c>
      <c r="B80" s="27">
        <v>65</v>
      </c>
      <c r="C80" s="28">
        <v>62</v>
      </c>
      <c r="D80" s="29">
        <v>127</v>
      </c>
    </row>
    <row r="81" spans="1:4" ht="18" customHeight="1" x14ac:dyDescent="0.2">
      <c r="A81" s="31">
        <v>63</v>
      </c>
      <c r="B81" s="27">
        <v>69</v>
      </c>
      <c r="C81" s="28">
        <v>81</v>
      </c>
      <c r="D81" s="29">
        <v>150</v>
      </c>
    </row>
    <row r="82" spans="1:4" ht="18" customHeight="1" x14ac:dyDescent="0.2">
      <c r="A82" s="31">
        <v>64</v>
      </c>
      <c r="B82" s="27">
        <v>85</v>
      </c>
      <c r="C82" s="28">
        <v>77</v>
      </c>
      <c r="D82" s="29">
        <v>162</v>
      </c>
    </row>
    <row r="83" spans="1:4" ht="18" customHeight="1" x14ac:dyDescent="0.2">
      <c r="A83" s="31" t="s">
        <v>61</v>
      </c>
      <c r="B83" s="27">
        <v>359</v>
      </c>
      <c r="C83" s="28">
        <v>356</v>
      </c>
      <c r="D83" s="29">
        <v>715</v>
      </c>
    </row>
    <row r="84" spans="1:4" ht="18" customHeight="1" x14ac:dyDescent="0.2">
      <c r="A84" s="31" t="s">
        <v>62</v>
      </c>
      <c r="B84" s="27">
        <v>4133</v>
      </c>
      <c r="C84" s="28">
        <v>3861</v>
      </c>
      <c r="D84" s="29">
        <v>7994</v>
      </c>
    </row>
    <row r="85" spans="1:4" ht="18" customHeight="1" x14ac:dyDescent="0.2">
      <c r="A85" s="31">
        <v>65</v>
      </c>
      <c r="B85" s="27">
        <v>91</v>
      </c>
      <c r="C85" s="28">
        <v>68</v>
      </c>
      <c r="D85" s="29">
        <v>159</v>
      </c>
    </row>
    <row r="86" spans="1:4" ht="18" customHeight="1" x14ac:dyDescent="0.2">
      <c r="A86" s="31">
        <v>66</v>
      </c>
      <c r="B86" s="27">
        <v>76</v>
      </c>
      <c r="C86" s="28">
        <v>81</v>
      </c>
      <c r="D86" s="29">
        <v>157</v>
      </c>
    </row>
    <row r="87" spans="1:4" ht="18" customHeight="1" x14ac:dyDescent="0.2">
      <c r="A87" s="31">
        <v>67</v>
      </c>
      <c r="B87" s="27">
        <v>85</v>
      </c>
      <c r="C87" s="28">
        <v>80</v>
      </c>
      <c r="D87" s="29">
        <v>165</v>
      </c>
    </row>
    <row r="88" spans="1:4" ht="18" customHeight="1" x14ac:dyDescent="0.2">
      <c r="A88" s="31">
        <v>68</v>
      </c>
      <c r="B88" s="27">
        <v>84</v>
      </c>
      <c r="C88" s="28">
        <v>98</v>
      </c>
      <c r="D88" s="29">
        <v>182</v>
      </c>
    </row>
    <row r="89" spans="1:4" ht="18" customHeight="1" x14ac:dyDescent="0.2">
      <c r="A89" s="31">
        <v>69</v>
      </c>
      <c r="B89" s="27">
        <v>90</v>
      </c>
      <c r="C89" s="28">
        <v>87</v>
      </c>
      <c r="D89" s="29">
        <v>177</v>
      </c>
    </row>
    <row r="90" spans="1:4" ht="18" customHeight="1" x14ac:dyDescent="0.2">
      <c r="A90" s="31" t="s">
        <v>63</v>
      </c>
      <c r="B90" s="27">
        <v>426</v>
      </c>
      <c r="C90" s="28">
        <v>414</v>
      </c>
      <c r="D90" s="29">
        <v>840</v>
      </c>
    </row>
    <row r="91" spans="1:4" ht="18" customHeight="1" x14ac:dyDescent="0.2">
      <c r="A91" s="31">
        <v>70</v>
      </c>
      <c r="B91" s="27">
        <v>105</v>
      </c>
      <c r="C91" s="28">
        <v>115</v>
      </c>
      <c r="D91" s="29">
        <v>220</v>
      </c>
    </row>
    <row r="92" spans="1:4" ht="18" customHeight="1" x14ac:dyDescent="0.2">
      <c r="A92" s="31">
        <v>71</v>
      </c>
      <c r="B92" s="27">
        <v>95</v>
      </c>
      <c r="C92" s="28">
        <v>134</v>
      </c>
      <c r="D92" s="29">
        <v>229</v>
      </c>
    </row>
    <row r="93" spans="1:4" ht="18" customHeight="1" x14ac:dyDescent="0.2">
      <c r="A93" s="31">
        <v>72</v>
      </c>
      <c r="B93" s="27">
        <v>57</v>
      </c>
      <c r="C93" s="28">
        <v>62</v>
      </c>
      <c r="D93" s="29">
        <v>119</v>
      </c>
    </row>
    <row r="94" spans="1:4" ht="18" customHeight="1" x14ac:dyDescent="0.2">
      <c r="A94" s="31">
        <v>73</v>
      </c>
      <c r="B94" s="27">
        <v>51</v>
      </c>
      <c r="C94" s="28">
        <v>62</v>
      </c>
      <c r="D94" s="29">
        <v>113</v>
      </c>
    </row>
    <row r="95" spans="1:4" ht="18" customHeight="1" x14ac:dyDescent="0.2">
      <c r="A95" s="31">
        <v>74</v>
      </c>
      <c r="B95" s="27">
        <v>61</v>
      </c>
      <c r="C95" s="28">
        <v>79</v>
      </c>
      <c r="D95" s="29">
        <v>140</v>
      </c>
    </row>
    <row r="96" spans="1:4" ht="18" customHeight="1" x14ac:dyDescent="0.2">
      <c r="A96" s="31" t="s">
        <v>64</v>
      </c>
      <c r="B96" s="27">
        <v>369</v>
      </c>
      <c r="C96" s="28">
        <v>452</v>
      </c>
      <c r="D96" s="29">
        <v>821</v>
      </c>
    </row>
    <row r="97" spans="1:4" ht="18" customHeight="1" x14ac:dyDescent="0.2">
      <c r="A97" s="31">
        <v>75</v>
      </c>
      <c r="B97" s="27">
        <v>61</v>
      </c>
      <c r="C97" s="28">
        <v>70</v>
      </c>
      <c r="D97" s="29">
        <v>131</v>
      </c>
    </row>
    <row r="98" spans="1:4" ht="18" customHeight="1" x14ac:dyDescent="0.2">
      <c r="A98" s="31">
        <v>76</v>
      </c>
      <c r="B98" s="27">
        <v>74</v>
      </c>
      <c r="C98" s="28">
        <v>74</v>
      </c>
      <c r="D98" s="29">
        <v>148</v>
      </c>
    </row>
    <row r="99" spans="1:4" ht="18" customHeight="1" x14ac:dyDescent="0.2">
      <c r="A99" s="31">
        <v>77</v>
      </c>
      <c r="B99" s="27">
        <v>49</v>
      </c>
      <c r="C99" s="28">
        <v>60</v>
      </c>
      <c r="D99" s="29">
        <v>109</v>
      </c>
    </row>
    <row r="100" spans="1:4" ht="18" customHeight="1" x14ac:dyDescent="0.2">
      <c r="A100" s="31">
        <v>78</v>
      </c>
      <c r="B100" s="27">
        <v>57</v>
      </c>
      <c r="C100" s="28">
        <v>61</v>
      </c>
      <c r="D100" s="29">
        <v>118</v>
      </c>
    </row>
    <row r="101" spans="1:4" ht="18" customHeight="1" x14ac:dyDescent="0.2">
      <c r="A101" s="31">
        <v>79</v>
      </c>
      <c r="B101" s="27">
        <v>42</v>
      </c>
      <c r="C101" s="28">
        <v>51</v>
      </c>
      <c r="D101" s="29">
        <v>93</v>
      </c>
    </row>
    <row r="102" spans="1:4" ht="18" customHeight="1" x14ac:dyDescent="0.2">
      <c r="A102" s="31" t="s">
        <v>65</v>
      </c>
      <c r="B102" s="27">
        <v>283</v>
      </c>
      <c r="C102" s="28">
        <v>316</v>
      </c>
      <c r="D102" s="29">
        <v>599</v>
      </c>
    </row>
    <row r="103" spans="1:4" ht="18" customHeight="1" x14ac:dyDescent="0.2">
      <c r="A103" s="31">
        <v>80</v>
      </c>
      <c r="B103" s="27">
        <v>39</v>
      </c>
      <c r="C103" s="28">
        <v>53</v>
      </c>
      <c r="D103" s="29">
        <v>92</v>
      </c>
    </row>
    <row r="104" spans="1:4" ht="18" customHeight="1" x14ac:dyDescent="0.2">
      <c r="A104" s="31">
        <v>81</v>
      </c>
      <c r="B104" s="27">
        <v>40</v>
      </c>
      <c r="C104" s="28">
        <v>63</v>
      </c>
      <c r="D104" s="29">
        <v>103</v>
      </c>
    </row>
    <row r="105" spans="1:4" ht="18" customHeight="1" x14ac:dyDescent="0.2">
      <c r="A105" s="31">
        <v>82</v>
      </c>
      <c r="B105" s="27">
        <v>42</v>
      </c>
      <c r="C105" s="28">
        <v>61</v>
      </c>
      <c r="D105" s="29">
        <v>103</v>
      </c>
    </row>
    <row r="106" spans="1:4" ht="18" customHeight="1" x14ac:dyDescent="0.2">
      <c r="A106" s="31">
        <v>83</v>
      </c>
      <c r="B106" s="27">
        <v>22</v>
      </c>
      <c r="C106" s="28">
        <v>35</v>
      </c>
      <c r="D106" s="29">
        <v>57</v>
      </c>
    </row>
    <row r="107" spans="1:4" ht="18" customHeight="1" x14ac:dyDescent="0.2">
      <c r="A107" s="31">
        <v>84</v>
      </c>
      <c r="B107" s="27">
        <v>30</v>
      </c>
      <c r="C107" s="28">
        <v>43</v>
      </c>
      <c r="D107" s="29">
        <v>73</v>
      </c>
    </row>
    <row r="108" spans="1:4" ht="18" customHeight="1" x14ac:dyDescent="0.2">
      <c r="A108" s="31" t="s">
        <v>66</v>
      </c>
      <c r="B108" s="27">
        <v>173</v>
      </c>
      <c r="C108" s="28">
        <v>255</v>
      </c>
      <c r="D108" s="29">
        <v>428</v>
      </c>
    </row>
    <row r="109" spans="1:4" ht="18" customHeight="1" x14ac:dyDescent="0.2">
      <c r="A109" s="31">
        <v>85</v>
      </c>
      <c r="B109" s="27">
        <v>14</v>
      </c>
      <c r="C109" s="28">
        <v>42</v>
      </c>
      <c r="D109" s="29">
        <v>56</v>
      </c>
    </row>
    <row r="110" spans="1:4" ht="18" customHeight="1" x14ac:dyDescent="0.2">
      <c r="A110" s="31">
        <v>86</v>
      </c>
      <c r="B110" s="27">
        <v>24</v>
      </c>
      <c r="C110" s="28">
        <v>46</v>
      </c>
      <c r="D110" s="29">
        <v>70</v>
      </c>
    </row>
    <row r="111" spans="1:4" ht="18" customHeight="1" x14ac:dyDescent="0.2">
      <c r="A111" s="31">
        <v>87</v>
      </c>
      <c r="B111" s="27">
        <v>14</v>
      </c>
      <c r="C111" s="28">
        <v>32</v>
      </c>
      <c r="D111" s="29">
        <v>46</v>
      </c>
    </row>
    <row r="112" spans="1:4" ht="18" customHeight="1" x14ac:dyDescent="0.2">
      <c r="A112" s="31">
        <v>88</v>
      </c>
      <c r="B112" s="27">
        <v>12</v>
      </c>
      <c r="C112" s="28">
        <v>20</v>
      </c>
      <c r="D112" s="29">
        <v>32</v>
      </c>
    </row>
    <row r="113" spans="1:4" ht="18" customHeight="1" x14ac:dyDescent="0.2">
      <c r="A113" s="31">
        <v>89</v>
      </c>
      <c r="B113" s="27">
        <v>10</v>
      </c>
      <c r="C113" s="28">
        <v>24</v>
      </c>
      <c r="D113" s="29">
        <v>34</v>
      </c>
    </row>
    <row r="114" spans="1:4" ht="18" customHeight="1" x14ac:dyDescent="0.2">
      <c r="A114" s="31" t="s">
        <v>67</v>
      </c>
      <c r="B114" s="27">
        <v>74</v>
      </c>
      <c r="C114" s="28">
        <v>164</v>
      </c>
      <c r="D114" s="29">
        <v>238</v>
      </c>
    </row>
    <row r="115" spans="1:4" ht="18" customHeight="1" x14ac:dyDescent="0.2">
      <c r="A115" s="31">
        <v>90</v>
      </c>
      <c r="B115" s="27">
        <v>8</v>
      </c>
      <c r="C115" s="28">
        <v>25</v>
      </c>
      <c r="D115" s="29">
        <v>33</v>
      </c>
    </row>
    <row r="116" spans="1:4" ht="18" customHeight="1" x14ac:dyDescent="0.2">
      <c r="A116" s="31">
        <v>91</v>
      </c>
      <c r="B116" s="27">
        <v>6</v>
      </c>
      <c r="C116" s="28">
        <v>29</v>
      </c>
      <c r="D116" s="29">
        <v>35</v>
      </c>
    </row>
    <row r="117" spans="1:4" ht="18" customHeight="1" x14ac:dyDescent="0.2">
      <c r="A117" s="31">
        <v>92</v>
      </c>
      <c r="B117" s="27">
        <v>7</v>
      </c>
      <c r="C117" s="28">
        <v>12</v>
      </c>
      <c r="D117" s="29">
        <v>19</v>
      </c>
    </row>
    <row r="118" spans="1:4" ht="18" customHeight="1" x14ac:dyDescent="0.2">
      <c r="A118" s="31">
        <v>93</v>
      </c>
      <c r="B118" s="27">
        <v>1</v>
      </c>
      <c r="C118" s="28">
        <v>9</v>
      </c>
      <c r="D118" s="29">
        <v>10</v>
      </c>
    </row>
    <row r="119" spans="1:4" ht="18" customHeight="1" x14ac:dyDescent="0.2">
      <c r="A119" s="31">
        <v>94</v>
      </c>
      <c r="B119" s="27">
        <v>3</v>
      </c>
      <c r="C119" s="28">
        <v>11</v>
      </c>
      <c r="D119" s="29">
        <v>14</v>
      </c>
    </row>
    <row r="120" spans="1:4" ht="18" customHeight="1" x14ac:dyDescent="0.2">
      <c r="A120" s="31" t="s">
        <v>68</v>
      </c>
      <c r="B120" s="27">
        <v>25</v>
      </c>
      <c r="C120" s="28">
        <v>86</v>
      </c>
      <c r="D120" s="29">
        <v>111</v>
      </c>
    </row>
    <row r="121" spans="1:4" ht="18" customHeight="1" x14ac:dyDescent="0.2">
      <c r="A121" s="31">
        <v>95</v>
      </c>
      <c r="B121" s="27">
        <v>2</v>
      </c>
      <c r="C121" s="28">
        <v>5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4</v>
      </c>
      <c r="C126" s="28">
        <v>21</v>
      </c>
      <c r="D126" s="29">
        <v>2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354</v>
      </c>
      <c r="C130" s="5">
        <v>1708</v>
      </c>
      <c r="D130" s="6">
        <v>3062</v>
      </c>
    </row>
    <row r="131" spans="1:4" ht="18" customHeight="1" x14ac:dyDescent="0.2">
      <c r="A131" s="33" t="s">
        <v>47</v>
      </c>
      <c r="B131" s="7">
        <v>6333</v>
      </c>
      <c r="C131" s="8">
        <v>6365</v>
      </c>
      <c r="D131" s="9">
        <v>1269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238</v>
      </c>
      <c r="C5" s="37">
        <v>1168</v>
      </c>
      <c r="D5" s="39">
        <v>2406</v>
      </c>
    </row>
    <row r="6" spans="1:10" ht="18" customHeight="1" x14ac:dyDescent="0.2">
      <c r="A6" s="31">
        <v>1</v>
      </c>
      <c r="B6" s="35">
        <v>1264</v>
      </c>
      <c r="C6" s="28">
        <v>1153</v>
      </c>
      <c r="D6" s="29">
        <v>2417</v>
      </c>
    </row>
    <row r="7" spans="1:10" ht="18" customHeight="1" x14ac:dyDescent="0.2">
      <c r="A7" s="31">
        <v>2</v>
      </c>
      <c r="B7" s="35">
        <v>1227</v>
      </c>
      <c r="C7" s="28">
        <v>1235</v>
      </c>
      <c r="D7" s="29">
        <v>2462</v>
      </c>
    </row>
    <row r="8" spans="1:10" ht="18" customHeight="1" x14ac:dyDescent="0.2">
      <c r="A8" s="31">
        <v>3</v>
      </c>
      <c r="B8" s="35">
        <v>1299</v>
      </c>
      <c r="C8" s="28">
        <v>1184</v>
      </c>
      <c r="D8" s="29">
        <v>2483</v>
      </c>
    </row>
    <row r="9" spans="1:10" ht="18" customHeight="1" x14ac:dyDescent="0.2">
      <c r="A9" s="31">
        <v>4</v>
      </c>
      <c r="B9" s="36">
        <v>1261</v>
      </c>
      <c r="C9" s="38">
        <v>1245</v>
      </c>
      <c r="D9" s="40">
        <v>2506</v>
      </c>
    </row>
    <row r="10" spans="1:10" ht="18" customHeight="1" x14ac:dyDescent="0.2">
      <c r="A10" s="31" t="s">
        <v>48</v>
      </c>
      <c r="B10" s="27">
        <v>6289</v>
      </c>
      <c r="C10" s="28">
        <v>5985</v>
      </c>
      <c r="D10" s="29">
        <v>12274</v>
      </c>
    </row>
    <row r="11" spans="1:10" ht="18" customHeight="1" x14ac:dyDescent="0.2">
      <c r="A11" s="31">
        <v>5</v>
      </c>
      <c r="B11" s="35">
        <v>1265</v>
      </c>
      <c r="C11" s="28">
        <v>1216</v>
      </c>
      <c r="D11" s="29">
        <v>2481</v>
      </c>
    </row>
    <row r="12" spans="1:10" ht="18" customHeight="1" x14ac:dyDescent="0.2">
      <c r="A12" s="31">
        <v>6</v>
      </c>
      <c r="B12" s="35">
        <v>1317</v>
      </c>
      <c r="C12" s="28">
        <v>1260</v>
      </c>
      <c r="D12" s="29">
        <v>2577</v>
      </c>
    </row>
    <row r="13" spans="1:10" ht="18" customHeight="1" x14ac:dyDescent="0.2">
      <c r="A13" s="31">
        <v>7</v>
      </c>
      <c r="B13" s="35">
        <v>1312</v>
      </c>
      <c r="C13" s="28">
        <v>1275</v>
      </c>
      <c r="D13" s="29">
        <v>2587</v>
      </c>
    </row>
    <row r="14" spans="1:10" ht="18" customHeight="1" x14ac:dyDescent="0.2">
      <c r="A14" s="31">
        <v>8</v>
      </c>
      <c r="B14" s="35">
        <v>1385</v>
      </c>
      <c r="C14" s="28">
        <v>1227</v>
      </c>
      <c r="D14" s="29">
        <v>2612</v>
      </c>
    </row>
    <row r="15" spans="1:10" ht="18" customHeight="1" x14ac:dyDescent="0.2">
      <c r="A15" s="31">
        <v>9</v>
      </c>
      <c r="B15" s="35">
        <v>1307</v>
      </c>
      <c r="C15" s="28">
        <v>1293</v>
      </c>
      <c r="D15" s="29">
        <v>2600</v>
      </c>
    </row>
    <row r="16" spans="1:10" ht="18" customHeight="1" x14ac:dyDescent="0.2">
      <c r="A16" s="31" t="s">
        <v>49</v>
      </c>
      <c r="B16" s="27">
        <v>6586</v>
      </c>
      <c r="C16" s="28">
        <v>6271</v>
      </c>
      <c r="D16" s="29">
        <v>12857</v>
      </c>
    </row>
    <row r="17" spans="1:4" ht="18" customHeight="1" x14ac:dyDescent="0.2">
      <c r="A17" s="31">
        <v>10</v>
      </c>
      <c r="B17" s="27">
        <v>1360</v>
      </c>
      <c r="C17" s="28">
        <v>1314</v>
      </c>
      <c r="D17" s="29">
        <v>2674</v>
      </c>
    </row>
    <row r="18" spans="1:4" ht="18" customHeight="1" x14ac:dyDescent="0.2">
      <c r="A18" s="31">
        <v>11</v>
      </c>
      <c r="B18" s="27">
        <v>1366</v>
      </c>
      <c r="C18" s="28">
        <v>1330</v>
      </c>
      <c r="D18" s="29">
        <v>2696</v>
      </c>
    </row>
    <row r="19" spans="1:4" ht="18" customHeight="1" x14ac:dyDescent="0.2">
      <c r="A19" s="31">
        <v>12</v>
      </c>
      <c r="B19" s="27">
        <v>1378</v>
      </c>
      <c r="C19" s="28">
        <v>1353</v>
      </c>
      <c r="D19" s="29">
        <v>2731</v>
      </c>
    </row>
    <row r="20" spans="1:4" ht="18" customHeight="1" x14ac:dyDescent="0.2">
      <c r="A20" s="31">
        <v>13</v>
      </c>
      <c r="B20" s="27">
        <v>1398</v>
      </c>
      <c r="C20" s="28">
        <v>1276</v>
      </c>
      <c r="D20" s="29">
        <v>2674</v>
      </c>
    </row>
    <row r="21" spans="1:4" ht="18" customHeight="1" x14ac:dyDescent="0.2">
      <c r="A21" s="31">
        <v>14</v>
      </c>
      <c r="B21" s="27">
        <v>1451</v>
      </c>
      <c r="C21" s="28">
        <v>1425</v>
      </c>
      <c r="D21" s="29">
        <v>2876</v>
      </c>
    </row>
    <row r="22" spans="1:4" ht="18" customHeight="1" x14ac:dyDescent="0.2">
      <c r="A22" s="31" t="s">
        <v>50</v>
      </c>
      <c r="B22" s="27">
        <v>6953</v>
      </c>
      <c r="C22" s="28">
        <v>6698</v>
      </c>
      <c r="D22" s="29">
        <v>13651</v>
      </c>
    </row>
    <row r="23" spans="1:4" ht="18" customHeight="1" x14ac:dyDescent="0.2">
      <c r="A23" s="31" t="s">
        <v>51</v>
      </c>
      <c r="B23" s="27">
        <v>19828</v>
      </c>
      <c r="C23" s="28">
        <v>18954</v>
      </c>
      <c r="D23" s="29">
        <v>38782</v>
      </c>
    </row>
    <row r="24" spans="1:4" ht="18" customHeight="1" x14ac:dyDescent="0.2">
      <c r="A24" s="31">
        <v>15</v>
      </c>
      <c r="B24" s="27">
        <v>1424</v>
      </c>
      <c r="C24" s="28">
        <v>1420</v>
      </c>
      <c r="D24" s="29">
        <v>2844</v>
      </c>
    </row>
    <row r="25" spans="1:4" ht="18" customHeight="1" x14ac:dyDescent="0.2">
      <c r="A25" s="31">
        <v>16</v>
      </c>
      <c r="B25" s="27">
        <v>1504</v>
      </c>
      <c r="C25" s="28">
        <v>1395</v>
      </c>
      <c r="D25" s="29">
        <v>2899</v>
      </c>
    </row>
    <row r="26" spans="1:4" ht="18" customHeight="1" x14ac:dyDescent="0.2">
      <c r="A26" s="31">
        <v>17</v>
      </c>
      <c r="B26" s="27">
        <v>1529</v>
      </c>
      <c r="C26" s="28">
        <v>1436</v>
      </c>
      <c r="D26" s="29">
        <v>2965</v>
      </c>
    </row>
    <row r="27" spans="1:4" ht="18" customHeight="1" x14ac:dyDescent="0.2">
      <c r="A27" s="31">
        <v>18</v>
      </c>
      <c r="B27" s="27">
        <v>1640</v>
      </c>
      <c r="C27" s="28">
        <v>1424</v>
      </c>
      <c r="D27" s="29">
        <v>3064</v>
      </c>
    </row>
    <row r="28" spans="1:4" ht="18" customHeight="1" x14ac:dyDescent="0.2">
      <c r="A28" s="31">
        <v>19</v>
      </c>
      <c r="B28" s="27">
        <v>1661</v>
      </c>
      <c r="C28" s="28">
        <v>1478</v>
      </c>
      <c r="D28" s="29">
        <v>3139</v>
      </c>
    </row>
    <row r="29" spans="1:4" ht="18" customHeight="1" x14ac:dyDescent="0.2">
      <c r="A29" s="31" t="s">
        <v>52</v>
      </c>
      <c r="B29" s="27">
        <v>7758</v>
      </c>
      <c r="C29" s="28">
        <v>7153</v>
      </c>
      <c r="D29" s="29">
        <v>14911</v>
      </c>
    </row>
    <row r="30" spans="1:4" ht="18" customHeight="1" x14ac:dyDescent="0.2">
      <c r="A30" s="31">
        <v>20</v>
      </c>
      <c r="B30" s="27">
        <v>1595</v>
      </c>
      <c r="C30" s="28">
        <v>1443</v>
      </c>
      <c r="D30" s="29">
        <v>3038</v>
      </c>
    </row>
    <row r="31" spans="1:4" ht="18" customHeight="1" x14ac:dyDescent="0.2">
      <c r="A31" s="31">
        <v>21</v>
      </c>
      <c r="B31" s="27">
        <v>1681</v>
      </c>
      <c r="C31" s="28">
        <v>1487</v>
      </c>
      <c r="D31" s="29">
        <v>3168</v>
      </c>
    </row>
    <row r="32" spans="1:4" ht="18" customHeight="1" x14ac:dyDescent="0.2">
      <c r="A32" s="31">
        <v>22</v>
      </c>
      <c r="B32" s="27">
        <v>1578</v>
      </c>
      <c r="C32" s="28">
        <v>1466</v>
      </c>
      <c r="D32" s="29">
        <v>3044</v>
      </c>
    </row>
    <row r="33" spans="1:4" ht="18" customHeight="1" x14ac:dyDescent="0.2">
      <c r="A33" s="31">
        <v>23</v>
      </c>
      <c r="B33" s="27">
        <v>1775</v>
      </c>
      <c r="C33" s="28">
        <v>1434</v>
      </c>
      <c r="D33" s="29">
        <v>3209</v>
      </c>
    </row>
    <row r="34" spans="1:4" ht="18" customHeight="1" x14ac:dyDescent="0.2">
      <c r="A34" s="31">
        <v>24</v>
      </c>
      <c r="B34" s="27">
        <v>1709</v>
      </c>
      <c r="C34" s="28">
        <v>1489</v>
      </c>
      <c r="D34" s="29">
        <v>3198</v>
      </c>
    </row>
    <row r="35" spans="1:4" ht="18" customHeight="1" x14ac:dyDescent="0.2">
      <c r="A35" s="31" t="s">
        <v>53</v>
      </c>
      <c r="B35" s="27">
        <v>8338</v>
      </c>
      <c r="C35" s="28">
        <v>7319</v>
      </c>
      <c r="D35" s="29">
        <v>15657</v>
      </c>
    </row>
    <row r="36" spans="1:4" ht="18" customHeight="1" x14ac:dyDescent="0.2">
      <c r="A36" s="31">
        <v>25</v>
      </c>
      <c r="B36" s="27">
        <v>1606</v>
      </c>
      <c r="C36" s="28">
        <v>1415</v>
      </c>
      <c r="D36" s="29">
        <v>3021</v>
      </c>
    </row>
    <row r="37" spans="1:4" ht="18" customHeight="1" x14ac:dyDescent="0.2">
      <c r="A37" s="31">
        <v>26</v>
      </c>
      <c r="B37" s="27">
        <v>1657</v>
      </c>
      <c r="C37" s="28">
        <v>1426</v>
      </c>
      <c r="D37" s="29">
        <v>3083</v>
      </c>
    </row>
    <row r="38" spans="1:4" ht="18" customHeight="1" x14ac:dyDescent="0.2">
      <c r="A38" s="31">
        <v>27</v>
      </c>
      <c r="B38" s="27">
        <v>1625</v>
      </c>
      <c r="C38" s="28">
        <v>1415</v>
      </c>
      <c r="D38" s="29">
        <v>3040</v>
      </c>
    </row>
    <row r="39" spans="1:4" ht="18" customHeight="1" x14ac:dyDescent="0.2">
      <c r="A39" s="31">
        <v>28</v>
      </c>
      <c r="B39" s="27">
        <v>1716</v>
      </c>
      <c r="C39" s="28">
        <v>1466</v>
      </c>
      <c r="D39" s="29">
        <v>3182</v>
      </c>
    </row>
    <row r="40" spans="1:4" ht="18" customHeight="1" x14ac:dyDescent="0.2">
      <c r="A40" s="31">
        <v>29</v>
      </c>
      <c r="B40" s="27">
        <v>1679</v>
      </c>
      <c r="C40" s="28">
        <v>1492</v>
      </c>
      <c r="D40" s="29">
        <v>3171</v>
      </c>
    </row>
    <row r="41" spans="1:4" ht="18" customHeight="1" x14ac:dyDescent="0.2">
      <c r="A41" s="31" t="s">
        <v>54</v>
      </c>
      <c r="B41" s="27">
        <v>8283</v>
      </c>
      <c r="C41" s="28">
        <v>7214</v>
      </c>
      <c r="D41" s="29">
        <v>15497</v>
      </c>
    </row>
    <row r="42" spans="1:4" ht="18" customHeight="1" x14ac:dyDescent="0.2">
      <c r="A42" s="31">
        <v>30</v>
      </c>
      <c r="B42" s="27">
        <v>1740</v>
      </c>
      <c r="C42" s="28">
        <v>1576</v>
      </c>
      <c r="D42" s="29">
        <v>3316</v>
      </c>
    </row>
    <row r="43" spans="1:4" ht="18" customHeight="1" x14ac:dyDescent="0.2">
      <c r="A43" s="31">
        <v>31</v>
      </c>
      <c r="B43" s="27">
        <v>1672</v>
      </c>
      <c r="C43" s="28">
        <v>1600</v>
      </c>
      <c r="D43" s="29">
        <v>3272</v>
      </c>
    </row>
    <row r="44" spans="1:4" ht="18" customHeight="1" x14ac:dyDescent="0.2">
      <c r="A44" s="31">
        <v>32</v>
      </c>
      <c r="B44" s="27">
        <v>1823</v>
      </c>
      <c r="C44" s="28">
        <v>1660</v>
      </c>
      <c r="D44" s="29">
        <v>3483</v>
      </c>
    </row>
    <row r="45" spans="1:4" ht="18" customHeight="1" x14ac:dyDescent="0.2">
      <c r="A45" s="31">
        <v>33</v>
      </c>
      <c r="B45" s="27">
        <v>1857</v>
      </c>
      <c r="C45" s="28">
        <v>1697</v>
      </c>
      <c r="D45" s="29">
        <v>3554</v>
      </c>
    </row>
    <row r="46" spans="1:4" ht="18" customHeight="1" x14ac:dyDescent="0.2">
      <c r="A46" s="31">
        <v>34</v>
      </c>
      <c r="B46" s="27">
        <v>1938</v>
      </c>
      <c r="C46" s="28">
        <v>1726</v>
      </c>
      <c r="D46" s="29">
        <v>3664</v>
      </c>
    </row>
    <row r="47" spans="1:4" ht="18" customHeight="1" x14ac:dyDescent="0.2">
      <c r="A47" s="31" t="s">
        <v>55</v>
      </c>
      <c r="B47" s="27">
        <v>9030</v>
      </c>
      <c r="C47" s="28">
        <v>8259</v>
      </c>
      <c r="D47" s="29">
        <v>17289</v>
      </c>
    </row>
    <row r="48" spans="1:4" ht="18" customHeight="1" x14ac:dyDescent="0.2">
      <c r="A48" s="31">
        <v>35</v>
      </c>
      <c r="B48" s="27">
        <v>1930</v>
      </c>
      <c r="C48" s="28">
        <v>1669</v>
      </c>
      <c r="D48" s="29">
        <v>3599</v>
      </c>
    </row>
    <row r="49" spans="1:4" ht="18" customHeight="1" x14ac:dyDescent="0.2">
      <c r="A49" s="31">
        <v>36</v>
      </c>
      <c r="B49" s="27">
        <v>1919</v>
      </c>
      <c r="C49" s="28">
        <v>1757</v>
      </c>
      <c r="D49" s="29">
        <v>3676</v>
      </c>
    </row>
    <row r="50" spans="1:4" ht="18" customHeight="1" x14ac:dyDescent="0.2">
      <c r="A50" s="31">
        <v>37</v>
      </c>
      <c r="B50" s="27">
        <v>1847</v>
      </c>
      <c r="C50" s="28">
        <v>1800</v>
      </c>
      <c r="D50" s="29">
        <v>3647</v>
      </c>
    </row>
    <row r="51" spans="1:4" ht="18" customHeight="1" x14ac:dyDescent="0.2">
      <c r="A51" s="31">
        <v>38</v>
      </c>
      <c r="B51" s="27">
        <v>1935</v>
      </c>
      <c r="C51" s="28">
        <v>1840</v>
      </c>
      <c r="D51" s="29">
        <v>3775</v>
      </c>
    </row>
    <row r="52" spans="1:4" ht="18" customHeight="1" x14ac:dyDescent="0.2">
      <c r="A52" s="31">
        <v>39</v>
      </c>
      <c r="B52" s="27">
        <v>2064</v>
      </c>
      <c r="C52" s="28">
        <v>1948</v>
      </c>
      <c r="D52" s="29">
        <v>4012</v>
      </c>
    </row>
    <row r="53" spans="1:4" ht="18" customHeight="1" x14ac:dyDescent="0.2">
      <c r="A53" s="31" t="s">
        <v>56</v>
      </c>
      <c r="B53" s="27">
        <v>9695</v>
      </c>
      <c r="C53" s="28">
        <v>9014</v>
      </c>
      <c r="D53" s="29">
        <v>18709</v>
      </c>
    </row>
    <row r="54" spans="1:4" ht="18" customHeight="1" x14ac:dyDescent="0.2">
      <c r="A54" s="31">
        <v>40</v>
      </c>
      <c r="B54" s="27">
        <v>2233</v>
      </c>
      <c r="C54" s="28">
        <v>2092</v>
      </c>
      <c r="D54" s="29">
        <v>4325</v>
      </c>
    </row>
    <row r="55" spans="1:4" ht="18" customHeight="1" x14ac:dyDescent="0.2">
      <c r="A55" s="31">
        <v>41</v>
      </c>
      <c r="B55" s="27">
        <v>2289</v>
      </c>
      <c r="C55" s="28">
        <v>2099</v>
      </c>
      <c r="D55" s="29">
        <v>4388</v>
      </c>
    </row>
    <row r="56" spans="1:4" ht="18" customHeight="1" x14ac:dyDescent="0.2">
      <c r="A56" s="31">
        <v>42</v>
      </c>
      <c r="B56" s="27">
        <v>2408</v>
      </c>
      <c r="C56" s="28">
        <v>2253</v>
      </c>
      <c r="D56" s="29">
        <v>4661</v>
      </c>
    </row>
    <row r="57" spans="1:4" ht="18" customHeight="1" x14ac:dyDescent="0.2">
      <c r="A57" s="31">
        <v>43</v>
      </c>
      <c r="B57" s="27">
        <v>2551</v>
      </c>
      <c r="C57" s="28">
        <v>2436</v>
      </c>
      <c r="D57" s="29">
        <v>4987</v>
      </c>
    </row>
    <row r="58" spans="1:4" ht="18" customHeight="1" x14ac:dyDescent="0.2">
      <c r="A58" s="31">
        <v>44</v>
      </c>
      <c r="B58" s="27">
        <v>2734</v>
      </c>
      <c r="C58" s="28">
        <v>2672</v>
      </c>
      <c r="D58" s="29">
        <v>5406</v>
      </c>
    </row>
    <row r="59" spans="1:4" ht="18" customHeight="1" x14ac:dyDescent="0.2">
      <c r="A59" s="31" t="s">
        <v>57</v>
      </c>
      <c r="B59" s="27">
        <v>12215</v>
      </c>
      <c r="C59" s="28">
        <v>11552</v>
      </c>
      <c r="D59" s="29">
        <v>23767</v>
      </c>
    </row>
    <row r="60" spans="1:4" ht="18" customHeight="1" x14ac:dyDescent="0.2">
      <c r="A60" s="31">
        <v>45</v>
      </c>
      <c r="B60" s="27">
        <v>2752</v>
      </c>
      <c r="C60" s="28">
        <v>2671</v>
      </c>
      <c r="D60" s="29">
        <v>5423</v>
      </c>
    </row>
    <row r="61" spans="1:4" ht="18" customHeight="1" x14ac:dyDescent="0.2">
      <c r="A61" s="31">
        <v>46</v>
      </c>
      <c r="B61" s="27">
        <v>2757</v>
      </c>
      <c r="C61" s="28">
        <v>2645</v>
      </c>
      <c r="D61" s="29">
        <v>5402</v>
      </c>
    </row>
    <row r="62" spans="1:4" ht="18" customHeight="1" x14ac:dyDescent="0.2">
      <c r="A62" s="31">
        <v>47</v>
      </c>
      <c r="B62" s="27">
        <v>2618</v>
      </c>
      <c r="C62" s="28">
        <v>2492</v>
      </c>
      <c r="D62" s="29">
        <v>5110</v>
      </c>
    </row>
    <row r="63" spans="1:4" ht="18" customHeight="1" x14ac:dyDescent="0.2">
      <c r="A63" s="31">
        <v>48</v>
      </c>
      <c r="B63" s="27">
        <v>2538</v>
      </c>
      <c r="C63" s="28">
        <v>2342</v>
      </c>
      <c r="D63" s="29">
        <v>4880</v>
      </c>
    </row>
    <row r="64" spans="1:4" ht="18" customHeight="1" x14ac:dyDescent="0.2">
      <c r="A64" s="31">
        <v>49</v>
      </c>
      <c r="B64" s="27">
        <v>2434</v>
      </c>
      <c r="C64" s="28">
        <v>2223</v>
      </c>
      <c r="D64" s="29">
        <v>4657</v>
      </c>
    </row>
    <row r="65" spans="1:4" ht="18" customHeight="1" x14ac:dyDescent="0.2">
      <c r="A65" s="31" t="s">
        <v>58</v>
      </c>
      <c r="B65" s="27">
        <v>13099</v>
      </c>
      <c r="C65" s="28">
        <v>12373</v>
      </c>
      <c r="D65" s="29">
        <v>25472</v>
      </c>
    </row>
    <row r="66" spans="1:4" ht="18" customHeight="1" x14ac:dyDescent="0.2">
      <c r="A66" s="31">
        <v>50</v>
      </c>
      <c r="B66" s="27">
        <v>2311</v>
      </c>
      <c r="C66" s="28">
        <v>2214</v>
      </c>
      <c r="D66" s="29">
        <v>4525</v>
      </c>
    </row>
    <row r="67" spans="1:4" ht="18" customHeight="1" x14ac:dyDescent="0.2">
      <c r="A67" s="31">
        <v>51</v>
      </c>
      <c r="B67" s="27">
        <v>2375</v>
      </c>
      <c r="C67" s="28">
        <v>2274</v>
      </c>
      <c r="D67" s="29">
        <v>4649</v>
      </c>
    </row>
    <row r="68" spans="1:4" ht="18" customHeight="1" x14ac:dyDescent="0.2">
      <c r="A68" s="31">
        <v>52</v>
      </c>
      <c r="B68" s="27">
        <v>1570</v>
      </c>
      <c r="C68" s="28">
        <v>1619</v>
      </c>
      <c r="D68" s="29">
        <v>3189</v>
      </c>
    </row>
    <row r="69" spans="1:4" ht="18" customHeight="1" x14ac:dyDescent="0.2">
      <c r="A69" s="31">
        <v>53</v>
      </c>
      <c r="B69" s="27">
        <v>2116</v>
      </c>
      <c r="C69" s="28">
        <v>2176</v>
      </c>
      <c r="D69" s="29">
        <v>4292</v>
      </c>
    </row>
    <row r="70" spans="1:4" ht="18" customHeight="1" x14ac:dyDescent="0.2">
      <c r="A70" s="31">
        <v>54</v>
      </c>
      <c r="B70" s="27">
        <v>2007</v>
      </c>
      <c r="C70" s="28">
        <v>1965</v>
      </c>
      <c r="D70" s="29">
        <v>3972</v>
      </c>
    </row>
    <row r="71" spans="1:4" ht="18" customHeight="1" x14ac:dyDescent="0.2">
      <c r="A71" s="31" t="s">
        <v>59</v>
      </c>
      <c r="B71" s="27">
        <v>10379</v>
      </c>
      <c r="C71" s="28">
        <v>10248</v>
      </c>
      <c r="D71" s="29">
        <v>20627</v>
      </c>
    </row>
    <row r="72" spans="1:4" ht="18" customHeight="1" x14ac:dyDescent="0.2">
      <c r="A72" s="31">
        <v>55</v>
      </c>
      <c r="B72" s="27">
        <v>1978</v>
      </c>
      <c r="C72" s="28">
        <v>1953</v>
      </c>
      <c r="D72" s="29">
        <v>3931</v>
      </c>
    </row>
    <row r="73" spans="1:4" ht="18" customHeight="1" x14ac:dyDescent="0.2">
      <c r="A73" s="31">
        <v>56</v>
      </c>
      <c r="B73" s="27">
        <v>1774</v>
      </c>
      <c r="C73" s="28">
        <v>1774</v>
      </c>
      <c r="D73" s="29">
        <v>3548</v>
      </c>
    </row>
    <row r="74" spans="1:4" ht="18" customHeight="1" x14ac:dyDescent="0.2">
      <c r="A74" s="31">
        <v>57</v>
      </c>
      <c r="B74" s="27">
        <v>1770</v>
      </c>
      <c r="C74" s="28">
        <v>1850</v>
      </c>
      <c r="D74" s="29">
        <v>3620</v>
      </c>
    </row>
    <row r="75" spans="1:4" ht="18" customHeight="1" x14ac:dyDescent="0.2">
      <c r="A75" s="31">
        <v>58</v>
      </c>
      <c r="B75" s="27">
        <v>1804</v>
      </c>
      <c r="C75" s="28">
        <v>1877</v>
      </c>
      <c r="D75" s="29">
        <v>3681</v>
      </c>
    </row>
    <row r="76" spans="1:4" ht="18" customHeight="1" x14ac:dyDescent="0.2">
      <c r="A76" s="31">
        <v>59</v>
      </c>
      <c r="B76" s="27">
        <v>1778</v>
      </c>
      <c r="C76" s="28">
        <v>1888</v>
      </c>
      <c r="D76" s="29">
        <v>3666</v>
      </c>
    </row>
    <row r="77" spans="1:4" ht="18" customHeight="1" x14ac:dyDescent="0.2">
      <c r="A77" s="31" t="s">
        <v>60</v>
      </c>
      <c r="B77" s="27">
        <v>9104</v>
      </c>
      <c r="C77" s="28">
        <v>9342</v>
      </c>
      <c r="D77" s="29">
        <v>18446</v>
      </c>
    </row>
    <row r="78" spans="1:4" ht="18" customHeight="1" x14ac:dyDescent="0.2">
      <c r="A78" s="31">
        <v>60</v>
      </c>
      <c r="B78" s="27">
        <v>1746</v>
      </c>
      <c r="C78" s="28">
        <v>1853</v>
      </c>
      <c r="D78" s="29">
        <v>3599</v>
      </c>
    </row>
    <row r="79" spans="1:4" ht="18" customHeight="1" x14ac:dyDescent="0.2">
      <c r="A79" s="31">
        <v>61</v>
      </c>
      <c r="B79" s="27">
        <v>1736</v>
      </c>
      <c r="C79" s="28">
        <v>1706</v>
      </c>
      <c r="D79" s="29">
        <v>3442</v>
      </c>
    </row>
    <row r="80" spans="1:4" ht="18" customHeight="1" x14ac:dyDescent="0.2">
      <c r="A80" s="31">
        <v>62</v>
      </c>
      <c r="B80" s="27">
        <v>1676</v>
      </c>
      <c r="C80" s="28">
        <v>1837</v>
      </c>
      <c r="D80" s="29">
        <v>3513</v>
      </c>
    </row>
    <row r="81" spans="1:4" ht="18" customHeight="1" x14ac:dyDescent="0.2">
      <c r="A81" s="31">
        <v>63</v>
      </c>
      <c r="B81" s="27">
        <v>1892</v>
      </c>
      <c r="C81" s="28">
        <v>1985</v>
      </c>
      <c r="D81" s="29">
        <v>3877</v>
      </c>
    </row>
    <row r="82" spans="1:4" ht="18" customHeight="1" x14ac:dyDescent="0.2">
      <c r="A82" s="31">
        <v>64</v>
      </c>
      <c r="B82" s="27">
        <v>1826</v>
      </c>
      <c r="C82" s="28">
        <v>1929</v>
      </c>
      <c r="D82" s="29">
        <v>3755</v>
      </c>
    </row>
    <row r="83" spans="1:4" ht="18" customHeight="1" x14ac:dyDescent="0.2">
      <c r="A83" s="31" t="s">
        <v>61</v>
      </c>
      <c r="B83" s="27">
        <v>8876</v>
      </c>
      <c r="C83" s="28">
        <v>9310</v>
      </c>
      <c r="D83" s="29">
        <v>18186</v>
      </c>
    </row>
    <row r="84" spans="1:4" ht="18" customHeight="1" x14ac:dyDescent="0.2">
      <c r="A84" s="31" t="s">
        <v>62</v>
      </c>
      <c r="B84" s="27">
        <v>96777</v>
      </c>
      <c r="C84" s="28">
        <v>91784</v>
      </c>
      <c r="D84" s="29">
        <v>188561</v>
      </c>
    </row>
    <row r="85" spans="1:4" ht="18" customHeight="1" x14ac:dyDescent="0.2">
      <c r="A85" s="31">
        <v>65</v>
      </c>
      <c r="B85" s="27">
        <v>1983</v>
      </c>
      <c r="C85" s="28">
        <v>2151</v>
      </c>
      <c r="D85" s="29">
        <v>4134</v>
      </c>
    </row>
    <row r="86" spans="1:4" ht="18" customHeight="1" x14ac:dyDescent="0.2">
      <c r="A86" s="31">
        <v>66</v>
      </c>
      <c r="B86" s="27">
        <v>2023</v>
      </c>
      <c r="C86" s="28">
        <v>2178</v>
      </c>
      <c r="D86" s="29">
        <v>4201</v>
      </c>
    </row>
    <row r="87" spans="1:4" ht="18" customHeight="1" x14ac:dyDescent="0.2">
      <c r="A87" s="31">
        <v>67</v>
      </c>
      <c r="B87" s="27">
        <v>2011</v>
      </c>
      <c r="C87" s="28">
        <v>2260</v>
      </c>
      <c r="D87" s="29">
        <v>4271</v>
      </c>
    </row>
    <row r="88" spans="1:4" ht="18" customHeight="1" x14ac:dyDescent="0.2">
      <c r="A88" s="31">
        <v>68</v>
      </c>
      <c r="B88" s="27">
        <v>2302</v>
      </c>
      <c r="C88" s="28">
        <v>2634</v>
      </c>
      <c r="D88" s="29">
        <v>4936</v>
      </c>
    </row>
    <row r="89" spans="1:4" ht="18" customHeight="1" x14ac:dyDescent="0.2">
      <c r="A89" s="31">
        <v>69</v>
      </c>
      <c r="B89" s="27">
        <v>2735</v>
      </c>
      <c r="C89" s="28">
        <v>2972</v>
      </c>
      <c r="D89" s="29">
        <v>5707</v>
      </c>
    </row>
    <row r="90" spans="1:4" ht="18" customHeight="1" x14ac:dyDescent="0.2">
      <c r="A90" s="31" t="s">
        <v>63</v>
      </c>
      <c r="B90" s="27">
        <v>11054</v>
      </c>
      <c r="C90" s="28">
        <v>12195</v>
      </c>
      <c r="D90" s="29">
        <v>23249</v>
      </c>
    </row>
    <row r="91" spans="1:4" ht="18" customHeight="1" x14ac:dyDescent="0.2">
      <c r="A91" s="31">
        <v>70</v>
      </c>
      <c r="B91" s="27">
        <v>2706</v>
      </c>
      <c r="C91" s="28">
        <v>3028</v>
      </c>
      <c r="D91" s="29">
        <v>5734</v>
      </c>
    </row>
    <row r="92" spans="1:4" ht="18" customHeight="1" x14ac:dyDescent="0.2">
      <c r="A92" s="31">
        <v>71</v>
      </c>
      <c r="B92" s="27">
        <v>2806</v>
      </c>
      <c r="C92" s="28">
        <v>3314</v>
      </c>
      <c r="D92" s="29">
        <v>6120</v>
      </c>
    </row>
    <row r="93" spans="1:4" ht="18" customHeight="1" x14ac:dyDescent="0.2">
      <c r="A93" s="31">
        <v>72</v>
      </c>
      <c r="B93" s="27">
        <v>1621</v>
      </c>
      <c r="C93" s="28">
        <v>1875</v>
      </c>
      <c r="D93" s="29">
        <v>3496</v>
      </c>
    </row>
    <row r="94" spans="1:4" ht="18" customHeight="1" x14ac:dyDescent="0.2">
      <c r="A94" s="31">
        <v>73</v>
      </c>
      <c r="B94" s="27">
        <v>1467</v>
      </c>
      <c r="C94" s="28">
        <v>1776</v>
      </c>
      <c r="D94" s="29">
        <v>3243</v>
      </c>
    </row>
    <row r="95" spans="1:4" ht="18" customHeight="1" x14ac:dyDescent="0.2">
      <c r="A95" s="31">
        <v>74</v>
      </c>
      <c r="B95" s="27">
        <v>1999</v>
      </c>
      <c r="C95" s="28">
        <v>2508</v>
      </c>
      <c r="D95" s="29">
        <v>4507</v>
      </c>
    </row>
    <row r="96" spans="1:4" ht="18" customHeight="1" x14ac:dyDescent="0.2">
      <c r="A96" s="31" t="s">
        <v>64</v>
      </c>
      <c r="B96" s="27">
        <v>10599</v>
      </c>
      <c r="C96" s="28">
        <v>12501</v>
      </c>
      <c r="D96" s="29">
        <v>23100</v>
      </c>
    </row>
    <row r="97" spans="1:4" ht="18" customHeight="1" x14ac:dyDescent="0.2">
      <c r="A97" s="31">
        <v>75</v>
      </c>
      <c r="B97" s="27">
        <v>1848</v>
      </c>
      <c r="C97" s="28">
        <v>2288</v>
      </c>
      <c r="D97" s="29">
        <v>4136</v>
      </c>
    </row>
    <row r="98" spans="1:4" ht="18" customHeight="1" x14ac:dyDescent="0.2">
      <c r="A98" s="31">
        <v>76</v>
      </c>
      <c r="B98" s="27">
        <v>1893</v>
      </c>
      <c r="C98" s="28">
        <v>2346</v>
      </c>
      <c r="D98" s="29">
        <v>4239</v>
      </c>
    </row>
    <row r="99" spans="1:4" ht="18" customHeight="1" x14ac:dyDescent="0.2">
      <c r="A99" s="31">
        <v>77</v>
      </c>
      <c r="B99" s="27">
        <v>1746</v>
      </c>
      <c r="C99" s="28">
        <v>2244</v>
      </c>
      <c r="D99" s="29">
        <v>3990</v>
      </c>
    </row>
    <row r="100" spans="1:4" ht="18" customHeight="1" x14ac:dyDescent="0.2">
      <c r="A100" s="31">
        <v>78</v>
      </c>
      <c r="B100" s="27">
        <v>1585</v>
      </c>
      <c r="C100" s="28">
        <v>1947</v>
      </c>
      <c r="D100" s="29">
        <v>3532</v>
      </c>
    </row>
    <row r="101" spans="1:4" ht="18" customHeight="1" x14ac:dyDescent="0.2">
      <c r="A101" s="31">
        <v>79</v>
      </c>
      <c r="B101" s="27">
        <v>1274</v>
      </c>
      <c r="C101" s="28">
        <v>1617</v>
      </c>
      <c r="D101" s="29">
        <v>2891</v>
      </c>
    </row>
    <row r="102" spans="1:4" ht="18" customHeight="1" x14ac:dyDescent="0.2">
      <c r="A102" s="31" t="s">
        <v>65</v>
      </c>
      <c r="B102" s="27">
        <v>8346</v>
      </c>
      <c r="C102" s="28">
        <v>10442</v>
      </c>
      <c r="D102" s="29">
        <v>18788</v>
      </c>
    </row>
    <row r="103" spans="1:4" ht="18" customHeight="1" x14ac:dyDescent="0.2">
      <c r="A103" s="31">
        <v>80</v>
      </c>
      <c r="B103" s="27">
        <v>1141</v>
      </c>
      <c r="C103" s="28">
        <v>1594</v>
      </c>
      <c r="D103" s="29">
        <v>2735</v>
      </c>
    </row>
    <row r="104" spans="1:4" ht="18" customHeight="1" x14ac:dyDescent="0.2">
      <c r="A104" s="31">
        <v>81</v>
      </c>
      <c r="B104" s="27">
        <v>1216</v>
      </c>
      <c r="C104" s="28">
        <v>1743</v>
      </c>
      <c r="D104" s="29">
        <v>2959</v>
      </c>
    </row>
    <row r="105" spans="1:4" ht="18" customHeight="1" x14ac:dyDescent="0.2">
      <c r="A105" s="31">
        <v>82</v>
      </c>
      <c r="B105" s="27">
        <v>1106</v>
      </c>
      <c r="C105" s="28">
        <v>1849</v>
      </c>
      <c r="D105" s="29">
        <v>2955</v>
      </c>
    </row>
    <row r="106" spans="1:4" ht="18" customHeight="1" x14ac:dyDescent="0.2">
      <c r="A106" s="31">
        <v>83</v>
      </c>
      <c r="B106" s="27">
        <v>1047</v>
      </c>
      <c r="C106" s="28">
        <v>1520</v>
      </c>
      <c r="D106" s="29">
        <v>2567</v>
      </c>
    </row>
    <row r="107" spans="1:4" ht="18" customHeight="1" x14ac:dyDescent="0.2">
      <c r="A107" s="31">
        <v>84</v>
      </c>
      <c r="B107" s="27">
        <v>890</v>
      </c>
      <c r="C107" s="28">
        <v>1496</v>
      </c>
      <c r="D107" s="29">
        <v>2386</v>
      </c>
    </row>
    <row r="108" spans="1:4" ht="18" customHeight="1" x14ac:dyDescent="0.2">
      <c r="A108" s="31" t="s">
        <v>66</v>
      </c>
      <c r="B108" s="27">
        <v>5400</v>
      </c>
      <c r="C108" s="28">
        <v>8202</v>
      </c>
      <c r="D108" s="29">
        <v>13602</v>
      </c>
    </row>
    <row r="109" spans="1:4" ht="18" customHeight="1" x14ac:dyDescent="0.2">
      <c r="A109" s="31">
        <v>85</v>
      </c>
      <c r="B109" s="27">
        <v>850</v>
      </c>
      <c r="C109" s="28">
        <v>1525</v>
      </c>
      <c r="D109" s="29">
        <v>2375</v>
      </c>
    </row>
    <row r="110" spans="1:4" ht="18" customHeight="1" x14ac:dyDescent="0.2">
      <c r="A110" s="31">
        <v>86</v>
      </c>
      <c r="B110" s="27">
        <v>673</v>
      </c>
      <c r="C110" s="28">
        <v>1455</v>
      </c>
      <c r="D110" s="29">
        <v>2128</v>
      </c>
    </row>
    <row r="111" spans="1:4" ht="18" customHeight="1" x14ac:dyDescent="0.2">
      <c r="A111" s="31">
        <v>87</v>
      </c>
      <c r="B111" s="27">
        <v>613</v>
      </c>
      <c r="C111" s="28">
        <v>1239</v>
      </c>
      <c r="D111" s="29">
        <v>1852</v>
      </c>
    </row>
    <row r="112" spans="1:4" ht="18" customHeight="1" x14ac:dyDescent="0.2">
      <c r="A112" s="31">
        <v>88</v>
      </c>
      <c r="B112" s="27">
        <v>486</v>
      </c>
      <c r="C112" s="28">
        <v>1077</v>
      </c>
      <c r="D112" s="29">
        <v>1563</v>
      </c>
    </row>
    <row r="113" spans="1:4" ht="18" customHeight="1" x14ac:dyDescent="0.2">
      <c r="A113" s="31">
        <v>89</v>
      </c>
      <c r="B113" s="27">
        <v>394</v>
      </c>
      <c r="C113" s="28">
        <v>1053</v>
      </c>
      <c r="D113" s="29">
        <v>1447</v>
      </c>
    </row>
    <row r="114" spans="1:4" ht="18" customHeight="1" x14ac:dyDescent="0.2">
      <c r="A114" s="31" t="s">
        <v>67</v>
      </c>
      <c r="B114" s="27">
        <v>3016</v>
      </c>
      <c r="C114" s="28">
        <v>6349</v>
      </c>
      <c r="D114" s="29">
        <v>9365</v>
      </c>
    </row>
    <row r="115" spans="1:4" ht="18" customHeight="1" x14ac:dyDescent="0.2">
      <c r="A115" s="31">
        <v>90</v>
      </c>
      <c r="B115" s="27">
        <v>398</v>
      </c>
      <c r="C115" s="28">
        <v>856</v>
      </c>
      <c r="D115" s="29">
        <v>1254</v>
      </c>
    </row>
    <row r="116" spans="1:4" ht="18" customHeight="1" x14ac:dyDescent="0.2">
      <c r="A116" s="31">
        <v>91</v>
      </c>
      <c r="B116" s="27">
        <v>288</v>
      </c>
      <c r="C116" s="28">
        <v>793</v>
      </c>
      <c r="D116" s="29">
        <v>1081</v>
      </c>
    </row>
    <row r="117" spans="1:4" ht="18" customHeight="1" x14ac:dyDescent="0.2">
      <c r="A117" s="31">
        <v>92</v>
      </c>
      <c r="B117" s="27">
        <v>224</v>
      </c>
      <c r="C117" s="28">
        <v>591</v>
      </c>
      <c r="D117" s="29">
        <v>815</v>
      </c>
    </row>
    <row r="118" spans="1:4" ht="18" customHeight="1" x14ac:dyDescent="0.2">
      <c r="A118" s="31">
        <v>93</v>
      </c>
      <c r="B118" s="27">
        <v>139</v>
      </c>
      <c r="C118" s="28">
        <v>595</v>
      </c>
      <c r="D118" s="29">
        <v>734</v>
      </c>
    </row>
    <row r="119" spans="1:4" ht="18" customHeight="1" x14ac:dyDescent="0.2">
      <c r="A119" s="31">
        <v>94</v>
      </c>
      <c r="B119" s="27">
        <v>128</v>
      </c>
      <c r="C119" s="28">
        <v>428</v>
      </c>
      <c r="D119" s="29">
        <v>556</v>
      </c>
    </row>
    <row r="120" spans="1:4" ht="18" customHeight="1" x14ac:dyDescent="0.2">
      <c r="A120" s="31" t="s">
        <v>68</v>
      </c>
      <c r="B120" s="27">
        <v>1177</v>
      </c>
      <c r="C120" s="28">
        <v>3263</v>
      </c>
      <c r="D120" s="29">
        <v>4440</v>
      </c>
    </row>
    <row r="121" spans="1:4" ht="18" customHeight="1" x14ac:dyDescent="0.2">
      <c r="A121" s="31">
        <v>95</v>
      </c>
      <c r="B121" s="27">
        <v>77</v>
      </c>
      <c r="C121" s="28">
        <v>351</v>
      </c>
      <c r="D121" s="29">
        <v>428</v>
      </c>
    </row>
    <row r="122" spans="1:4" ht="18" customHeight="1" x14ac:dyDescent="0.2">
      <c r="A122" s="31">
        <v>96</v>
      </c>
      <c r="B122" s="27">
        <v>50</v>
      </c>
      <c r="C122" s="28">
        <v>291</v>
      </c>
      <c r="D122" s="29">
        <v>341</v>
      </c>
    </row>
    <row r="123" spans="1:4" ht="18" customHeight="1" x14ac:dyDescent="0.2">
      <c r="A123" s="31">
        <v>97</v>
      </c>
      <c r="B123" s="27">
        <v>41</v>
      </c>
      <c r="C123" s="28">
        <v>222</v>
      </c>
      <c r="D123" s="29">
        <v>263</v>
      </c>
    </row>
    <row r="124" spans="1:4" ht="18" customHeight="1" x14ac:dyDescent="0.2">
      <c r="A124" s="31">
        <v>98</v>
      </c>
      <c r="B124" s="27">
        <v>20</v>
      </c>
      <c r="C124" s="28">
        <v>147</v>
      </c>
      <c r="D124" s="29">
        <v>167</v>
      </c>
    </row>
    <row r="125" spans="1:4" ht="18" customHeight="1" x14ac:dyDescent="0.2">
      <c r="A125" s="31">
        <v>99</v>
      </c>
      <c r="B125" s="27">
        <v>17</v>
      </c>
      <c r="C125" s="28">
        <v>97</v>
      </c>
      <c r="D125" s="29">
        <v>114</v>
      </c>
    </row>
    <row r="126" spans="1:4" ht="18" customHeight="1" x14ac:dyDescent="0.2">
      <c r="A126" s="31" t="s">
        <v>69</v>
      </c>
      <c r="B126" s="27">
        <v>205</v>
      </c>
      <c r="C126" s="28">
        <v>1108</v>
      </c>
      <c r="D126" s="29">
        <v>1313</v>
      </c>
    </row>
    <row r="127" spans="1:4" ht="18" customHeight="1" x14ac:dyDescent="0.2">
      <c r="A127" s="31">
        <v>100</v>
      </c>
      <c r="B127" s="27">
        <v>11</v>
      </c>
      <c r="C127" s="28">
        <v>52</v>
      </c>
      <c r="D127" s="29">
        <v>63</v>
      </c>
    </row>
    <row r="128" spans="1:4" ht="18" customHeight="1" x14ac:dyDescent="0.2">
      <c r="A128" s="32" t="s">
        <v>46</v>
      </c>
      <c r="B128" s="27">
        <v>9</v>
      </c>
      <c r="C128" s="28">
        <v>105</v>
      </c>
      <c r="D128" s="29">
        <v>114</v>
      </c>
    </row>
    <row r="129" spans="1:4" ht="18" customHeight="1" x14ac:dyDescent="0.2">
      <c r="A129" s="31" t="s">
        <v>71</v>
      </c>
      <c r="B129" s="27">
        <v>20</v>
      </c>
      <c r="C129" s="28">
        <v>157</v>
      </c>
      <c r="D129" s="29">
        <v>177</v>
      </c>
    </row>
    <row r="130" spans="1:4" ht="18" customHeight="1" x14ac:dyDescent="0.2">
      <c r="A130" s="31" t="s">
        <v>72</v>
      </c>
      <c r="B130" s="4">
        <v>39817</v>
      </c>
      <c r="C130" s="5">
        <v>54217</v>
      </c>
      <c r="D130" s="6">
        <v>94034</v>
      </c>
    </row>
    <row r="131" spans="1:4" ht="18" customHeight="1" x14ac:dyDescent="0.2">
      <c r="A131" s="33" t="s">
        <v>47</v>
      </c>
      <c r="B131" s="7">
        <v>156422</v>
      </c>
      <c r="C131" s="8">
        <v>164955</v>
      </c>
      <c r="D131" s="9">
        <v>32137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10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10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10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10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10" ht="18" customHeight="1" x14ac:dyDescent="0.2">
      <c r="A10" s="31" t="s">
        <v>48</v>
      </c>
      <c r="B10" s="27">
        <v>6</v>
      </c>
      <c r="C10" s="28">
        <v>2</v>
      </c>
      <c r="D10" s="29">
        <v>8</v>
      </c>
    </row>
    <row r="11" spans="1:10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10" ht="18" customHeight="1" x14ac:dyDescent="0.2">
      <c r="A16" s="31" t="s">
        <v>49</v>
      </c>
      <c r="B16" s="27">
        <v>6</v>
      </c>
      <c r="C16" s="28">
        <v>4</v>
      </c>
      <c r="D16" s="29">
        <v>1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0</v>
      </c>
      <c r="D21" s="29">
        <v>2</v>
      </c>
    </row>
    <row r="22" spans="1:4" ht="18" customHeight="1" x14ac:dyDescent="0.2">
      <c r="A22" s="31" t="s">
        <v>50</v>
      </c>
      <c r="B22" s="27">
        <v>2</v>
      </c>
      <c r="C22" s="28">
        <v>2</v>
      </c>
      <c r="D22" s="29">
        <v>4</v>
      </c>
    </row>
    <row r="23" spans="1:4" ht="18" customHeight="1" x14ac:dyDescent="0.2">
      <c r="A23" s="31" t="s">
        <v>51</v>
      </c>
      <c r="B23" s="27">
        <v>14</v>
      </c>
      <c r="C23" s="28">
        <v>8</v>
      </c>
      <c r="D23" s="29">
        <v>22</v>
      </c>
    </row>
    <row r="24" spans="1:4" ht="18" customHeight="1" x14ac:dyDescent="0.2">
      <c r="A24" s="31">
        <v>15</v>
      </c>
      <c r="B24" s="27">
        <v>1</v>
      </c>
      <c r="C24" s="28">
        <v>3</v>
      </c>
      <c r="D24" s="29">
        <v>4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3</v>
      </c>
      <c r="C26" s="28">
        <v>2</v>
      </c>
      <c r="D26" s="29">
        <v>5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8</v>
      </c>
      <c r="D29" s="29">
        <v>16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7</v>
      </c>
      <c r="C35" s="28">
        <v>5</v>
      </c>
      <c r="D35" s="29">
        <v>12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5</v>
      </c>
      <c r="C41" s="28">
        <v>5</v>
      </c>
      <c r="D41" s="29">
        <v>1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6</v>
      </c>
      <c r="C47" s="28">
        <v>2</v>
      </c>
      <c r="D47" s="29">
        <v>8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2</v>
      </c>
      <c r="C49" s="28">
        <v>2</v>
      </c>
      <c r="D49" s="29">
        <v>4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6</v>
      </c>
      <c r="C53" s="28">
        <v>8</v>
      </c>
      <c r="D53" s="29">
        <v>14</v>
      </c>
    </row>
    <row r="54" spans="1:4" ht="18" customHeight="1" x14ac:dyDescent="0.2">
      <c r="A54" s="31">
        <v>40</v>
      </c>
      <c r="B54" s="27">
        <v>1</v>
      </c>
      <c r="C54" s="28">
        <v>3</v>
      </c>
      <c r="D54" s="29">
        <v>4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2</v>
      </c>
      <c r="C56" s="28">
        <v>3</v>
      </c>
      <c r="D56" s="29">
        <v>5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2</v>
      </c>
      <c r="C58" s="28">
        <v>0</v>
      </c>
      <c r="D58" s="29">
        <v>2</v>
      </c>
    </row>
    <row r="59" spans="1:4" ht="18" customHeight="1" x14ac:dyDescent="0.2">
      <c r="A59" s="31" t="s">
        <v>57</v>
      </c>
      <c r="B59" s="27">
        <v>9</v>
      </c>
      <c r="C59" s="28">
        <v>8</v>
      </c>
      <c r="D59" s="29">
        <v>17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2</v>
      </c>
      <c r="C64" s="28">
        <v>2</v>
      </c>
      <c r="D64" s="29">
        <v>4</v>
      </c>
    </row>
    <row r="65" spans="1:4" ht="18" customHeight="1" x14ac:dyDescent="0.2">
      <c r="A65" s="31" t="s">
        <v>58</v>
      </c>
      <c r="B65" s="27">
        <v>5</v>
      </c>
      <c r="C65" s="28">
        <v>5</v>
      </c>
      <c r="D65" s="29">
        <v>10</v>
      </c>
    </row>
    <row r="66" spans="1:4" ht="18" customHeight="1" x14ac:dyDescent="0.2">
      <c r="A66" s="31">
        <v>50</v>
      </c>
      <c r="B66" s="27">
        <v>2</v>
      </c>
      <c r="C66" s="28">
        <v>2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0</v>
      </c>
      <c r="D67" s="29">
        <v>2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3</v>
      </c>
      <c r="C69" s="28">
        <v>3</v>
      </c>
      <c r="D69" s="29">
        <v>6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7</v>
      </c>
      <c r="C71" s="28">
        <v>7</v>
      </c>
      <c r="D71" s="29">
        <v>14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3</v>
      </c>
      <c r="C73" s="28">
        <v>2</v>
      </c>
      <c r="D73" s="29">
        <v>5</v>
      </c>
    </row>
    <row r="74" spans="1:4" ht="18" customHeight="1" x14ac:dyDescent="0.2">
      <c r="A74" s="31">
        <v>57</v>
      </c>
      <c r="B74" s="27">
        <v>3</v>
      </c>
      <c r="C74" s="28">
        <v>3</v>
      </c>
      <c r="D74" s="29">
        <v>6</v>
      </c>
    </row>
    <row r="75" spans="1:4" ht="18" customHeight="1" x14ac:dyDescent="0.2">
      <c r="A75" s="31">
        <v>58</v>
      </c>
      <c r="B75" s="27">
        <v>3</v>
      </c>
      <c r="C75" s="28">
        <v>1</v>
      </c>
      <c r="D75" s="29">
        <v>4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13</v>
      </c>
      <c r="C77" s="28">
        <v>8</v>
      </c>
      <c r="D77" s="29">
        <v>21</v>
      </c>
    </row>
    <row r="78" spans="1:4" ht="18" customHeight="1" x14ac:dyDescent="0.2">
      <c r="A78" s="31">
        <v>60</v>
      </c>
      <c r="B78" s="27">
        <v>2</v>
      </c>
      <c r="C78" s="28">
        <v>1</v>
      </c>
      <c r="D78" s="29">
        <v>3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0</v>
      </c>
      <c r="C80" s="28">
        <v>3</v>
      </c>
      <c r="D80" s="29">
        <v>3</v>
      </c>
    </row>
    <row r="81" spans="1:4" ht="18" customHeight="1" x14ac:dyDescent="0.2">
      <c r="A81" s="31">
        <v>63</v>
      </c>
      <c r="B81" s="27">
        <v>3</v>
      </c>
      <c r="C81" s="28">
        <v>3</v>
      </c>
      <c r="D81" s="29">
        <v>6</v>
      </c>
    </row>
    <row r="82" spans="1:4" ht="18" customHeight="1" x14ac:dyDescent="0.2">
      <c r="A82" s="31">
        <v>64</v>
      </c>
      <c r="B82" s="27">
        <v>3</v>
      </c>
      <c r="C82" s="28">
        <v>3</v>
      </c>
      <c r="D82" s="29">
        <v>6</v>
      </c>
    </row>
    <row r="83" spans="1:4" ht="18" customHeight="1" x14ac:dyDescent="0.2">
      <c r="A83" s="31" t="s">
        <v>61</v>
      </c>
      <c r="B83" s="27">
        <v>9</v>
      </c>
      <c r="C83" s="28">
        <v>10</v>
      </c>
      <c r="D83" s="29">
        <v>19</v>
      </c>
    </row>
    <row r="84" spans="1:4" ht="18" customHeight="1" x14ac:dyDescent="0.2">
      <c r="A84" s="31" t="s">
        <v>62</v>
      </c>
      <c r="B84" s="27">
        <v>75</v>
      </c>
      <c r="C84" s="28">
        <v>66</v>
      </c>
      <c r="D84" s="29">
        <v>141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3</v>
      </c>
      <c r="C86" s="28">
        <v>6</v>
      </c>
      <c r="D86" s="29">
        <v>9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3</v>
      </c>
      <c r="C88" s="28">
        <v>4</v>
      </c>
      <c r="D88" s="29">
        <v>7</v>
      </c>
    </row>
    <row r="89" spans="1:4" ht="18" customHeight="1" x14ac:dyDescent="0.2">
      <c r="A89" s="31">
        <v>69</v>
      </c>
      <c r="B89" s="27">
        <v>6</v>
      </c>
      <c r="C89" s="28">
        <v>3</v>
      </c>
      <c r="D89" s="29">
        <v>9</v>
      </c>
    </row>
    <row r="90" spans="1:4" ht="18" customHeight="1" x14ac:dyDescent="0.2">
      <c r="A90" s="31" t="s">
        <v>63</v>
      </c>
      <c r="B90" s="27">
        <v>17</v>
      </c>
      <c r="C90" s="28">
        <v>17</v>
      </c>
      <c r="D90" s="29">
        <v>34</v>
      </c>
    </row>
    <row r="91" spans="1:4" ht="18" customHeight="1" x14ac:dyDescent="0.2">
      <c r="A91" s="31">
        <v>70</v>
      </c>
      <c r="B91" s="27">
        <v>2</v>
      </c>
      <c r="C91" s="28">
        <v>5</v>
      </c>
      <c r="D91" s="29">
        <v>7</v>
      </c>
    </row>
    <row r="92" spans="1:4" ht="18" customHeight="1" x14ac:dyDescent="0.2">
      <c r="A92" s="31">
        <v>71</v>
      </c>
      <c r="B92" s="27">
        <v>7</v>
      </c>
      <c r="C92" s="28">
        <v>6</v>
      </c>
      <c r="D92" s="29">
        <v>13</v>
      </c>
    </row>
    <row r="93" spans="1:4" ht="18" customHeight="1" x14ac:dyDescent="0.2">
      <c r="A93" s="31">
        <v>72</v>
      </c>
      <c r="B93" s="27">
        <v>3</v>
      </c>
      <c r="C93" s="28">
        <v>2</v>
      </c>
      <c r="D93" s="29">
        <v>5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2</v>
      </c>
      <c r="C95" s="28">
        <v>5</v>
      </c>
      <c r="D95" s="29">
        <v>7</v>
      </c>
    </row>
    <row r="96" spans="1:4" ht="18" customHeight="1" x14ac:dyDescent="0.2">
      <c r="A96" s="31" t="s">
        <v>64</v>
      </c>
      <c r="B96" s="27">
        <v>15</v>
      </c>
      <c r="C96" s="28">
        <v>19</v>
      </c>
      <c r="D96" s="29">
        <v>34</v>
      </c>
    </row>
    <row r="97" spans="1:4" ht="18" customHeight="1" x14ac:dyDescent="0.2">
      <c r="A97" s="31">
        <v>75</v>
      </c>
      <c r="B97" s="27">
        <v>2</v>
      </c>
      <c r="C97" s="28">
        <v>2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3</v>
      </c>
      <c r="D98" s="29">
        <v>4</v>
      </c>
    </row>
    <row r="99" spans="1:4" ht="18" customHeight="1" x14ac:dyDescent="0.2">
      <c r="A99" s="31">
        <v>77</v>
      </c>
      <c r="B99" s="27">
        <v>5</v>
      </c>
      <c r="C99" s="28">
        <v>3</v>
      </c>
      <c r="D99" s="29">
        <v>8</v>
      </c>
    </row>
    <row r="100" spans="1:4" ht="18" customHeight="1" x14ac:dyDescent="0.2">
      <c r="A100" s="31">
        <v>78</v>
      </c>
      <c r="B100" s="27">
        <v>0</v>
      </c>
      <c r="C100" s="28">
        <v>4</v>
      </c>
      <c r="D100" s="29">
        <v>4</v>
      </c>
    </row>
    <row r="101" spans="1:4" ht="18" customHeight="1" x14ac:dyDescent="0.2">
      <c r="A101" s="31">
        <v>79</v>
      </c>
      <c r="B101" s="27">
        <v>4</v>
      </c>
      <c r="C101" s="28">
        <v>0</v>
      </c>
      <c r="D101" s="29">
        <v>4</v>
      </c>
    </row>
    <row r="102" spans="1:4" ht="18" customHeight="1" x14ac:dyDescent="0.2">
      <c r="A102" s="31" t="s">
        <v>65</v>
      </c>
      <c r="B102" s="27">
        <v>12</v>
      </c>
      <c r="C102" s="28">
        <v>12</v>
      </c>
      <c r="D102" s="29">
        <v>24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1</v>
      </c>
      <c r="C104" s="28">
        <v>10</v>
      </c>
      <c r="D104" s="29">
        <v>11</v>
      </c>
    </row>
    <row r="105" spans="1:4" ht="18" customHeight="1" x14ac:dyDescent="0.2">
      <c r="A105" s="31">
        <v>82</v>
      </c>
      <c r="B105" s="27">
        <v>5</v>
      </c>
      <c r="C105" s="28">
        <v>9</v>
      </c>
      <c r="D105" s="29">
        <v>14</v>
      </c>
    </row>
    <row r="106" spans="1:4" ht="18" customHeight="1" x14ac:dyDescent="0.2">
      <c r="A106" s="31">
        <v>83</v>
      </c>
      <c r="B106" s="27">
        <v>2</v>
      </c>
      <c r="C106" s="28">
        <v>2</v>
      </c>
      <c r="D106" s="29">
        <v>4</v>
      </c>
    </row>
    <row r="107" spans="1:4" ht="18" customHeight="1" x14ac:dyDescent="0.2">
      <c r="A107" s="31">
        <v>84</v>
      </c>
      <c r="B107" s="27">
        <v>1</v>
      </c>
      <c r="C107" s="28">
        <v>6</v>
      </c>
      <c r="D107" s="29">
        <v>7</v>
      </c>
    </row>
    <row r="108" spans="1:4" ht="18" customHeight="1" x14ac:dyDescent="0.2">
      <c r="A108" s="31" t="s">
        <v>66</v>
      </c>
      <c r="B108" s="27">
        <v>10</v>
      </c>
      <c r="C108" s="28">
        <v>28</v>
      </c>
      <c r="D108" s="29">
        <v>38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5</v>
      </c>
      <c r="D110" s="29">
        <v>6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67</v>
      </c>
      <c r="B114" s="27">
        <v>9</v>
      </c>
      <c r="C114" s="28">
        <v>15</v>
      </c>
      <c r="D114" s="29">
        <v>24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3</v>
      </c>
      <c r="C120" s="28">
        <v>8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67</v>
      </c>
      <c r="C130" s="5">
        <v>102</v>
      </c>
      <c r="D130" s="6">
        <v>169</v>
      </c>
    </row>
    <row r="131" spans="1:4" ht="18" customHeight="1" x14ac:dyDescent="0.2">
      <c r="A131" s="33" t="s">
        <v>47</v>
      </c>
      <c r="B131" s="7">
        <v>156</v>
      </c>
      <c r="C131" s="8">
        <v>176</v>
      </c>
      <c r="D131" s="9">
        <v>3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10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10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10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10" ht="18" customHeight="1" x14ac:dyDescent="0.2">
      <c r="A16" s="31" t="s">
        <v>49</v>
      </c>
      <c r="B16" s="27">
        <v>6</v>
      </c>
      <c r="C16" s="28">
        <v>2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3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3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3</v>
      </c>
      <c r="C20" s="28">
        <v>0</v>
      </c>
      <c r="D20" s="29">
        <v>3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8</v>
      </c>
      <c r="D22" s="29">
        <v>11</v>
      </c>
    </row>
    <row r="23" spans="1:4" ht="18" customHeight="1" x14ac:dyDescent="0.2">
      <c r="A23" s="31" t="s">
        <v>51</v>
      </c>
      <c r="B23" s="27">
        <v>11</v>
      </c>
      <c r="C23" s="28">
        <v>13</v>
      </c>
      <c r="D23" s="29">
        <v>24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0</v>
      </c>
      <c r="C25" s="28">
        <v>2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3</v>
      </c>
      <c r="C29" s="28">
        <v>5</v>
      </c>
      <c r="D29" s="29">
        <v>8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4</v>
      </c>
      <c r="C33" s="28">
        <v>0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7</v>
      </c>
      <c r="C35" s="28">
        <v>2</v>
      </c>
      <c r="D35" s="29">
        <v>9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6</v>
      </c>
      <c r="C41" s="28">
        <v>5</v>
      </c>
      <c r="D41" s="29">
        <v>11</v>
      </c>
    </row>
    <row r="42" spans="1:4" ht="18" customHeight="1" x14ac:dyDescent="0.2">
      <c r="A42" s="31">
        <v>30</v>
      </c>
      <c r="B42" s="27">
        <v>5</v>
      </c>
      <c r="C42" s="28">
        <v>2</v>
      </c>
      <c r="D42" s="29">
        <v>7</v>
      </c>
    </row>
    <row r="43" spans="1:4" ht="18" customHeight="1" x14ac:dyDescent="0.2">
      <c r="A43" s="31">
        <v>31</v>
      </c>
      <c r="B43" s="27">
        <v>3</v>
      </c>
      <c r="C43" s="28">
        <v>1</v>
      </c>
      <c r="D43" s="29">
        <v>4</v>
      </c>
    </row>
    <row r="44" spans="1:4" ht="18" customHeight="1" x14ac:dyDescent="0.2">
      <c r="A44" s="31">
        <v>32</v>
      </c>
      <c r="B44" s="27">
        <v>3</v>
      </c>
      <c r="C44" s="28">
        <v>2</v>
      </c>
      <c r="D44" s="29">
        <v>5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2</v>
      </c>
      <c r="D46" s="29">
        <v>2</v>
      </c>
    </row>
    <row r="47" spans="1:4" ht="18" customHeight="1" x14ac:dyDescent="0.2">
      <c r="A47" s="31" t="s">
        <v>55</v>
      </c>
      <c r="B47" s="27">
        <v>11</v>
      </c>
      <c r="C47" s="28">
        <v>7</v>
      </c>
      <c r="D47" s="29">
        <v>18</v>
      </c>
    </row>
    <row r="48" spans="1:4" ht="18" customHeight="1" x14ac:dyDescent="0.2">
      <c r="A48" s="31">
        <v>35</v>
      </c>
      <c r="B48" s="27">
        <v>0</v>
      </c>
      <c r="C48" s="28">
        <v>2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3</v>
      </c>
      <c r="C51" s="28">
        <v>1</v>
      </c>
      <c r="D51" s="29">
        <v>4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6</v>
      </c>
      <c r="C53" s="28">
        <v>4</v>
      </c>
      <c r="D53" s="29">
        <v>10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7</v>
      </c>
      <c r="C59" s="28">
        <v>6</v>
      </c>
      <c r="D59" s="29">
        <v>13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1</v>
      </c>
      <c r="C61" s="28">
        <v>2</v>
      </c>
      <c r="D61" s="29">
        <v>3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5</v>
      </c>
      <c r="C65" s="28">
        <v>6</v>
      </c>
      <c r="D65" s="29">
        <v>11</v>
      </c>
    </row>
    <row r="66" spans="1:4" ht="18" customHeight="1" x14ac:dyDescent="0.2">
      <c r="A66" s="31">
        <v>50</v>
      </c>
      <c r="B66" s="27">
        <v>1</v>
      </c>
      <c r="C66" s="28">
        <v>3</v>
      </c>
      <c r="D66" s="29">
        <v>4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3</v>
      </c>
      <c r="C71" s="28">
        <v>6</v>
      </c>
      <c r="D71" s="29">
        <v>9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4</v>
      </c>
      <c r="C74" s="28">
        <v>3</v>
      </c>
      <c r="D74" s="29">
        <v>7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5</v>
      </c>
      <c r="C76" s="28">
        <v>3</v>
      </c>
      <c r="D76" s="29">
        <v>8</v>
      </c>
    </row>
    <row r="77" spans="1:4" ht="18" customHeight="1" x14ac:dyDescent="0.2">
      <c r="A77" s="31" t="s">
        <v>60</v>
      </c>
      <c r="B77" s="27">
        <v>14</v>
      </c>
      <c r="C77" s="28">
        <v>12</v>
      </c>
      <c r="D77" s="29">
        <v>26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4</v>
      </c>
      <c r="C79" s="28">
        <v>0</v>
      </c>
      <c r="D79" s="29">
        <v>4</v>
      </c>
    </row>
    <row r="80" spans="1:4" ht="18" customHeight="1" x14ac:dyDescent="0.2">
      <c r="A80" s="31">
        <v>62</v>
      </c>
      <c r="B80" s="27">
        <v>1</v>
      </c>
      <c r="C80" s="28">
        <v>1</v>
      </c>
      <c r="D80" s="29">
        <v>2</v>
      </c>
    </row>
    <row r="81" spans="1:4" ht="18" customHeight="1" x14ac:dyDescent="0.2">
      <c r="A81" s="31">
        <v>63</v>
      </c>
      <c r="B81" s="27">
        <v>0</v>
      </c>
      <c r="C81" s="28">
        <v>5</v>
      </c>
      <c r="D81" s="29">
        <v>5</v>
      </c>
    </row>
    <row r="82" spans="1:4" ht="18" customHeight="1" x14ac:dyDescent="0.2">
      <c r="A82" s="31">
        <v>64</v>
      </c>
      <c r="B82" s="27">
        <v>3</v>
      </c>
      <c r="C82" s="28">
        <v>2</v>
      </c>
      <c r="D82" s="29">
        <v>5</v>
      </c>
    </row>
    <row r="83" spans="1:4" ht="18" customHeight="1" x14ac:dyDescent="0.2">
      <c r="A83" s="31" t="s">
        <v>61</v>
      </c>
      <c r="B83" s="27">
        <v>10</v>
      </c>
      <c r="C83" s="28">
        <v>10</v>
      </c>
      <c r="D83" s="29">
        <v>20</v>
      </c>
    </row>
    <row r="84" spans="1:4" ht="18" customHeight="1" x14ac:dyDescent="0.2">
      <c r="A84" s="31" t="s">
        <v>62</v>
      </c>
      <c r="B84" s="27">
        <v>72</v>
      </c>
      <c r="C84" s="28">
        <v>63</v>
      </c>
      <c r="D84" s="29">
        <v>135</v>
      </c>
    </row>
    <row r="85" spans="1:4" ht="18" customHeight="1" x14ac:dyDescent="0.2">
      <c r="A85" s="31">
        <v>65</v>
      </c>
      <c r="B85" s="27">
        <v>3</v>
      </c>
      <c r="C85" s="28">
        <v>1</v>
      </c>
      <c r="D85" s="29">
        <v>4</v>
      </c>
    </row>
    <row r="86" spans="1:4" ht="18" customHeight="1" x14ac:dyDescent="0.2">
      <c r="A86" s="31">
        <v>66</v>
      </c>
      <c r="B86" s="27">
        <v>3</v>
      </c>
      <c r="C86" s="28">
        <v>0</v>
      </c>
      <c r="D86" s="29">
        <v>3</v>
      </c>
    </row>
    <row r="87" spans="1:4" ht="18" customHeight="1" x14ac:dyDescent="0.2">
      <c r="A87" s="31">
        <v>67</v>
      </c>
      <c r="B87" s="27">
        <v>1</v>
      </c>
      <c r="C87" s="28">
        <v>2</v>
      </c>
      <c r="D87" s="29">
        <v>3</v>
      </c>
    </row>
    <row r="88" spans="1:4" ht="18" customHeight="1" x14ac:dyDescent="0.2">
      <c r="A88" s="31">
        <v>68</v>
      </c>
      <c r="B88" s="27">
        <v>5</v>
      </c>
      <c r="C88" s="28">
        <v>1</v>
      </c>
      <c r="D88" s="29">
        <v>6</v>
      </c>
    </row>
    <row r="89" spans="1:4" ht="18" customHeight="1" x14ac:dyDescent="0.2">
      <c r="A89" s="31">
        <v>69</v>
      </c>
      <c r="B89" s="27">
        <v>5</v>
      </c>
      <c r="C89" s="28">
        <v>3</v>
      </c>
      <c r="D89" s="29">
        <v>8</v>
      </c>
    </row>
    <row r="90" spans="1:4" ht="18" customHeight="1" x14ac:dyDescent="0.2">
      <c r="A90" s="31" t="s">
        <v>63</v>
      </c>
      <c r="B90" s="27">
        <v>17</v>
      </c>
      <c r="C90" s="28">
        <v>7</v>
      </c>
      <c r="D90" s="29">
        <v>24</v>
      </c>
    </row>
    <row r="91" spans="1:4" ht="18" customHeight="1" x14ac:dyDescent="0.2">
      <c r="A91" s="31">
        <v>70</v>
      </c>
      <c r="B91" s="27">
        <v>4</v>
      </c>
      <c r="C91" s="28">
        <v>1</v>
      </c>
      <c r="D91" s="29">
        <v>5</v>
      </c>
    </row>
    <row r="92" spans="1:4" ht="18" customHeight="1" x14ac:dyDescent="0.2">
      <c r="A92" s="31">
        <v>71</v>
      </c>
      <c r="B92" s="27">
        <v>2</v>
      </c>
      <c r="C92" s="28">
        <v>0</v>
      </c>
      <c r="D92" s="29">
        <v>2</v>
      </c>
    </row>
    <row r="93" spans="1:4" ht="18" customHeight="1" x14ac:dyDescent="0.2">
      <c r="A93" s="31">
        <v>72</v>
      </c>
      <c r="B93" s="27">
        <v>3</v>
      </c>
      <c r="C93" s="28">
        <v>2</v>
      </c>
      <c r="D93" s="29">
        <v>5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12</v>
      </c>
      <c r="C96" s="28">
        <v>7</v>
      </c>
      <c r="D96" s="29">
        <v>19</v>
      </c>
    </row>
    <row r="97" spans="1:4" ht="18" customHeight="1" x14ac:dyDescent="0.2">
      <c r="A97" s="31">
        <v>75</v>
      </c>
      <c r="B97" s="27">
        <v>0</v>
      </c>
      <c r="C97" s="28">
        <v>4</v>
      </c>
      <c r="D97" s="29">
        <v>4</v>
      </c>
    </row>
    <row r="98" spans="1:4" ht="18" customHeight="1" x14ac:dyDescent="0.2">
      <c r="A98" s="31">
        <v>76</v>
      </c>
      <c r="B98" s="27">
        <v>4</v>
      </c>
      <c r="C98" s="28">
        <v>2</v>
      </c>
      <c r="D98" s="29">
        <v>6</v>
      </c>
    </row>
    <row r="99" spans="1:4" ht="18" customHeight="1" x14ac:dyDescent="0.2">
      <c r="A99" s="31">
        <v>77</v>
      </c>
      <c r="B99" s="27">
        <v>2</v>
      </c>
      <c r="C99" s="28">
        <v>1</v>
      </c>
      <c r="D99" s="29">
        <v>3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2</v>
      </c>
      <c r="D101" s="29">
        <v>3</v>
      </c>
    </row>
    <row r="102" spans="1:4" ht="18" customHeight="1" x14ac:dyDescent="0.2">
      <c r="A102" s="31" t="s">
        <v>65</v>
      </c>
      <c r="B102" s="27">
        <v>8</v>
      </c>
      <c r="C102" s="28">
        <v>10</v>
      </c>
      <c r="D102" s="29">
        <v>18</v>
      </c>
    </row>
    <row r="103" spans="1:4" ht="18" customHeight="1" x14ac:dyDescent="0.2">
      <c r="A103" s="31">
        <v>80</v>
      </c>
      <c r="B103" s="27">
        <v>1</v>
      </c>
      <c r="C103" s="28">
        <v>4</v>
      </c>
      <c r="D103" s="29">
        <v>5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3</v>
      </c>
      <c r="C105" s="28">
        <v>2</v>
      </c>
      <c r="D105" s="29">
        <v>5</v>
      </c>
    </row>
    <row r="106" spans="1:4" ht="18" customHeight="1" x14ac:dyDescent="0.2">
      <c r="A106" s="31">
        <v>83</v>
      </c>
      <c r="B106" s="27">
        <v>0</v>
      </c>
      <c r="C106" s="28">
        <v>3</v>
      </c>
      <c r="D106" s="29">
        <v>3</v>
      </c>
    </row>
    <row r="107" spans="1:4" ht="18" customHeight="1" x14ac:dyDescent="0.2">
      <c r="A107" s="31">
        <v>84</v>
      </c>
      <c r="B107" s="27">
        <v>0</v>
      </c>
      <c r="C107" s="28">
        <v>2</v>
      </c>
      <c r="D107" s="29">
        <v>2</v>
      </c>
    </row>
    <row r="108" spans="1:4" ht="18" customHeight="1" x14ac:dyDescent="0.2">
      <c r="A108" s="31" t="s">
        <v>66</v>
      </c>
      <c r="B108" s="27">
        <v>4</v>
      </c>
      <c r="C108" s="28">
        <v>13</v>
      </c>
      <c r="D108" s="29">
        <v>17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0</v>
      </c>
      <c r="C113" s="28">
        <v>8</v>
      </c>
      <c r="D113" s="29">
        <v>8</v>
      </c>
    </row>
    <row r="114" spans="1:4" ht="18" customHeight="1" x14ac:dyDescent="0.2">
      <c r="A114" s="31" t="s">
        <v>67</v>
      </c>
      <c r="B114" s="27">
        <v>4</v>
      </c>
      <c r="C114" s="28">
        <v>16</v>
      </c>
      <c r="D114" s="29">
        <v>20</v>
      </c>
    </row>
    <row r="115" spans="1:4" ht="18" customHeight="1" x14ac:dyDescent="0.2">
      <c r="A115" s="31">
        <v>90</v>
      </c>
      <c r="B115" s="27">
        <v>0</v>
      </c>
      <c r="C115" s="28">
        <v>4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7</v>
      </c>
      <c r="D120" s="29">
        <v>9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7</v>
      </c>
      <c r="C130" s="5">
        <v>61</v>
      </c>
      <c r="D130" s="6">
        <v>108</v>
      </c>
    </row>
    <row r="131" spans="1:4" ht="18" customHeight="1" x14ac:dyDescent="0.2">
      <c r="A131" s="33" t="s">
        <v>47</v>
      </c>
      <c r="B131" s="7">
        <v>130</v>
      </c>
      <c r="C131" s="8">
        <v>137</v>
      </c>
      <c r="D131" s="9">
        <v>2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5</v>
      </c>
      <c r="D5" s="39">
        <v>7</v>
      </c>
    </row>
    <row r="6" spans="1:10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10" ht="18" customHeight="1" x14ac:dyDescent="0.2">
      <c r="A7" s="31">
        <v>2</v>
      </c>
      <c r="B7" s="35">
        <v>5</v>
      </c>
      <c r="C7" s="28">
        <v>6</v>
      </c>
      <c r="D7" s="29">
        <v>11</v>
      </c>
    </row>
    <row r="8" spans="1:10" ht="18" customHeight="1" x14ac:dyDescent="0.2">
      <c r="A8" s="31">
        <v>3</v>
      </c>
      <c r="B8" s="35">
        <v>7</v>
      </c>
      <c r="C8" s="28">
        <v>2</v>
      </c>
      <c r="D8" s="29">
        <v>9</v>
      </c>
    </row>
    <row r="9" spans="1:10" ht="18" customHeight="1" x14ac:dyDescent="0.2">
      <c r="A9" s="31">
        <v>4</v>
      </c>
      <c r="B9" s="36">
        <v>3</v>
      </c>
      <c r="C9" s="38">
        <v>5</v>
      </c>
      <c r="D9" s="40">
        <v>8</v>
      </c>
    </row>
    <row r="10" spans="1:10" ht="18" customHeight="1" x14ac:dyDescent="0.2">
      <c r="A10" s="31" t="s">
        <v>48</v>
      </c>
      <c r="B10" s="27">
        <v>20</v>
      </c>
      <c r="C10" s="28">
        <v>20</v>
      </c>
      <c r="D10" s="29">
        <v>40</v>
      </c>
    </row>
    <row r="11" spans="1:10" ht="18" customHeight="1" x14ac:dyDescent="0.2">
      <c r="A11" s="31">
        <v>5</v>
      </c>
      <c r="B11" s="35">
        <v>2</v>
      </c>
      <c r="C11" s="28">
        <v>7</v>
      </c>
      <c r="D11" s="29">
        <v>9</v>
      </c>
    </row>
    <row r="12" spans="1:10" ht="18" customHeight="1" x14ac:dyDescent="0.2">
      <c r="A12" s="31">
        <v>6</v>
      </c>
      <c r="B12" s="35">
        <v>5</v>
      </c>
      <c r="C12" s="28">
        <v>3</v>
      </c>
      <c r="D12" s="29">
        <v>8</v>
      </c>
    </row>
    <row r="13" spans="1:10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10" ht="18" customHeight="1" x14ac:dyDescent="0.2">
      <c r="A14" s="31">
        <v>8</v>
      </c>
      <c r="B14" s="35">
        <v>6</v>
      </c>
      <c r="C14" s="28">
        <v>3</v>
      </c>
      <c r="D14" s="29">
        <v>9</v>
      </c>
    </row>
    <row r="15" spans="1:10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10" ht="18" customHeight="1" x14ac:dyDescent="0.2">
      <c r="A16" s="31" t="s">
        <v>49</v>
      </c>
      <c r="B16" s="27">
        <v>23</v>
      </c>
      <c r="C16" s="28">
        <v>20</v>
      </c>
      <c r="D16" s="29">
        <v>43</v>
      </c>
    </row>
    <row r="17" spans="1:4" ht="18" customHeight="1" x14ac:dyDescent="0.2">
      <c r="A17" s="31">
        <v>10</v>
      </c>
      <c r="B17" s="27">
        <v>5</v>
      </c>
      <c r="C17" s="28">
        <v>5</v>
      </c>
      <c r="D17" s="29">
        <v>10</v>
      </c>
    </row>
    <row r="18" spans="1:4" ht="18" customHeight="1" x14ac:dyDescent="0.2">
      <c r="A18" s="31">
        <v>11</v>
      </c>
      <c r="B18" s="27">
        <v>5</v>
      </c>
      <c r="C18" s="28">
        <v>6</v>
      </c>
      <c r="D18" s="29">
        <v>11</v>
      </c>
    </row>
    <row r="19" spans="1:4" ht="18" customHeight="1" x14ac:dyDescent="0.2">
      <c r="A19" s="31">
        <v>12</v>
      </c>
      <c r="B19" s="27">
        <v>4</v>
      </c>
      <c r="C19" s="28">
        <v>7</v>
      </c>
      <c r="D19" s="29">
        <v>11</v>
      </c>
    </row>
    <row r="20" spans="1:4" ht="18" customHeight="1" x14ac:dyDescent="0.2">
      <c r="A20" s="31">
        <v>13</v>
      </c>
      <c r="B20" s="27">
        <v>7</v>
      </c>
      <c r="C20" s="28">
        <v>4</v>
      </c>
      <c r="D20" s="29">
        <v>11</v>
      </c>
    </row>
    <row r="21" spans="1:4" ht="18" customHeight="1" x14ac:dyDescent="0.2">
      <c r="A21" s="31">
        <v>14</v>
      </c>
      <c r="B21" s="27">
        <v>8</v>
      </c>
      <c r="C21" s="28">
        <v>6</v>
      </c>
      <c r="D21" s="29">
        <v>14</v>
      </c>
    </row>
    <row r="22" spans="1:4" ht="18" customHeight="1" x14ac:dyDescent="0.2">
      <c r="A22" s="31" t="s">
        <v>50</v>
      </c>
      <c r="B22" s="27">
        <v>29</v>
      </c>
      <c r="C22" s="28">
        <v>28</v>
      </c>
      <c r="D22" s="29">
        <v>57</v>
      </c>
    </row>
    <row r="23" spans="1:4" ht="18" customHeight="1" x14ac:dyDescent="0.2">
      <c r="A23" s="31" t="s">
        <v>51</v>
      </c>
      <c r="B23" s="27">
        <v>72</v>
      </c>
      <c r="C23" s="28">
        <v>68</v>
      </c>
      <c r="D23" s="29">
        <v>140</v>
      </c>
    </row>
    <row r="24" spans="1:4" ht="18" customHeight="1" x14ac:dyDescent="0.2">
      <c r="A24" s="31">
        <v>15</v>
      </c>
      <c r="B24" s="27">
        <v>2</v>
      </c>
      <c r="C24" s="28">
        <v>9</v>
      </c>
      <c r="D24" s="29">
        <v>11</v>
      </c>
    </row>
    <row r="25" spans="1:4" ht="18" customHeight="1" x14ac:dyDescent="0.2">
      <c r="A25" s="31">
        <v>16</v>
      </c>
      <c r="B25" s="27">
        <v>8</v>
      </c>
      <c r="C25" s="28">
        <v>3</v>
      </c>
      <c r="D25" s="29">
        <v>11</v>
      </c>
    </row>
    <row r="26" spans="1:4" ht="18" customHeight="1" x14ac:dyDescent="0.2">
      <c r="A26" s="31">
        <v>17</v>
      </c>
      <c r="B26" s="27">
        <v>9</v>
      </c>
      <c r="C26" s="28">
        <v>7</v>
      </c>
      <c r="D26" s="29">
        <v>16</v>
      </c>
    </row>
    <row r="27" spans="1:4" ht="18" customHeight="1" x14ac:dyDescent="0.2">
      <c r="A27" s="31">
        <v>18</v>
      </c>
      <c r="B27" s="27">
        <v>7</v>
      </c>
      <c r="C27" s="28">
        <v>7</v>
      </c>
      <c r="D27" s="29">
        <v>14</v>
      </c>
    </row>
    <row r="28" spans="1:4" ht="18" customHeight="1" x14ac:dyDescent="0.2">
      <c r="A28" s="31">
        <v>19</v>
      </c>
      <c r="B28" s="27">
        <v>6</v>
      </c>
      <c r="C28" s="28">
        <v>6</v>
      </c>
      <c r="D28" s="29">
        <v>12</v>
      </c>
    </row>
    <row r="29" spans="1:4" ht="18" customHeight="1" x14ac:dyDescent="0.2">
      <c r="A29" s="31" t="s">
        <v>52</v>
      </c>
      <c r="B29" s="27">
        <v>32</v>
      </c>
      <c r="C29" s="28">
        <v>32</v>
      </c>
      <c r="D29" s="29">
        <v>64</v>
      </c>
    </row>
    <row r="30" spans="1:4" ht="18" customHeight="1" x14ac:dyDescent="0.2">
      <c r="A30" s="31">
        <v>20</v>
      </c>
      <c r="B30" s="27">
        <v>8</v>
      </c>
      <c r="C30" s="28">
        <v>4</v>
      </c>
      <c r="D30" s="29">
        <v>12</v>
      </c>
    </row>
    <row r="31" spans="1:4" ht="18" customHeight="1" x14ac:dyDescent="0.2">
      <c r="A31" s="31">
        <v>21</v>
      </c>
      <c r="B31" s="27">
        <v>6</v>
      </c>
      <c r="C31" s="28">
        <v>4</v>
      </c>
      <c r="D31" s="29">
        <v>10</v>
      </c>
    </row>
    <row r="32" spans="1:4" ht="18" customHeight="1" x14ac:dyDescent="0.2">
      <c r="A32" s="31">
        <v>22</v>
      </c>
      <c r="B32" s="27">
        <v>11</v>
      </c>
      <c r="C32" s="28">
        <v>4</v>
      </c>
      <c r="D32" s="29">
        <v>15</v>
      </c>
    </row>
    <row r="33" spans="1:4" ht="18" customHeight="1" x14ac:dyDescent="0.2">
      <c r="A33" s="31">
        <v>23</v>
      </c>
      <c r="B33" s="27">
        <v>6</v>
      </c>
      <c r="C33" s="28">
        <v>9</v>
      </c>
      <c r="D33" s="29">
        <v>15</v>
      </c>
    </row>
    <row r="34" spans="1:4" ht="18" customHeight="1" x14ac:dyDescent="0.2">
      <c r="A34" s="31">
        <v>24</v>
      </c>
      <c r="B34" s="27">
        <v>11</v>
      </c>
      <c r="C34" s="28">
        <v>6</v>
      </c>
      <c r="D34" s="29">
        <v>17</v>
      </c>
    </row>
    <row r="35" spans="1:4" ht="18" customHeight="1" x14ac:dyDescent="0.2">
      <c r="A35" s="31" t="s">
        <v>53</v>
      </c>
      <c r="B35" s="27">
        <v>42</v>
      </c>
      <c r="C35" s="28">
        <v>27</v>
      </c>
      <c r="D35" s="29">
        <v>69</v>
      </c>
    </row>
    <row r="36" spans="1:4" ht="18" customHeight="1" x14ac:dyDescent="0.2">
      <c r="A36" s="31">
        <v>25</v>
      </c>
      <c r="B36" s="27">
        <v>13</v>
      </c>
      <c r="C36" s="28">
        <v>8</v>
      </c>
      <c r="D36" s="29">
        <v>21</v>
      </c>
    </row>
    <row r="37" spans="1:4" ht="18" customHeight="1" x14ac:dyDescent="0.2">
      <c r="A37" s="31">
        <v>26</v>
      </c>
      <c r="B37" s="27">
        <v>13</v>
      </c>
      <c r="C37" s="28">
        <v>4</v>
      </c>
      <c r="D37" s="29">
        <v>17</v>
      </c>
    </row>
    <row r="38" spans="1:4" ht="18" customHeight="1" x14ac:dyDescent="0.2">
      <c r="A38" s="31">
        <v>27</v>
      </c>
      <c r="B38" s="27">
        <v>7</v>
      </c>
      <c r="C38" s="28">
        <v>6</v>
      </c>
      <c r="D38" s="29">
        <v>13</v>
      </c>
    </row>
    <row r="39" spans="1:4" ht="18" customHeight="1" x14ac:dyDescent="0.2">
      <c r="A39" s="31">
        <v>28</v>
      </c>
      <c r="B39" s="27">
        <v>10</v>
      </c>
      <c r="C39" s="28">
        <v>10</v>
      </c>
      <c r="D39" s="29">
        <v>20</v>
      </c>
    </row>
    <row r="40" spans="1:4" ht="18" customHeight="1" x14ac:dyDescent="0.2">
      <c r="A40" s="31">
        <v>29</v>
      </c>
      <c r="B40" s="27">
        <v>12</v>
      </c>
      <c r="C40" s="28">
        <v>10</v>
      </c>
      <c r="D40" s="29">
        <v>22</v>
      </c>
    </row>
    <row r="41" spans="1:4" ht="18" customHeight="1" x14ac:dyDescent="0.2">
      <c r="A41" s="31" t="s">
        <v>54</v>
      </c>
      <c r="B41" s="27">
        <v>55</v>
      </c>
      <c r="C41" s="28">
        <v>38</v>
      </c>
      <c r="D41" s="29">
        <v>93</v>
      </c>
    </row>
    <row r="42" spans="1:4" ht="18" customHeight="1" x14ac:dyDescent="0.2">
      <c r="A42" s="31">
        <v>30</v>
      </c>
      <c r="B42" s="27">
        <v>14</v>
      </c>
      <c r="C42" s="28">
        <v>11</v>
      </c>
      <c r="D42" s="29">
        <v>25</v>
      </c>
    </row>
    <row r="43" spans="1:4" ht="18" customHeight="1" x14ac:dyDescent="0.2">
      <c r="A43" s="31">
        <v>31</v>
      </c>
      <c r="B43" s="27">
        <v>6</v>
      </c>
      <c r="C43" s="28">
        <v>9</v>
      </c>
      <c r="D43" s="29">
        <v>15</v>
      </c>
    </row>
    <row r="44" spans="1:4" ht="18" customHeight="1" x14ac:dyDescent="0.2">
      <c r="A44" s="31">
        <v>32</v>
      </c>
      <c r="B44" s="27">
        <v>14</v>
      </c>
      <c r="C44" s="28">
        <v>14</v>
      </c>
      <c r="D44" s="29">
        <v>28</v>
      </c>
    </row>
    <row r="45" spans="1:4" ht="18" customHeight="1" x14ac:dyDescent="0.2">
      <c r="A45" s="31">
        <v>33</v>
      </c>
      <c r="B45" s="27">
        <v>15</v>
      </c>
      <c r="C45" s="28">
        <v>8</v>
      </c>
      <c r="D45" s="29">
        <v>23</v>
      </c>
    </row>
    <row r="46" spans="1:4" ht="18" customHeight="1" x14ac:dyDescent="0.2">
      <c r="A46" s="31">
        <v>34</v>
      </c>
      <c r="B46" s="27">
        <v>12</v>
      </c>
      <c r="C46" s="28">
        <v>6</v>
      </c>
      <c r="D46" s="29">
        <v>18</v>
      </c>
    </row>
    <row r="47" spans="1:4" ht="18" customHeight="1" x14ac:dyDescent="0.2">
      <c r="A47" s="31" t="s">
        <v>55</v>
      </c>
      <c r="B47" s="27">
        <v>61</v>
      </c>
      <c r="C47" s="28">
        <v>48</v>
      </c>
      <c r="D47" s="29">
        <v>109</v>
      </c>
    </row>
    <row r="48" spans="1:4" ht="18" customHeight="1" x14ac:dyDescent="0.2">
      <c r="A48" s="31">
        <v>35</v>
      </c>
      <c r="B48" s="27">
        <v>18</v>
      </c>
      <c r="C48" s="28">
        <v>7</v>
      </c>
      <c r="D48" s="29">
        <v>25</v>
      </c>
    </row>
    <row r="49" spans="1:4" ht="18" customHeight="1" x14ac:dyDescent="0.2">
      <c r="A49" s="31">
        <v>36</v>
      </c>
      <c r="B49" s="27">
        <v>14</v>
      </c>
      <c r="C49" s="28">
        <v>16</v>
      </c>
      <c r="D49" s="29">
        <v>30</v>
      </c>
    </row>
    <row r="50" spans="1:4" ht="18" customHeight="1" x14ac:dyDescent="0.2">
      <c r="A50" s="31">
        <v>37</v>
      </c>
      <c r="B50" s="27">
        <v>16</v>
      </c>
      <c r="C50" s="28">
        <v>10</v>
      </c>
      <c r="D50" s="29">
        <v>26</v>
      </c>
    </row>
    <row r="51" spans="1:4" ht="18" customHeight="1" x14ac:dyDescent="0.2">
      <c r="A51" s="31">
        <v>38</v>
      </c>
      <c r="B51" s="27">
        <v>10</v>
      </c>
      <c r="C51" s="28">
        <v>7</v>
      </c>
      <c r="D51" s="29">
        <v>17</v>
      </c>
    </row>
    <row r="52" spans="1:4" ht="18" customHeight="1" x14ac:dyDescent="0.2">
      <c r="A52" s="31">
        <v>39</v>
      </c>
      <c r="B52" s="27">
        <v>13</v>
      </c>
      <c r="C52" s="28">
        <v>8</v>
      </c>
      <c r="D52" s="29">
        <v>21</v>
      </c>
    </row>
    <row r="53" spans="1:4" ht="18" customHeight="1" x14ac:dyDescent="0.2">
      <c r="A53" s="31" t="s">
        <v>56</v>
      </c>
      <c r="B53" s="27">
        <v>71</v>
      </c>
      <c r="C53" s="28">
        <v>48</v>
      </c>
      <c r="D53" s="29">
        <v>119</v>
      </c>
    </row>
    <row r="54" spans="1:4" ht="18" customHeight="1" x14ac:dyDescent="0.2">
      <c r="A54" s="31">
        <v>40</v>
      </c>
      <c r="B54" s="27">
        <v>15</v>
      </c>
      <c r="C54" s="28">
        <v>14</v>
      </c>
      <c r="D54" s="29">
        <v>29</v>
      </c>
    </row>
    <row r="55" spans="1:4" ht="18" customHeight="1" x14ac:dyDescent="0.2">
      <c r="A55" s="31">
        <v>41</v>
      </c>
      <c r="B55" s="27">
        <v>8</v>
      </c>
      <c r="C55" s="28">
        <v>9</v>
      </c>
      <c r="D55" s="29">
        <v>17</v>
      </c>
    </row>
    <row r="56" spans="1:4" ht="18" customHeight="1" x14ac:dyDescent="0.2">
      <c r="A56" s="31">
        <v>42</v>
      </c>
      <c r="B56" s="27">
        <v>21</v>
      </c>
      <c r="C56" s="28">
        <v>13</v>
      </c>
      <c r="D56" s="29">
        <v>34</v>
      </c>
    </row>
    <row r="57" spans="1:4" ht="18" customHeight="1" x14ac:dyDescent="0.2">
      <c r="A57" s="31">
        <v>43</v>
      </c>
      <c r="B57" s="27">
        <v>18</v>
      </c>
      <c r="C57" s="28">
        <v>12</v>
      </c>
      <c r="D57" s="29">
        <v>30</v>
      </c>
    </row>
    <row r="58" spans="1:4" ht="18" customHeight="1" x14ac:dyDescent="0.2">
      <c r="A58" s="31">
        <v>44</v>
      </c>
      <c r="B58" s="27">
        <v>18</v>
      </c>
      <c r="C58" s="28">
        <v>9</v>
      </c>
      <c r="D58" s="29">
        <v>27</v>
      </c>
    </row>
    <row r="59" spans="1:4" ht="18" customHeight="1" x14ac:dyDescent="0.2">
      <c r="A59" s="31" t="s">
        <v>57</v>
      </c>
      <c r="B59" s="27">
        <v>80</v>
      </c>
      <c r="C59" s="28">
        <v>57</v>
      </c>
      <c r="D59" s="29">
        <v>137</v>
      </c>
    </row>
    <row r="60" spans="1:4" ht="18" customHeight="1" x14ac:dyDescent="0.2">
      <c r="A60" s="31">
        <v>45</v>
      </c>
      <c r="B60" s="27">
        <v>10</v>
      </c>
      <c r="C60" s="28">
        <v>5</v>
      </c>
      <c r="D60" s="29">
        <v>15</v>
      </c>
    </row>
    <row r="61" spans="1:4" ht="18" customHeight="1" x14ac:dyDescent="0.2">
      <c r="A61" s="31">
        <v>46</v>
      </c>
      <c r="B61" s="27">
        <v>20</v>
      </c>
      <c r="C61" s="28">
        <v>5</v>
      </c>
      <c r="D61" s="29">
        <v>25</v>
      </c>
    </row>
    <row r="62" spans="1:4" ht="18" customHeight="1" x14ac:dyDescent="0.2">
      <c r="A62" s="31">
        <v>47</v>
      </c>
      <c r="B62" s="27">
        <v>12</v>
      </c>
      <c r="C62" s="28">
        <v>12</v>
      </c>
      <c r="D62" s="29">
        <v>24</v>
      </c>
    </row>
    <row r="63" spans="1:4" ht="18" customHeight="1" x14ac:dyDescent="0.2">
      <c r="A63" s="31">
        <v>48</v>
      </c>
      <c r="B63" s="27">
        <v>18</v>
      </c>
      <c r="C63" s="28">
        <v>15</v>
      </c>
      <c r="D63" s="29">
        <v>33</v>
      </c>
    </row>
    <row r="64" spans="1:4" ht="18" customHeight="1" x14ac:dyDescent="0.2">
      <c r="A64" s="31">
        <v>49</v>
      </c>
      <c r="B64" s="27">
        <v>11</v>
      </c>
      <c r="C64" s="28">
        <v>11</v>
      </c>
      <c r="D64" s="29">
        <v>22</v>
      </c>
    </row>
    <row r="65" spans="1:4" ht="18" customHeight="1" x14ac:dyDescent="0.2">
      <c r="A65" s="31" t="s">
        <v>58</v>
      </c>
      <c r="B65" s="27">
        <v>71</v>
      </c>
      <c r="C65" s="28">
        <v>48</v>
      </c>
      <c r="D65" s="29">
        <v>119</v>
      </c>
    </row>
    <row r="66" spans="1:4" ht="18" customHeight="1" x14ac:dyDescent="0.2">
      <c r="A66" s="31">
        <v>50</v>
      </c>
      <c r="B66" s="27">
        <v>9</v>
      </c>
      <c r="C66" s="28">
        <v>10</v>
      </c>
      <c r="D66" s="29">
        <v>19</v>
      </c>
    </row>
    <row r="67" spans="1:4" ht="18" customHeight="1" x14ac:dyDescent="0.2">
      <c r="A67" s="31">
        <v>51</v>
      </c>
      <c r="B67" s="27">
        <v>13</v>
      </c>
      <c r="C67" s="28">
        <v>10</v>
      </c>
      <c r="D67" s="29">
        <v>23</v>
      </c>
    </row>
    <row r="68" spans="1:4" ht="18" customHeight="1" x14ac:dyDescent="0.2">
      <c r="A68" s="31">
        <v>52</v>
      </c>
      <c r="B68" s="27">
        <v>11</v>
      </c>
      <c r="C68" s="28">
        <v>11</v>
      </c>
      <c r="D68" s="29">
        <v>22</v>
      </c>
    </row>
    <row r="69" spans="1:4" ht="18" customHeight="1" x14ac:dyDescent="0.2">
      <c r="A69" s="31">
        <v>53</v>
      </c>
      <c r="B69" s="27">
        <v>18</v>
      </c>
      <c r="C69" s="28">
        <v>9</v>
      </c>
      <c r="D69" s="29">
        <v>27</v>
      </c>
    </row>
    <row r="70" spans="1:4" ht="18" customHeight="1" x14ac:dyDescent="0.2">
      <c r="A70" s="31">
        <v>54</v>
      </c>
      <c r="B70" s="27">
        <v>15</v>
      </c>
      <c r="C70" s="28">
        <v>12</v>
      </c>
      <c r="D70" s="29">
        <v>27</v>
      </c>
    </row>
    <row r="71" spans="1:4" ht="18" customHeight="1" x14ac:dyDescent="0.2">
      <c r="A71" s="31" t="s">
        <v>59</v>
      </c>
      <c r="B71" s="27">
        <v>66</v>
      </c>
      <c r="C71" s="28">
        <v>52</v>
      </c>
      <c r="D71" s="29">
        <v>118</v>
      </c>
    </row>
    <row r="72" spans="1:4" ht="18" customHeight="1" x14ac:dyDescent="0.2">
      <c r="A72" s="31">
        <v>55</v>
      </c>
      <c r="B72" s="27">
        <v>14</v>
      </c>
      <c r="C72" s="28">
        <v>16</v>
      </c>
      <c r="D72" s="29">
        <v>30</v>
      </c>
    </row>
    <row r="73" spans="1:4" ht="18" customHeight="1" x14ac:dyDescent="0.2">
      <c r="A73" s="31">
        <v>56</v>
      </c>
      <c r="B73" s="27">
        <v>13</v>
      </c>
      <c r="C73" s="28">
        <v>8</v>
      </c>
      <c r="D73" s="29">
        <v>21</v>
      </c>
    </row>
    <row r="74" spans="1:4" ht="18" customHeight="1" x14ac:dyDescent="0.2">
      <c r="A74" s="31">
        <v>57</v>
      </c>
      <c r="B74" s="27">
        <v>13</v>
      </c>
      <c r="C74" s="28">
        <v>19</v>
      </c>
      <c r="D74" s="29">
        <v>32</v>
      </c>
    </row>
    <row r="75" spans="1:4" ht="18" customHeight="1" x14ac:dyDescent="0.2">
      <c r="A75" s="31">
        <v>58</v>
      </c>
      <c r="B75" s="27">
        <v>9</v>
      </c>
      <c r="C75" s="28">
        <v>11</v>
      </c>
      <c r="D75" s="29">
        <v>20</v>
      </c>
    </row>
    <row r="76" spans="1:4" ht="18" customHeight="1" x14ac:dyDescent="0.2">
      <c r="A76" s="31">
        <v>59</v>
      </c>
      <c r="B76" s="27">
        <v>17</v>
      </c>
      <c r="C76" s="28">
        <v>20</v>
      </c>
      <c r="D76" s="29">
        <v>37</v>
      </c>
    </row>
    <row r="77" spans="1:4" ht="18" customHeight="1" x14ac:dyDescent="0.2">
      <c r="A77" s="31" t="s">
        <v>60</v>
      </c>
      <c r="B77" s="27">
        <v>66</v>
      </c>
      <c r="C77" s="28">
        <v>74</v>
      </c>
      <c r="D77" s="29">
        <v>140</v>
      </c>
    </row>
    <row r="78" spans="1:4" ht="18" customHeight="1" x14ac:dyDescent="0.2">
      <c r="A78" s="31">
        <v>60</v>
      </c>
      <c r="B78" s="27">
        <v>18</v>
      </c>
      <c r="C78" s="28">
        <v>21</v>
      </c>
      <c r="D78" s="29">
        <v>39</v>
      </c>
    </row>
    <row r="79" spans="1:4" ht="18" customHeight="1" x14ac:dyDescent="0.2">
      <c r="A79" s="31">
        <v>61</v>
      </c>
      <c r="B79" s="27">
        <v>21</v>
      </c>
      <c r="C79" s="28">
        <v>28</v>
      </c>
      <c r="D79" s="29">
        <v>49</v>
      </c>
    </row>
    <row r="80" spans="1:4" ht="18" customHeight="1" x14ac:dyDescent="0.2">
      <c r="A80" s="31">
        <v>62</v>
      </c>
      <c r="B80" s="27">
        <v>19</v>
      </c>
      <c r="C80" s="28">
        <v>16</v>
      </c>
      <c r="D80" s="29">
        <v>35</v>
      </c>
    </row>
    <row r="81" spans="1:4" ht="18" customHeight="1" x14ac:dyDescent="0.2">
      <c r="A81" s="31">
        <v>63</v>
      </c>
      <c r="B81" s="27">
        <v>22</v>
      </c>
      <c r="C81" s="28">
        <v>16</v>
      </c>
      <c r="D81" s="29">
        <v>38</v>
      </c>
    </row>
    <row r="82" spans="1:4" ht="18" customHeight="1" x14ac:dyDescent="0.2">
      <c r="A82" s="31">
        <v>64</v>
      </c>
      <c r="B82" s="27">
        <v>33</v>
      </c>
      <c r="C82" s="28">
        <v>26</v>
      </c>
      <c r="D82" s="29">
        <v>59</v>
      </c>
    </row>
    <row r="83" spans="1:4" ht="18" customHeight="1" x14ac:dyDescent="0.2">
      <c r="A83" s="31" t="s">
        <v>61</v>
      </c>
      <c r="B83" s="27">
        <v>113</v>
      </c>
      <c r="C83" s="28">
        <v>107</v>
      </c>
      <c r="D83" s="29">
        <v>220</v>
      </c>
    </row>
    <row r="84" spans="1:4" ht="18" customHeight="1" x14ac:dyDescent="0.2">
      <c r="A84" s="31" t="s">
        <v>62</v>
      </c>
      <c r="B84" s="27">
        <v>657</v>
      </c>
      <c r="C84" s="28">
        <v>531</v>
      </c>
      <c r="D84" s="29">
        <v>1188</v>
      </c>
    </row>
    <row r="85" spans="1:4" ht="18" customHeight="1" x14ac:dyDescent="0.2">
      <c r="A85" s="31">
        <v>65</v>
      </c>
      <c r="B85" s="27">
        <v>33</v>
      </c>
      <c r="C85" s="28">
        <v>25</v>
      </c>
      <c r="D85" s="29">
        <v>58</v>
      </c>
    </row>
    <row r="86" spans="1:4" ht="18" customHeight="1" x14ac:dyDescent="0.2">
      <c r="A86" s="31">
        <v>66</v>
      </c>
      <c r="B86" s="27">
        <v>20</v>
      </c>
      <c r="C86" s="28">
        <v>12</v>
      </c>
      <c r="D86" s="29">
        <v>32</v>
      </c>
    </row>
    <row r="87" spans="1:4" ht="18" customHeight="1" x14ac:dyDescent="0.2">
      <c r="A87" s="31">
        <v>67</v>
      </c>
      <c r="B87" s="27">
        <v>24</v>
      </c>
      <c r="C87" s="28">
        <v>12</v>
      </c>
      <c r="D87" s="29">
        <v>36</v>
      </c>
    </row>
    <row r="88" spans="1:4" ht="18" customHeight="1" x14ac:dyDescent="0.2">
      <c r="A88" s="31">
        <v>68</v>
      </c>
      <c r="B88" s="27">
        <v>22</v>
      </c>
      <c r="C88" s="28">
        <v>25</v>
      </c>
      <c r="D88" s="29">
        <v>47</v>
      </c>
    </row>
    <row r="89" spans="1:4" ht="18" customHeight="1" x14ac:dyDescent="0.2">
      <c r="A89" s="31">
        <v>69</v>
      </c>
      <c r="B89" s="27">
        <v>20</v>
      </c>
      <c r="C89" s="28">
        <v>20</v>
      </c>
      <c r="D89" s="29">
        <v>40</v>
      </c>
    </row>
    <row r="90" spans="1:4" ht="18" customHeight="1" x14ac:dyDescent="0.2">
      <c r="A90" s="31" t="s">
        <v>63</v>
      </c>
      <c r="B90" s="27">
        <v>119</v>
      </c>
      <c r="C90" s="28">
        <v>94</v>
      </c>
      <c r="D90" s="29">
        <v>213</v>
      </c>
    </row>
    <row r="91" spans="1:4" ht="18" customHeight="1" x14ac:dyDescent="0.2">
      <c r="A91" s="31">
        <v>70</v>
      </c>
      <c r="B91" s="27">
        <v>26</v>
      </c>
      <c r="C91" s="28">
        <v>21</v>
      </c>
      <c r="D91" s="29">
        <v>47</v>
      </c>
    </row>
    <row r="92" spans="1:4" ht="18" customHeight="1" x14ac:dyDescent="0.2">
      <c r="A92" s="31">
        <v>71</v>
      </c>
      <c r="B92" s="27">
        <v>27</v>
      </c>
      <c r="C92" s="28">
        <v>26</v>
      </c>
      <c r="D92" s="29">
        <v>53</v>
      </c>
    </row>
    <row r="93" spans="1:4" ht="18" customHeight="1" x14ac:dyDescent="0.2">
      <c r="A93" s="31">
        <v>72</v>
      </c>
      <c r="B93" s="27">
        <v>9</v>
      </c>
      <c r="C93" s="28">
        <v>11</v>
      </c>
      <c r="D93" s="29">
        <v>20</v>
      </c>
    </row>
    <row r="94" spans="1:4" ht="18" customHeight="1" x14ac:dyDescent="0.2">
      <c r="A94" s="31">
        <v>73</v>
      </c>
      <c r="B94" s="27">
        <v>12</v>
      </c>
      <c r="C94" s="28">
        <v>12</v>
      </c>
      <c r="D94" s="29">
        <v>24</v>
      </c>
    </row>
    <row r="95" spans="1:4" ht="18" customHeight="1" x14ac:dyDescent="0.2">
      <c r="A95" s="31">
        <v>74</v>
      </c>
      <c r="B95" s="27">
        <v>16</v>
      </c>
      <c r="C95" s="28">
        <v>19</v>
      </c>
      <c r="D95" s="29">
        <v>35</v>
      </c>
    </row>
    <row r="96" spans="1:4" ht="18" customHeight="1" x14ac:dyDescent="0.2">
      <c r="A96" s="31" t="s">
        <v>64</v>
      </c>
      <c r="B96" s="27">
        <v>90</v>
      </c>
      <c r="C96" s="28">
        <v>89</v>
      </c>
      <c r="D96" s="29">
        <v>179</v>
      </c>
    </row>
    <row r="97" spans="1:4" ht="18" customHeight="1" x14ac:dyDescent="0.2">
      <c r="A97" s="31">
        <v>75</v>
      </c>
      <c r="B97" s="27">
        <v>10</v>
      </c>
      <c r="C97" s="28">
        <v>12</v>
      </c>
      <c r="D97" s="29">
        <v>22</v>
      </c>
    </row>
    <row r="98" spans="1:4" ht="18" customHeight="1" x14ac:dyDescent="0.2">
      <c r="A98" s="31">
        <v>76</v>
      </c>
      <c r="B98" s="27">
        <v>10</v>
      </c>
      <c r="C98" s="28">
        <v>15</v>
      </c>
      <c r="D98" s="29">
        <v>25</v>
      </c>
    </row>
    <row r="99" spans="1:4" ht="18" customHeight="1" x14ac:dyDescent="0.2">
      <c r="A99" s="31">
        <v>77</v>
      </c>
      <c r="B99" s="27">
        <v>10</v>
      </c>
      <c r="C99" s="28">
        <v>11</v>
      </c>
      <c r="D99" s="29">
        <v>21</v>
      </c>
    </row>
    <row r="100" spans="1:4" ht="18" customHeight="1" x14ac:dyDescent="0.2">
      <c r="A100" s="31">
        <v>78</v>
      </c>
      <c r="B100" s="27">
        <v>8</v>
      </c>
      <c r="C100" s="28">
        <v>9</v>
      </c>
      <c r="D100" s="29">
        <v>17</v>
      </c>
    </row>
    <row r="101" spans="1:4" ht="18" customHeight="1" x14ac:dyDescent="0.2">
      <c r="A101" s="31">
        <v>79</v>
      </c>
      <c r="B101" s="27">
        <v>11</v>
      </c>
      <c r="C101" s="28">
        <v>14</v>
      </c>
      <c r="D101" s="29">
        <v>25</v>
      </c>
    </row>
    <row r="102" spans="1:4" ht="18" customHeight="1" x14ac:dyDescent="0.2">
      <c r="A102" s="31" t="s">
        <v>65</v>
      </c>
      <c r="B102" s="27">
        <v>49</v>
      </c>
      <c r="C102" s="28">
        <v>61</v>
      </c>
      <c r="D102" s="29">
        <v>110</v>
      </c>
    </row>
    <row r="103" spans="1:4" ht="18" customHeight="1" x14ac:dyDescent="0.2">
      <c r="A103" s="31">
        <v>80</v>
      </c>
      <c r="B103" s="27">
        <v>10</v>
      </c>
      <c r="C103" s="28">
        <v>8</v>
      </c>
      <c r="D103" s="29">
        <v>18</v>
      </c>
    </row>
    <row r="104" spans="1:4" ht="18" customHeight="1" x14ac:dyDescent="0.2">
      <c r="A104" s="31">
        <v>81</v>
      </c>
      <c r="B104" s="27">
        <v>10</v>
      </c>
      <c r="C104" s="28">
        <v>15</v>
      </c>
      <c r="D104" s="29">
        <v>25</v>
      </c>
    </row>
    <row r="105" spans="1:4" ht="18" customHeight="1" x14ac:dyDescent="0.2">
      <c r="A105" s="31">
        <v>82</v>
      </c>
      <c r="B105" s="27">
        <v>7</v>
      </c>
      <c r="C105" s="28">
        <v>20</v>
      </c>
      <c r="D105" s="29">
        <v>27</v>
      </c>
    </row>
    <row r="106" spans="1:4" ht="18" customHeight="1" x14ac:dyDescent="0.2">
      <c r="A106" s="31">
        <v>83</v>
      </c>
      <c r="B106" s="27">
        <v>6</v>
      </c>
      <c r="C106" s="28">
        <v>11</v>
      </c>
      <c r="D106" s="29">
        <v>17</v>
      </c>
    </row>
    <row r="107" spans="1:4" ht="18" customHeight="1" x14ac:dyDescent="0.2">
      <c r="A107" s="31">
        <v>84</v>
      </c>
      <c r="B107" s="27">
        <v>8</v>
      </c>
      <c r="C107" s="28">
        <v>17</v>
      </c>
      <c r="D107" s="29">
        <v>25</v>
      </c>
    </row>
    <row r="108" spans="1:4" ht="18" customHeight="1" x14ac:dyDescent="0.2">
      <c r="A108" s="31" t="s">
        <v>66</v>
      </c>
      <c r="B108" s="27">
        <v>41</v>
      </c>
      <c r="C108" s="28">
        <v>71</v>
      </c>
      <c r="D108" s="29">
        <v>112</v>
      </c>
    </row>
    <row r="109" spans="1:4" ht="18" customHeight="1" x14ac:dyDescent="0.2">
      <c r="A109" s="31">
        <v>85</v>
      </c>
      <c r="B109" s="27">
        <v>1</v>
      </c>
      <c r="C109" s="28">
        <v>20</v>
      </c>
      <c r="D109" s="29">
        <v>21</v>
      </c>
    </row>
    <row r="110" spans="1:4" ht="18" customHeight="1" x14ac:dyDescent="0.2">
      <c r="A110" s="31">
        <v>86</v>
      </c>
      <c r="B110" s="27">
        <v>4</v>
      </c>
      <c r="C110" s="28">
        <v>15</v>
      </c>
      <c r="D110" s="29">
        <v>19</v>
      </c>
    </row>
    <row r="111" spans="1:4" ht="18" customHeight="1" x14ac:dyDescent="0.2">
      <c r="A111" s="31">
        <v>87</v>
      </c>
      <c r="B111" s="27">
        <v>11</v>
      </c>
      <c r="C111" s="28">
        <v>15</v>
      </c>
      <c r="D111" s="29">
        <v>26</v>
      </c>
    </row>
    <row r="112" spans="1:4" ht="18" customHeight="1" x14ac:dyDescent="0.2">
      <c r="A112" s="31">
        <v>88</v>
      </c>
      <c r="B112" s="27">
        <v>7</v>
      </c>
      <c r="C112" s="28">
        <v>12</v>
      </c>
      <c r="D112" s="29">
        <v>19</v>
      </c>
    </row>
    <row r="113" spans="1:4" ht="18" customHeight="1" x14ac:dyDescent="0.2">
      <c r="A113" s="31">
        <v>89</v>
      </c>
      <c r="B113" s="27">
        <v>5</v>
      </c>
      <c r="C113" s="28">
        <v>13</v>
      </c>
      <c r="D113" s="29">
        <v>18</v>
      </c>
    </row>
    <row r="114" spans="1:4" ht="18" customHeight="1" x14ac:dyDescent="0.2">
      <c r="A114" s="31" t="s">
        <v>67</v>
      </c>
      <c r="B114" s="27">
        <v>28</v>
      </c>
      <c r="C114" s="28">
        <v>75</v>
      </c>
      <c r="D114" s="29">
        <v>103</v>
      </c>
    </row>
    <row r="115" spans="1:4" ht="18" customHeight="1" x14ac:dyDescent="0.2">
      <c r="A115" s="31">
        <v>90</v>
      </c>
      <c r="B115" s="27">
        <v>4</v>
      </c>
      <c r="C115" s="28">
        <v>6</v>
      </c>
      <c r="D115" s="29">
        <v>10</v>
      </c>
    </row>
    <row r="116" spans="1:4" ht="18" customHeight="1" x14ac:dyDescent="0.2">
      <c r="A116" s="31">
        <v>91</v>
      </c>
      <c r="B116" s="27">
        <v>4</v>
      </c>
      <c r="C116" s="28">
        <v>7</v>
      </c>
      <c r="D116" s="29">
        <v>11</v>
      </c>
    </row>
    <row r="117" spans="1:4" ht="18" customHeight="1" x14ac:dyDescent="0.2">
      <c r="A117" s="31">
        <v>92</v>
      </c>
      <c r="B117" s="27">
        <v>6</v>
      </c>
      <c r="C117" s="28">
        <v>13</v>
      </c>
      <c r="D117" s="29">
        <v>19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3</v>
      </c>
      <c r="D119" s="29">
        <v>4</v>
      </c>
    </row>
    <row r="120" spans="1:4" ht="18" customHeight="1" x14ac:dyDescent="0.2">
      <c r="A120" s="31" t="s">
        <v>68</v>
      </c>
      <c r="B120" s="27">
        <v>17</v>
      </c>
      <c r="C120" s="28">
        <v>34</v>
      </c>
      <c r="D120" s="29">
        <v>51</v>
      </c>
    </row>
    <row r="121" spans="1:4" ht="18" customHeight="1" x14ac:dyDescent="0.2">
      <c r="A121" s="31">
        <v>95</v>
      </c>
      <c r="B121" s="27">
        <v>4</v>
      </c>
      <c r="C121" s="28">
        <v>2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6</v>
      </c>
      <c r="C126" s="28">
        <v>7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350</v>
      </c>
      <c r="C130" s="5">
        <v>434</v>
      </c>
      <c r="D130" s="6">
        <v>784</v>
      </c>
    </row>
    <row r="131" spans="1:4" ht="18" customHeight="1" x14ac:dyDescent="0.2">
      <c r="A131" s="33" t="s">
        <v>47</v>
      </c>
      <c r="B131" s="7">
        <v>1079</v>
      </c>
      <c r="C131" s="8">
        <v>1033</v>
      </c>
      <c r="D131" s="9">
        <v>21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6</v>
      </c>
      <c r="C5" s="37">
        <v>24</v>
      </c>
      <c r="D5" s="39">
        <v>50</v>
      </c>
    </row>
    <row r="6" spans="1:10" ht="18" customHeight="1" x14ac:dyDescent="0.2">
      <c r="A6" s="31">
        <v>1</v>
      </c>
      <c r="B6" s="35">
        <v>33</v>
      </c>
      <c r="C6" s="28">
        <v>30</v>
      </c>
      <c r="D6" s="29">
        <v>63</v>
      </c>
    </row>
    <row r="7" spans="1:10" ht="18" customHeight="1" x14ac:dyDescent="0.2">
      <c r="A7" s="31">
        <v>2</v>
      </c>
      <c r="B7" s="35">
        <v>27</v>
      </c>
      <c r="C7" s="28">
        <v>41</v>
      </c>
      <c r="D7" s="29">
        <v>68</v>
      </c>
    </row>
    <row r="8" spans="1:10" ht="18" customHeight="1" x14ac:dyDescent="0.2">
      <c r="A8" s="31">
        <v>3</v>
      </c>
      <c r="B8" s="35">
        <v>48</v>
      </c>
      <c r="C8" s="28">
        <v>28</v>
      </c>
      <c r="D8" s="29">
        <v>76</v>
      </c>
    </row>
    <row r="9" spans="1:10" ht="18" customHeight="1" x14ac:dyDescent="0.2">
      <c r="A9" s="31">
        <v>4</v>
      </c>
      <c r="B9" s="36">
        <v>32</v>
      </c>
      <c r="C9" s="38">
        <v>30</v>
      </c>
      <c r="D9" s="40">
        <v>62</v>
      </c>
    </row>
    <row r="10" spans="1:10" ht="18" customHeight="1" x14ac:dyDescent="0.2">
      <c r="A10" s="31" t="s">
        <v>48</v>
      </c>
      <c r="B10" s="27">
        <v>166</v>
      </c>
      <c r="C10" s="28">
        <v>153</v>
      </c>
      <c r="D10" s="29">
        <v>319</v>
      </c>
    </row>
    <row r="11" spans="1:10" ht="18" customHeight="1" x14ac:dyDescent="0.2">
      <c r="A11" s="31">
        <v>5</v>
      </c>
      <c r="B11" s="35">
        <v>33</v>
      </c>
      <c r="C11" s="28">
        <v>36</v>
      </c>
      <c r="D11" s="29">
        <v>69</v>
      </c>
    </row>
    <row r="12" spans="1:10" ht="18" customHeight="1" x14ac:dyDescent="0.2">
      <c r="A12" s="31">
        <v>6</v>
      </c>
      <c r="B12" s="35">
        <v>36</v>
      </c>
      <c r="C12" s="28">
        <v>36</v>
      </c>
      <c r="D12" s="29">
        <v>72</v>
      </c>
    </row>
    <row r="13" spans="1:10" ht="18" customHeight="1" x14ac:dyDescent="0.2">
      <c r="A13" s="31">
        <v>7</v>
      </c>
      <c r="B13" s="35">
        <v>41</v>
      </c>
      <c r="C13" s="28">
        <v>39</v>
      </c>
      <c r="D13" s="29">
        <v>80</v>
      </c>
    </row>
    <row r="14" spans="1:10" ht="18" customHeight="1" x14ac:dyDescent="0.2">
      <c r="A14" s="31">
        <v>8</v>
      </c>
      <c r="B14" s="35">
        <v>61</v>
      </c>
      <c r="C14" s="28">
        <v>49</v>
      </c>
      <c r="D14" s="29">
        <v>110</v>
      </c>
    </row>
    <row r="15" spans="1:10" ht="18" customHeight="1" x14ac:dyDescent="0.2">
      <c r="A15" s="31">
        <v>9</v>
      </c>
      <c r="B15" s="35">
        <v>44</v>
      </c>
      <c r="C15" s="28">
        <v>39</v>
      </c>
      <c r="D15" s="29">
        <v>83</v>
      </c>
    </row>
    <row r="16" spans="1:10" ht="18" customHeight="1" x14ac:dyDescent="0.2">
      <c r="A16" s="31" t="s">
        <v>49</v>
      </c>
      <c r="B16" s="27">
        <v>215</v>
      </c>
      <c r="C16" s="28">
        <v>199</v>
      </c>
      <c r="D16" s="29">
        <v>414</v>
      </c>
    </row>
    <row r="17" spans="1:4" ht="18" customHeight="1" x14ac:dyDescent="0.2">
      <c r="A17" s="31">
        <v>10</v>
      </c>
      <c r="B17" s="27">
        <v>42</v>
      </c>
      <c r="C17" s="28">
        <v>45</v>
      </c>
      <c r="D17" s="29">
        <v>87</v>
      </c>
    </row>
    <row r="18" spans="1:4" ht="18" customHeight="1" x14ac:dyDescent="0.2">
      <c r="A18" s="31">
        <v>11</v>
      </c>
      <c r="B18" s="27">
        <v>39</v>
      </c>
      <c r="C18" s="28">
        <v>37</v>
      </c>
      <c r="D18" s="29">
        <v>76</v>
      </c>
    </row>
    <row r="19" spans="1:4" ht="18" customHeight="1" x14ac:dyDescent="0.2">
      <c r="A19" s="31">
        <v>12</v>
      </c>
      <c r="B19" s="27">
        <v>43</v>
      </c>
      <c r="C19" s="28">
        <v>44</v>
      </c>
      <c r="D19" s="29">
        <v>87</v>
      </c>
    </row>
    <row r="20" spans="1:4" ht="18" customHeight="1" x14ac:dyDescent="0.2">
      <c r="A20" s="31">
        <v>13</v>
      </c>
      <c r="B20" s="27">
        <v>51</v>
      </c>
      <c r="C20" s="28">
        <v>46</v>
      </c>
      <c r="D20" s="29">
        <v>97</v>
      </c>
    </row>
    <row r="21" spans="1:4" ht="18" customHeight="1" x14ac:dyDescent="0.2">
      <c r="A21" s="31">
        <v>14</v>
      </c>
      <c r="B21" s="27">
        <v>66</v>
      </c>
      <c r="C21" s="28">
        <v>54</v>
      </c>
      <c r="D21" s="29">
        <v>120</v>
      </c>
    </row>
    <row r="22" spans="1:4" ht="18" customHeight="1" x14ac:dyDescent="0.2">
      <c r="A22" s="31" t="s">
        <v>50</v>
      </c>
      <c r="B22" s="27">
        <v>241</v>
      </c>
      <c r="C22" s="28">
        <v>226</v>
      </c>
      <c r="D22" s="29">
        <v>467</v>
      </c>
    </row>
    <row r="23" spans="1:4" ht="18" customHeight="1" x14ac:dyDescent="0.2">
      <c r="A23" s="31" t="s">
        <v>51</v>
      </c>
      <c r="B23" s="27">
        <v>622</v>
      </c>
      <c r="C23" s="28">
        <v>578</v>
      </c>
      <c r="D23" s="29">
        <v>1200</v>
      </c>
    </row>
    <row r="24" spans="1:4" ht="18" customHeight="1" x14ac:dyDescent="0.2">
      <c r="A24" s="31">
        <v>15</v>
      </c>
      <c r="B24" s="27">
        <v>64</v>
      </c>
      <c r="C24" s="28">
        <v>47</v>
      </c>
      <c r="D24" s="29">
        <v>111</v>
      </c>
    </row>
    <row r="25" spans="1:4" ht="18" customHeight="1" x14ac:dyDescent="0.2">
      <c r="A25" s="31">
        <v>16</v>
      </c>
      <c r="B25" s="27">
        <v>75</v>
      </c>
      <c r="C25" s="28">
        <v>61</v>
      </c>
      <c r="D25" s="29">
        <v>136</v>
      </c>
    </row>
    <row r="26" spans="1:4" ht="18" customHeight="1" x14ac:dyDescent="0.2">
      <c r="A26" s="31">
        <v>17</v>
      </c>
      <c r="B26" s="27">
        <v>56</v>
      </c>
      <c r="C26" s="28">
        <v>56</v>
      </c>
      <c r="D26" s="29">
        <v>112</v>
      </c>
    </row>
    <row r="27" spans="1:4" ht="18" customHeight="1" x14ac:dyDescent="0.2">
      <c r="A27" s="31">
        <v>18</v>
      </c>
      <c r="B27" s="27">
        <v>71</v>
      </c>
      <c r="C27" s="28">
        <v>61</v>
      </c>
      <c r="D27" s="29">
        <v>132</v>
      </c>
    </row>
    <row r="28" spans="1:4" ht="18" customHeight="1" x14ac:dyDescent="0.2">
      <c r="A28" s="31">
        <v>19</v>
      </c>
      <c r="B28" s="27">
        <v>45</v>
      </c>
      <c r="C28" s="28">
        <v>67</v>
      </c>
      <c r="D28" s="29">
        <v>112</v>
      </c>
    </row>
    <row r="29" spans="1:4" ht="18" customHeight="1" x14ac:dyDescent="0.2">
      <c r="A29" s="31" t="s">
        <v>52</v>
      </c>
      <c r="B29" s="27">
        <v>311</v>
      </c>
      <c r="C29" s="28">
        <v>292</v>
      </c>
      <c r="D29" s="29">
        <v>603</v>
      </c>
    </row>
    <row r="30" spans="1:4" ht="18" customHeight="1" x14ac:dyDescent="0.2">
      <c r="A30" s="31">
        <v>20</v>
      </c>
      <c r="B30" s="27">
        <v>76</v>
      </c>
      <c r="C30" s="28">
        <v>59</v>
      </c>
      <c r="D30" s="29">
        <v>135</v>
      </c>
    </row>
    <row r="31" spans="1:4" ht="18" customHeight="1" x14ac:dyDescent="0.2">
      <c r="A31" s="31">
        <v>21</v>
      </c>
      <c r="B31" s="27">
        <v>64</v>
      </c>
      <c r="C31" s="28">
        <v>55</v>
      </c>
      <c r="D31" s="29">
        <v>119</v>
      </c>
    </row>
    <row r="32" spans="1:4" ht="18" customHeight="1" x14ac:dyDescent="0.2">
      <c r="A32" s="31">
        <v>22</v>
      </c>
      <c r="B32" s="27">
        <v>65</v>
      </c>
      <c r="C32" s="28">
        <v>48</v>
      </c>
      <c r="D32" s="29">
        <v>113</v>
      </c>
    </row>
    <row r="33" spans="1:4" ht="18" customHeight="1" x14ac:dyDescent="0.2">
      <c r="A33" s="31">
        <v>23</v>
      </c>
      <c r="B33" s="27">
        <v>63</v>
      </c>
      <c r="C33" s="28">
        <v>52</v>
      </c>
      <c r="D33" s="29">
        <v>115</v>
      </c>
    </row>
    <row r="34" spans="1:4" ht="18" customHeight="1" x14ac:dyDescent="0.2">
      <c r="A34" s="31">
        <v>24</v>
      </c>
      <c r="B34" s="27">
        <v>81</v>
      </c>
      <c r="C34" s="28">
        <v>54</v>
      </c>
      <c r="D34" s="29">
        <v>135</v>
      </c>
    </row>
    <row r="35" spans="1:4" ht="18" customHeight="1" x14ac:dyDescent="0.2">
      <c r="A35" s="31" t="s">
        <v>53</v>
      </c>
      <c r="B35" s="27">
        <v>349</v>
      </c>
      <c r="C35" s="28">
        <v>268</v>
      </c>
      <c r="D35" s="29">
        <v>617</v>
      </c>
    </row>
    <row r="36" spans="1:4" ht="18" customHeight="1" x14ac:dyDescent="0.2">
      <c r="A36" s="31">
        <v>25</v>
      </c>
      <c r="B36" s="27">
        <v>47</v>
      </c>
      <c r="C36" s="28">
        <v>56</v>
      </c>
      <c r="D36" s="29">
        <v>103</v>
      </c>
    </row>
    <row r="37" spans="1:4" ht="18" customHeight="1" x14ac:dyDescent="0.2">
      <c r="A37" s="31">
        <v>26</v>
      </c>
      <c r="B37" s="27">
        <v>63</v>
      </c>
      <c r="C37" s="28">
        <v>53</v>
      </c>
      <c r="D37" s="29">
        <v>116</v>
      </c>
    </row>
    <row r="38" spans="1:4" ht="18" customHeight="1" x14ac:dyDescent="0.2">
      <c r="A38" s="31">
        <v>27</v>
      </c>
      <c r="B38" s="27">
        <v>48</v>
      </c>
      <c r="C38" s="28">
        <v>39</v>
      </c>
      <c r="D38" s="29">
        <v>87</v>
      </c>
    </row>
    <row r="39" spans="1:4" ht="18" customHeight="1" x14ac:dyDescent="0.2">
      <c r="A39" s="31">
        <v>28</v>
      </c>
      <c r="B39" s="27">
        <v>46</v>
      </c>
      <c r="C39" s="28">
        <v>38</v>
      </c>
      <c r="D39" s="29">
        <v>84</v>
      </c>
    </row>
    <row r="40" spans="1:4" ht="18" customHeight="1" x14ac:dyDescent="0.2">
      <c r="A40" s="31">
        <v>29</v>
      </c>
      <c r="B40" s="27">
        <v>57</v>
      </c>
      <c r="C40" s="28">
        <v>38</v>
      </c>
      <c r="D40" s="29">
        <v>95</v>
      </c>
    </row>
    <row r="41" spans="1:4" ht="18" customHeight="1" x14ac:dyDescent="0.2">
      <c r="A41" s="31" t="s">
        <v>54</v>
      </c>
      <c r="B41" s="27">
        <v>261</v>
      </c>
      <c r="C41" s="28">
        <v>224</v>
      </c>
      <c r="D41" s="29">
        <v>485</v>
      </c>
    </row>
    <row r="42" spans="1:4" ht="18" customHeight="1" x14ac:dyDescent="0.2">
      <c r="A42" s="31">
        <v>30</v>
      </c>
      <c r="B42" s="27">
        <v>59</v>
      </c>
      <c r="C42" s="28">
        <v>44</v>
      </c>
      <c r="D42" s="29">
        <v>103</v>
      </c>
    </row>
    <row r="43" spans="1:4" ht="18" customHeight="1" x14ac:dyDescent="0.2">
      <c r="A43" s="31">
        <v>31</v>
      </c>
      <c r="B43" s="27">
        <v>60</v>
      </c>
      <c r="C43" s="28">
        <v>58</v>
      </c>
      <c r="D43" s="29">
        <v>118</v>
      </c>
    </row>
    <row r="44" spans="1:4" ht="18" customHeight="1" x14ac:dyDescent="0.2">
      <c r="A44" s="31">
        <v>32</v>
      </c>
      <c r="B44" s="27">
        <v>57</v>
      </c>
      <c r="C44" s="28">
        <v>57</v>
      </c>
      <c r="D44" s="29">
        <v>114</v>
      </c>
    </row>
    <row r="45" spans="1:4" ht="18" customHeight="1" x14ac:dyDescent="0.2">
      <c r="A45" s="31">
        <v>33</v>
      </c>
      <c r="B45" s="27">
        <v>57</v>
      </c>
      <c r="C45" s="28">
        <v>62</v>
      </c>
      <c r="D45" s="29">
        <v>119</v>
      </c>
    </row>
    <row r="46" spans="1:4" ht="18" customHeight="1" x14ac:dyDescent="0.2">
      <c r="A46" s="31">
        <v>34</v>
      </c>
      <c r="B46" s="27">
        <v>71</v>
      </c>
      <c r="C46" s="28">
        <v>51</v>
      </c>
      <c r="D46" s="29">
        <v>122</v>
      </c>
    </row>
    <row r="47" spans="1:4" ht="18" customHeight="1" x14ac:dyDescent="0.2">
      <c r="A47" s="31" t="s">
        <v>55</v>
      </c>
      <c r="B47" s="27">
        <v>304</v>
      </c>
      <c r="C47" s="28">
        <v>272</v>
      </c>
      <c r="D47" s="29">
        <v>576</v>
      </c>
    </row>
    <row r="48" spans="1:4" ht="18" customHeight="1" x14ac:dyDescent="0.2">
      <c r="A48" s="31">
        <v>35</v>
      </c>
      <c r="B48" s="27">
        <v>74</v>
      </c>
      <c r="C48" s="28">
        <v>41</v>
      </c>
      <c r="D48" s="29">
        <v>115</v>
      </c>
    </row>
    <row r="49" spans="1:4" ht="18" customHeight="1" x14ac:dyDescent="0.2">
      <c r="A49" s="31">
        <v>36</v>
      </c>
      <c r="B49" s="27">
        <v>66</v>
      </c>
      <c r="C49" s="28">
        <v>60</v>
      </c>
      <c r="D49" s="29">
        <v>126</v>
      </c>
    </row>
    <row r="50" spans="1:4" ht="18" customHeight="1" x14ac:dyDescent="0.2">
      <c r="A50" s="31">
        <v>37</v>
      </c>
      <c r="B50" s="27">
        <v>63</v>
      </c>
      <c r="C50" s="28">
        <v>59</v>
      </c>
      <c r="D50" s="29">
        <v>122</v>
      </c>
    </row>
    <row r="51" spans="1:4" ht="18" customHeight="1" x14ac:dyDescent="0.2">
      <c r="A51" s="31">
        <v>38</v>
      </c>
      <c r="B51" s="27">
        <v>56</v>
      </c>
      <c r="C51" s="28">
        <v>48</v>
      </c>
      <c r="D51" s="29">
        <v>104</v>
      </c>
    </row>
    <row r="52" spans="1:4" ht="18" customHeight="1" x14ac:dyDescent="0.2">
      <c r="A52" s="31">
        <v>39</v>
      </c>
      <c r="B52" s="27">
        <v>65</v>
      </c>
      <c r="C52" s="28">
        <v>59</v>
      </c>
      <c r="D52" s="29">
        <v>124</v>
      </c>
    </row>
    <row r="53" spans="1:4" ht="18" customHeight="1" x14ac:dyDescent="0.2">
      <c r="A53" s="31" t="s">
        <v>56</v>
      </c>
      <c r="B53" s="27">
        <v>324</v>
      </c>
      <c r="C53" s="28">
        <v>267</v>
      </c>
      <c r="D53" s="29">
        <v>591</v>
      </c>
    </row>
    <row r="54" spans="1:4" ht="18" customHeight="1" x14ac:dyDescent="0.2">
      <c r="A54" s="31">
        <v>40</v>
      </c>
      <c r="B54" s="27">
        <v>65</v>
      </c>
      <c r="C54" s="28">
        <v>74</v>
      </c>
      <c r="D54" s="29">
        <v>139</v>
      </c>
    </row>
    <row r="55" spans="1:4" ht="18" customHeight="1" x14ac:dyDescent="0.2">
      <c r="A55" s="31">
        <v>41</v>
      </c>
      <c r="B55" s="27">
        <v>72</v>
      </c>
      <c r="C55" s="28">
        <v>54</v>
      </c>
      <c r="D55" s="29">
        <v>126</v>
      </c>
    </row>
    <row r="56" spans="1:4" ht="18" customHeight="1" x14ac:dyDescent="0.2">
      <c r="A56" s="31">
        <v>42</v>
      </c>
      <c r="B56" s="27">
        <v>74</v>
      </c>
      <c r="C56" s="28">
        <v>70</v>
      </c>
      <c r="D56" s="29">
        <v>144</v>
      </c>
    </row>
    <row r="57" spans="1:4" ht="18" customHeight="1" x14ac:dyDescent="0.2">
      <c r="A57" s="31">
        <v>43</v>
      </c>
      <c r="B57" s="27">
        <v>72</v>
      </c>
      <c r="C57" s="28">
        <v>82</v>
      </c>
      <c r="D57" s="29">
        <v>154</v>
      </c>
    </row>
    <row r="58" spans="1:4" ht="18" customHeight="1" x14ac:dyDescent="0.2">
      <c r="A58" s="31">
        <v>44</v>
      </c>
      <c r="B58" s="27">
        <v>79</v>
      </c>
      <c r="C58" s="28">
        <v>83</v>
      </c>
      <c r="D58" s="29">
        <v>162</v>
      </c>
    </row>
    <row r="59" spans="1:4" ht="18" customHeight="1" x14ac:dyDescent="0.2">
      <c r="A59" s="31" t="s">
        <v>57</v>
      </c>
      <c r="B59" s="27">
        <v>362</v>
      </c>
      <c r="C59" s="28">
        <v>363</v>
      </c>
      <c r="D59" s="29">
        <v>725</v>
      </c>
    </row>
    <row r="60" spans="1:4" ht="18" customHeight="1" x14ac:dyDescent="0.2">
      <c r="A60" s="31">
        <v>45</v>
      </c>
      <c r="B60" s="27">
        <v>83</v>
      </c>
      <c r="C60" s="28">
        <v>74</v>
      </c>
      <c r="D60" s="29">
        <v>157</v>
      </c>
    </row>
    <row r="61" spans="1:4" ht="18" customHeight="1" x14ac:dyDescent="0.2">
      <c r="A61" s="31">
        <v>46</v>
      </c>
      <c r="B61" s="27">
        <v>92</v>
      </c>
      <c r="C61" s="28">
        <v>97</v>
      </c>
      <c r="D61" s="29">
        <v>189</v>
      </c>
    </row>
    <row r="62" spans="1:4" ht="18" customHeight="1" x14ac:dyDescent="0.2">
      <c r="A62" s="31">
        <v>47</v>
      </c>
      <c r="B62" s="27">
        <v>103</v>
      </c>
      <c r="C62" s="28">
        <v>95</v>
      </c>
      <c r="D62" s="29">
        <v>198</v>
      </c>
    </row>
    <row r="63" spans="1:4" ht="18" customHeight="1" x14ac:dyDescent="0.2">
      <c r="A63" s="31">
        <v>48</v>
      </c>
      <c r="B63" s="27">
        <v>78</v>
      </c>
      <c r="C63" s="28">
        <v>88</v>
      </c>
      <c r="D63" s="29">
        <v>166</v>
      </c>
    </row>
    <row r="64" spans="1:4" ht="18" customHeight="1" x14ac:dyDescent="0.2">
      <c r="A64" s="31">
        <v>49</v>
      </c>
      <c r="B64" s="27">
        <v>91</v>
      </c>
      <c r="C64" s="28">
        <v>79</v>
      </c>
      <c r="D64" s="29">
        <v>170</v>
      </c>
    </row>
    <row r="65" spans="1:4" ht="18" customHeight="1" x14ac:dyDescent="0.2">
      <c r="A65" s="31" t="s">
        <v>58</v>
      </c>
      <c r="B65" s="27">
        <v>447</v>
      </c>
      <c r="C65" s="28">
        <v>433</v>
      </c>
      <c r="D65" s="29">
        <v>880</v>
      </c>
    </row>
    <row r="66" spans="1:4" ht="18" customHeight="1" x14ac:dyDescent="0.2">
      <c r="A66" s="31">
        <v>50</v>
      </c>
      <c r="B66" s="27">
        <v>82</v>
      </c>
      <c r="C66" s="28">
        <v>77</v>
      </c>
      <c r="D66" s="29">
        <v>159</v>
      </c>
    </row>
    <row r="67" spans="1:4" ht="18" customHeight="1" x14ac:dyDescent="0.2">
      <c r="A67" s="31">
        <v>51</v>
      </c>
      <c r="B67" s="27">
        <v>105</v>
      </c>
      <c r="C67" s="28">
        <v>93</v>
      </c>
      <c r="D67" s="29">
        <v>198</v>
      </c>
    </row>
    <row r="68" spans="1:4" ht="18" customHeight="1" x14ac:dyDescent="0.2">
      <c r="A68" s="31">
        <v>52</v>
      </c>
      <c r="B68" s="27">
        <v>65</v>
      </c>
      <c r="C68" s="28">
        <v>78</v>
      </c>
      <c r="D68" s="29">
        <v>143</v>
      </c>
    </row>
    <row r="69" spans="1:4" ht="18" customHeight="1" x14ac:dyDescent="0.2">
      <c r="A69" s="31">
        <v>53</v>
      </c>
      <c r="B69" s="27">
        <v>73</v>
      </c>
      <c r="C69" s="28">
        <v>73</v>
      </c>
      <c r="D69" s="29">
        <v>146</v>
      </c>
    </row>
    <row r="70" spans="1:4" ht="18" customHeight="1" x14ac:dyDescent="0.2">
      <c r="A70" s="31">
        <v>54</v>
      </c>
      <c r="B70" s="27">
        <v>80</v>
      </c>
      <c r="C70" s="28">
        <v>88</v>
      </c>
      <c r="D70" s="29">
        <v>168</v>
      </c>
    </row>
    <row r="71" spans="1:4" ht="18" customHeight="1" x14ac:dyDescent="0.2">
      <c r="A71" s="31" t="s">
        <v>59</v>
      </c>
      <c r="B71" s="27">
        <v>405</v>
      </c>
      <c r="C71" s="28">
        <v>409</v>
      </c>
      <c r="D71" s="29">
        <v>814</v>
      </c>
    </row>
    <row r="72" spans="1:4" ht="18" customHeight="1" x14ac:dyDescent="0.2">
      <c r="A72" s="31">
        <v>55</v>
      </c>
      <c r="B72" s="27">
        <v>84</v>
      </c>
      <c r="C72" s="28">
        <v>71</v>
      </c>
      <c r="D72" s="29">
        <v>155</v>
      </c>
    </row>
    <row r="73" spans="1:4" ht="18" customHeight="1" x14ac:dyDescent="0.2">
      <c r="A73" s="31">
        <v>56</v>
      </c>
      <c r="B73" s="27">
        <v>87</v>
      </c>
      <c r="C73" s="28">
        <v>67</v>
      </c>
      <c r="D73" s="29">
        <v>154</v>
      </c>
    </row>
    <row r="74" spans="1:4" ht="18" customHeight="1" x14ac:dyDescent="0.2">
      <c r="A74" s="31">
        <v>57</v>
      </c>
      <c r="B74" s="27">
        <v>68</v>
      </c>
      <c r="C74" s="28">
        <v>98</v>
      </c>
      <c r="D74" s="29">
        <v>166</v>
      </c>
    </row>
    <row r="75" spans="1:4" ht="18" customHeight="1" x14ac:dyDescent="0.2">
      <c r="A75" s="31">
        <v>58</v>
      </c>
      <c r="B75" s="27">
        <v>80</v>
      </c>
      <c r="C75" s="28">
        <v>85</v>
      </c>
      <c r="D75" s="29">
        <v>165</v>
      </c>
    </row>
    <row r="76" spans="1:4" ht="18" customHeight="1" x14ac:dyDescent="0.2">
      <c r="A76" s="31">
        <v>59</v>
      </c>
      <c r="B76" s="27">
        <v>83</v>
      </c>
      <c r="C76" s="28">
        <v>84</v>
      </c>
      <c r="D76" s="29">
        <v>167</v>
      </c>
    </row>
    <row r="77" spans="1:4" ht="18" customHeight="1" x14ac:dyDescent="0.2">
      <c r="A77" s="31" t="s">
        <v>60</v>
      </c>
      <c r="B77" s="27">
        <v>402</v>
      </c>
      <c r="C77" s="28">
        <v>405</v>
      </c>
      <c r="D77" s="29">
        <v>807</v>
      </c>
    </row>
    <row r="78" spans="1:4" ht="18" customHeight="1" x14ac:dyDescent="0.2">
      <c r="A78" s="31">
        <v>60</v>
      </c>
      <c r="B78" s="27">
        <v>89</v>
      </c>
      <c r="C78" s="28">
        <v>83</v>
      </c>
      <c r="D78" s="29">
        <v>172</v>
      </c>
    </row>
    <row r="79" spans="1:4" ht="18" customHeight="1" x14ac:dyDescent="0.2">
      <c r="A79" s="31">
        <v>61</v>
      </c>
      <c r="B79" s="27">
        <v>73</v>
      </c>
      <c r="C79" s="28">
        <v>66</v>
      </c>
      <c r="D79" s="29">
        <v>139</v>
      </c>
    </row>
    <row r="80" spans="1:4" ht="18" customHeight="1" x14ac:dyDescent="0.2">
      <c r="A80" s="31">
        <v>62</v>
      </c>
      <c r="B80" s="27">
        <v>84</v>
      </c>
      <c r="C80" s="28">
        <v>71</v>
      </c>
      <c r="D80" s="29">
        <v>155</v>
      </c>
    </row>
    <row r="81" spans="1:4" ht="18" customHeight="1" x14ac:dyDescent="0.2">
      <c r="A81" s="31">
        <v>63</v>
      </c>
      <c r="B81" s="27">
        <v>84</v>
      </c>
      <c r="C81" s="28">
        <v>89</v>
      </c>
      <c r="D81" s="29">
        <v>173</v>
      </c>
    </row>
    <row r="82" spans="1:4" ht="18" customHeight="1" x14ac:dyDescent="0.2">
      <c r="A82" s="31">
        <v>64</v>
      </c>
      <c r="B82" s="27">
        <v>77</v>
      </c>
      <c r="C82" s="28">
        <v>75</v>
      </c>
      <c r="D82" s="29">
        <v>152</v>
      </c>
    </row>
    <row r="83" spans="1:4" ht="18" customHeight="1" x14ac:dyDescent="0.2">
      <c r="A83" s="31" t="s">
        <v>61</v>
      </c>
      <c r="B83" s="27">
        <v>407</v>
      </c>
      <c r="C83" s="28">
        <v>384</v>
      </c>
      <c r="D83" s="29">
        <v>791</v>
      </c>
    </row>
    <row r="84" spans="1:4" ht="18" customHeight="1" x14ac:dyDescent="0.2">
      <c r="A84" s="31" t="s">
        <v>62</v>
      </c>
      <c r="B84" s="27">
        <v>3572</v>
      </c>
      <c r="C84" s="28">
        <v>3317</v>
      </c>
      <c r="D84" s="29">
        <v>6889</v>
      </c>
    </row>
    <row r="85" spans="1:4" ht="18" customHeight="1" x14ac:dyDescent="0.2">
      <c r="A85" s="31">
        <v>65</v>
      </c>
      <c r="B85" s="27">
        <v>77</v>
      </c>
      <c r="C85" s="28">
        <v>86</v>
      </c>
      <c r="D85" s="29">
        <v>163</v>
      </c>
    </row>
    <row r="86" spans="1:4" ht="18" customHeight="1" x14ac:dyDescent="0.2">
      <c r="A86" s="31">
        <v>66</v>
      </c>
      <c r="B86" s="27">
        <v>70</v>
      </c>
      <c r="C86" s="28">
        <v>90</v>
      </c>
      <c r="D86" s="29">
        <v>160</v>
      </c>
    </row>
    <row r="87" spans="1:4" ht="18" customHeight="1" x14ac:dyDescent="0.2">
      <c r="A87" s="31">
        <v>67</v>
      </c>
      <c r="B87" s="27">
        <v>85</v>
      </c>
      <c r="C87" s="28">
        <v>84</v>
      </c>
      <c r="D87" s="29">
        <v>169</v>
      </c>
    </row>
    <row r="88" spans="1:4" ht="18" customHeight="1" x14ac:dyDescent="0.2">
      <c r="A88" s="31">
        <v>68</v>
      </c>
      <c r="B88" s="27">
        <v>88</v>
      </c>
      <c r="C88" s="28">
        <v>81</v>
      </c>
      <c r="D88" s="29">
        <v>169</v>
      </c>
    </row>
    <row r="89" spans="1:4" ht="18" customHeight="1" x14ac:dyDescent="0.2">
      <c r="A89" s="31">
        <v>69</v>
      </c>
      <c r="B89" s="27">
        <v>91</v>
      </c>
      <c r="C89" s="28">
        <v>107</v>
      </c>
      <c r="D89" s="29">
        <v>198</v>
      </c>
    </row>
    <row r="90" spans="1:4" ht="18" customHeight="1" x14ac:dyDescent="0.2">
      <c r="A90" s="31" t="s">
        <v>63</v>
      </c>
      <c r="B90" s="27">
        <v>411</v>
      </c>
      <c r="C90" s="28">
        <v>448</v>
      </c>
      <c r="D90" s="29">
        <v>859</v>
      </c>
    </row>
    <row r="91" spans="1:4" ht="18" customHeight="1" x14ac:dyDescent="0.2">
      <c r="A91" s="31">
        <v>70</v>
      </c>
      <c r="B91" s="27">
        <v>101</v>
      </c>
      <c r="C91" s="28">
        <v>103</v>
      </c>
      <c r="D91" s="29">
        <v>204</v>
      </c>
    </row>
    <row r="92" spans="1:4" ht="18" customHeight="1" x14ac:dyDescent="0.2">
      <c r="A92" s="31">
        <v>71</v>
      </c>
      <c r="B92" s="27">
        <v>94</v>
      </c>
      <c r="C92" s="28">
        <v>128</v>
      </c>
      <c r="D92" s="29">
        <v>222</v>
      </c>
    </row>
    <row r="93" spans="1:4" ht="18" customHeight="1" x14ac:dyDescent="0.2">
      <c r="A93" s="31">
        <v>72</v>
      </c>
      <c r="B93" s="27">
        <v>59</v>
      </c>
      <c r="C93" s="28">
        <v>66</v>
      </c>
      <c r="D93" s="29">
        <v>125</v>
      </c>
    </row>
    <row r="94" spans="1:4" ht="18" customHeight="1" x14ac:dyDescent="0.2">
      <c r="A94" s="31">
        <v>73</v>
      </c>
      <c r="B94" s="27">
        <v>57</v>
      </c>
      <c r="C94" s="28">
        <v>76</v>
      </c>
      <c r="D94" s="29">
        <v>133</v>
      </c>
    </row>
    <row r="95" spans="1:4" ht="18" customHeight="1" x14ac:dyDescent="0.2">
      <c r="A95" s="31">
        <v>74</v>
      </c>
      <c r="B95" s="27">
        <v>69</v>
      </c>
      <c r="C95" s="28">
        <v>91</v>
      </c>
      <c r="D95" s="29">
        <v>160</v>
      </c>
    </row>
    <row r="96" spans="1:4" ht="18" customHeight="1" x14ac:dyDescent="0.2">
      <c r="A96" s="31" t="s">
        <v>64</v>
      </c>
      <c r="B96" s="27">
        <v>380</v>
      </c>
      <c r="C96" s="28">
        <v>464</v>
      </c>
      <c r="D96" s="29">
        <v>844</v>
      </c>
    </row>
    <row r="97" spans="1:4" ht="18" customHeight="1" x14ac:dyDescent="0.2">
      <c r="A97" s="31">
        <v>75</v>
      </c>
      <c r="B97" s="27">
        <v>58</v>
      </c>
      <c r="C97" s="28">
        <v>104</v>
      </c>
      <c r="D97" s="29">
        <v>162</v>
      </c>
    </row>
    <row r="98" spans="1:4" ht="18" customHeight="1" x14ac:dyDescent="0.2">
      <c r="A98" s="31">
        <v>76</v>
      </c>
      <c r="B98" s="27">
        <v>71</v>
      </c>
      <c r="C98" s="28">
        <v>98</v>
      </c>
      <c r="D98" s="29">
        <v>169</v>
      </c>
    </row>
    <row r="99" spans="1:4" ht="18" customHeight="1" x14ac:dyDescent="0.2">
      <c r="A99" s="31">
        <v>77</v>
      </c>
      <c r="B99" s="27">
        <v>80</v>
      </c>
      <c r="C99" s="28">
        <v>93</v>
      </c>
      <c r="D99" s="29">
        <v>173</v>
      </c>
    </row>
    <row r="100" spans="1:4" ht="18" customHeight="1" x14ac:dyDescent="0.2">
      <c r="A100" s="31">
        <v>78</v>
      </c>
      <c r="B100" s="27">
        <v>68</v>
      </c>
      <c r="C100" s="28">
        <v>93</v>
      </c>
      <c r="D100" s="29">
        <v>161</v>
      </c>
    </row>
    <row r="101" spans="1:4" ht="18" customHeight="1" x14ac:dyDescent="0.2">
      <c r="A101" s="31">
        <v>79</v>
      </c>
      <c r="B101" s="27">
        <v>49</v>
      </c>
      <c r="C101" s="28">
        <v>77</v>
      </c>
      <c r="D101" s="29">
        <v>126</v>
      </c>
    </row>
    <row r="102" spans="1:4" ht="18" customHeight="1" x14ac:dyDescent="0.2">
      <c r="A102" s="31" t="s">
        <v>65</v>
      </c>
      <c r="B102" s="27">
        <v>326</v>
      </c>
      <c r="C102" s="28">
        <v>465</v>
      </c>
      <c r="D102" s="29">
        <v>791</v>
      </c>
    </row>
    <row r="103" spans="1:4" ht="18" customHeight="1" x14ac:dyDescent="0.2">
      <c r="A103" s="31">
        <v>80</v>
      </c>
      <c r="B103" s="27">
        <v>55</v>
      </c>
      <c r="C103" s="28">
        <v>65</v>
      </c>
      <c r="D103" s="29">
        <v>120</v>
      </c>
    </row>
    <row r="104" spans="1:4" ht="18" customHeight="1" x14ac:dyDescent="0.2">
      <c r="A104" s="31">
        <v>81</v>
      </c>
      <c r="B104" s="27">
        <v>50</v>
      </c>
      <c r="C104" s="28">
        <v>55</v>
      </c>
      <c r="D104" s="29">
        <v>105</v>
      </c>
    </row>
    <row r="105" spans="1:4" ht="18" customHeight="1" x14ac:dyDescent="0.2">
      <c r="A105" s="31">
        <v>82</v>
      </c>
      <c r="B105" s="27">
        <v>58</v>
      </c>
      <c r="C105" s="28">
        <v>67</v>
      </c>
      <c r="D105" s="29">
        <v>125</v>
      </c>
    </row>
    <row r="106" spans="1:4" ht="18" customHeight="1" x14ac:dyDescent="0.2">
      <c r="A106" s="31">
        <v>83</v>
      </c>
      <c r="B106" s="27">
        <v>42</v>
      </c>
      <c r="C106" s="28">
        <v>77</v>
      </c>
      <c r="D106" s="29">
        <v>119</v>
      </c>
    </row>
    <row r="107" spans="1:4" ht="18" customHeight="1" x14ac:dyDescent="0.2">
      <c r="A107" s="31">
        <v>84</v>
      </c>
      <c r="B107" s="27">
        <v>34</v>
      </c>
      <c r="C107" s="28">
        <v>70</v>
      </c>
      <c r="D107" s="29">
        <v>104</v>
      </c>
    </row>
    <row r="108" spans="1:4" ht="18" customHeight="1" x14ac:dyDescent="0.2">
      <c r="A108" s="31" t="s">
        <v>66</v>
      </c>
      <c r="B108" s="27">
        <v>239</v>
      </c>
      <c r="C108" s="28">
        <v>334</v>
      </c>
      <c r="D108" s="29">
        <v>573</v>
      </c>
    </row>
    <row r="109" spans="1:4" ht="18" customHeight="1" x14ac:dyDescent="0.2">
      <c r="A109" s="31">
        <v>85</v>
      </c>
      <c r="B109" s="27">
        <v>25</v>
      </c>
      <c r="C109" s="28">
        <v>61</v>
      </c>
      <c r="D109" s="29">
        <v>86</v>
      </c>
    </row>
    <row r="110" spans="1:4" ht="18" customHeight="1" x14ac:dyDescent="0.2">
      <c r="A110" s="31">
        <v>86</v>
      </c>
      <c r="B110" s="27">
        <v>40</v>
      </c>
      <c r="C110" s="28">
        <v>60</v>
      </c>
      <c r="D110" s="29">
        <v>100</v>
      </c>
    </row>
    <row r="111" spans="1:4" ht="18" customHeight="1" x14ac:dyDescent="0.2">
      <c r="A111" s="31">
        <v>87</v>
      </c>
      <c r="B111" s="27">
        <v>20</v>
      </c>
      <c r="C111" s="28">
        <v>70</v>
      </c>
      <c r="D111" s="29">
        <v>90</v>
      </c>
    </row>
    <row r="112" spans="1:4" ht="18" customHeight="1" x14ac:dyDescent="0.2">
      <c r="A112" s="31">
        <v>88</v>
      </c>
      <c r="B112" s="27">
        <v>24</v>
      </c>
      <c r="C112" s="28">
        <v>49</v>
      </c>
      <c r="D112" s="29">
        <v>73</v>
      </c>
    </row>
    <row r="113" spans="1:4" ht="18" customHeight="1" x14ac:dyDescent="0.2">
      <c r="A113" s="31">
        <v>89</v>
      </c>
      <c r="B113" s="27">
        <v>17</v>
      </c>
      <c r="C113" s="28">
        <v>53</v>
      </c>
      <c r="D113" s="29">
        <v>70</v>
      </c>
    </row>
    <row r="114" spans="1:4" ht="18" customHeight="1" x14ac:dyDescent="0.2">
      <c r="A114" s="31" t="s">
        <v>67</v>
      </c>
      <c r="B114" s="27">
        <v>126</v>
      </c>
      <c r="C114" s="28">
        <v>293</v>
      </c>
      <c r="D114" s="29">
        <v>419</v>
      </c>
    </row>
    <row r="115" spans="1:4" ht="18" customHeight="1" x14ac:dyDescent="0.2">
      <c r="A115" s="31">
        <v>90</v>
      </c>
      <c r="B115" s="27">
        <v>15</v>
      </c>
      <c r="C115" s="28">
        <v>38</v>
      </c>
      <c r="D115" s="29">
        <v>53</v>
      </c>
    </row>
    <row r="116" spans="1:4" ht="18" customHeight="1" x14ac:dyDescent="0.2">
      <c r="A116" s="31">
        <v>91</v>
      </c>
      <c r="B116" s="27">
        <v>8</v>
      </c>
      <c r="C116" s="28">
        <v>30</v>
      </c>
      <c r="D116" s="29">
        <v>38</v>
      </c>
    </row>
    <row r="117" spans="1:4" ht="18" customHeight="1" x14ac:dyDescent="0.2">
      <c r="A117" s="31">
        <v>92</v>
      </c>
      <c r="B117" s="27">
        <v>9</v>
      </c>
      <c r="C117" s="28">
        <v>24</v>
      </c>
      <c r="D117" s="29">
        <v>33</v>
      </c>
    </row>
    <row r="118" spans="1:4" ht="18" customHeight="1" x14ac:dyDescent="0.2">
      <c r="A118" s="31">
        <v>93</v>
      </c>
      <c r="B118" s="27">
        <v>8</v>
      </c>
      <c r="C118" s="28">
        <v>20</v>
      </c>
      <c r="D118" s="29">
        <v>28</v>
      </c>
    </row>
    <row r="119" spans="1:4" ht="18" customHeight="1" x14ac:dyDescent="0.2">
      <c r="A119" s="31">
        <v>94</v>
      </c>
      <c r="B119" s="27">
        <v>7</v>
      </c>
      <c r="C119" s="28">
        <v>9</v>
      </c>
      <c r="D119" s="29">
        <v>16</v>
      </c>
    </row>
    <row r="120" spans="1:4" ht="18" customHeight="1" x14ac:dyDescent="0.2">
      <c r="A120" s="31" t="s">
        <v>68</v>
      </c>
      <c r="B120" s="27">
        <v>47</v>
      </c>
      <c r="C120" s="28">
        <v>121</v>
      </c>
      <c r="D120" s="29">
        <v>168</v>
      </c>
    </row>
    <row r="121" spans="1:4" ht="18" customHeight="1" x14ac:dyDescent="0.2">
      <c r="A121" s="31">
        <v>95</v>
      </c>
      <c r="B121" s="27">
        <v>4</v>
      </c>
      <c r="C121" s="28">
        <v>18</v>
      </c>
      <c r="D121" s="29">
        <v>22</v>
      </c>
    </row>
    <row r="122" spans="1:4" ht="18" customHeight="1" x14ac:dyDescent="0.2">
      <c r="A122" s="31">
        <v>96</v>
      </c>
      <c r="B122" s="27">
        <v>2</v>
      </c>
      <c r="C122" s="28">
        <v>7</v>
      </c>
      <c r="D122" s="29">
        <v>9</v>
      </c>
    </row>
    <row r="123" spans="1:4" ht="18" customHeight="1" x14ac:dyDescent="0.2">
      <c r="A123" s="31">
        <v>97</v>
      </c>
      <c r="B123" s="27">
        <v>2</v>
      </c>
      <c r="C123" s="28">
        <v>6</v>
      </c>
      <c r="D123" s="29">
        <v>8</v>
      </c>
    </row>
    <row r="124" spans="1:4" ht="18" customHeight="1" x14ac:dyDescent="0.2">
      <c r="A124" s="31">
        <v>98</v>
      </c>
      <c r="B124" s="27">
        <v>1</v>
      </c>
      <c r="C124" s="28">
        <v>8</v>
      </c>
      <c r="D124" s="29">
        <v>9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10</v>
      </c>
      <c r="C126" s="28">
        <v>43</v>
      </c>
      <c r="D126" s="29">
        <v>53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1539</v>
      </c>
      <c r="C130" s="5">
        <v>2173</v>
      </c>
      <c r="D130" s="6">
        <v>3712</v>
      </c>
    </row>
    <row r="131" spans="1:4" ht="18" customHeight="1" x14ac:dyDescent="0.2">
      <c r="A131" s="33" t="s">
        <v>47</v>
      </c>
      <c r="B131" s="7">
        <v>5733</v>
      </c>
      <c r="C131" s="8">
        <v>6068</v>
      </c>
      <c r="D131" s="9">
        <v>118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8</v>
      </c>
      <c r="C5" s="37">
        <v>42</v>
      </c>
      <c r="D5" s="39">
        <v>70</v>
      </c>
    </row>
    <row r="6" spans="1:10" ht="18" customHeight="1" x14ac:dyDescent="0.2">
      <c r="A6" s="31">
        <v>1</v>
      </c>
      <c r="B6" s="35">
        <v>40</v>
      </c>
      <c r="C6" s="28">
        <v>22</v>
      </c>
      <c r="D6" s="29">
        <v>62</v>
      </c>
    </row>
    <row r="7" spans="1:10" ht="18" customHeight="1" x14ac:dyDescent="0.2">
      <c r="A7" s="31">
        <v>2</v>
      </c>
      <c r="B7" s="35">
        <v>46</v>
      </c>
      <c r="C7" s="28">
        <v>30</v>
      </c>
      <c r="D7" s="29">
        <v>76</v>
      </c>
    </row>
    <row r="8" spans="1:10" ht="18" customHeight="1" x14ac:dyDescent="0.2">
      <c r="A8" s="31">
        <v>3</v>
      </c>
      <c r="B8" s="35">
        <v>21</v>
      </c>
      <c r="C8" s="28">
        <v>46</v>
      </c>
      <c r="D8" s="29">
        <v>67</v>
      </c>
    </row>
    <row r="9" spans="1:10" ht="18" customHeight="1" x14ac:dyDescent="0.2">
      <c r="A9" s="31">
        <v>4</v>
      </c>
      <c r="B9" s="36">
        <v>37</v>
      </c>
      <c r="C9" s="38">
        <v>35</v>
      </c>
      <c r="D9" s="40">
        <v>72</v>
      </c>
    </row>
    <row r="10" spans="1:10" ht="18" customHeight="1" x14ac:dyDescent="0.2">
      <c r="A10" s="31" t="s">
        <v>48</v>
      </c>
      <c r="B10" s="27">
        <v>172</v>
      </c>
      <c r="C10" s="28">
        <v>175</v>
      </c>
      <c r="D10" s="29">
        <v>347</v>
      </c>
    </row>
    <row r="11" spans="1:10" ht="18" customHeight="1" x14ac:dyDescent="0.2">
      <c r="A11" s="31">
        <v>5</v>
      </c>
      <c r="B11" s="35">
        <v>32</v>
      </c>
      <c r="C11" s="28">
        <v>31</v>
      </c>
      <c r="D11" s="29">
        <v>63</v>
      </c>
    </row>
    <row r="12" spans="1:10" ht="18" customHeight="1" x14ac:dyDescent="0.2">
      <c r="A12" s="31">
        <v>6</v>
      </c>
      <c r="B12" s="35">
        <v>41</v>
      </c>
      <c r="C12" s="28">
        <v>32</v>
      </c>
      <c r="D12" s="29">
        <v>73</v>
      </c>
    </row>
    <row r="13" spans="1:10" ht="18" customHeight="1" x14ac:dyDescent="0.2">
      <c r="A13" s="31">
        <v>7</v>
      </c>
      <c r="B13" s="35">
        <v>37</v>
      </c>
      <c r="C13" s="28">
        <v>29</v>
      </c>
      <c r="D13" s="29">
        <v>66</v>
      </c>
    </row>
    <row r="14" spans="1:10" ht="18" customHeight="1" x14ac:dyDescent="0.2">
      <c r="A14" s="31">
        <v>8</v>
      </c>
      <c r="B14" s="35">
        <v>42</v>
      </c>
      <c r="C14" s="28">
        <v>31</v>
      </c>
      <c r="D14" s="29">
        <v>73</v>
      </c>
    </row>
    <row r="15" spans="1:10" ht="18" customHeight="1" x14ac:dyDescent="0.2">
      <c r="A15" s="31">
        <v>9</v>
      </c>
      <c r="B15" s="35">
        <v>32</v>
      </c>
      <c r="C15" s="28">
        <v>38</v>
      </c>
      <c r="D15" s="29">
        <v>70</v>
      </c>
    </row>
    <row r="16" spans="1:10" ht="18" customHeight="1" x14ac:dyDescent="0.2">
      <c r="A16" s="31" t="s">
        <v>49</v>
      </c>
      <c r="B16" s="27">
        <v>184</v>
      </c>
      <c r="C16" s="28">
        <v>161</v>
      </c>
      <c r="D16" s="29">
        <v>345</v>
      </c>
    </row>
    <row r="17" spans="1:4" ht="18" customHeight="1" x14ac:dyDescent="0.2">
      <c r="A17" s="31">
        <v>10</v>
      </c>
      <c r="B17" s="27">
        <v>43</v>
      </c>
      <c r="C17" s="28">
        <v>27</v>
      </c>
      <c r="D17" s="29">
        <v>70</v>
      </c>
    </row>
    <row r="18" spans="1:4" ht="18" customHeight="1" x14ac:dyDescent="0.2">
      <c r="A18" s="31">
        <v>11</v>
      </c>
      <c r="B18" s="27">
        <v>47</v>
      </c>
      <c r="C18" s="28">
        <v>26</v>
      </c>
      <c r="D18" s="29">
        <v>73</v>
      </c>
    </row>
    <row r="19" spans="1:4" ht="18" customHeight="1" x14ac:dyDescent="0.2">
      <c r="A19" s="31">
        <v>12</v>
      </c>
      <c r="B19" s="27">
        <v>28</v>
      </c>
      <c r="C19" s="28">
        <v>40</v>
      </c>
      <c r="D19" s="29">
        <v>68</v>
      </c>
    </row>
    <row r="20" spans="1:4" ht="18" customHeight="1" x14ac:dyDescent="0.2">
      <c r="A20" s="31">
        <v>13</v>
      </c>
      <c r="B20" s="27">
        <v>41</v>
      </c>
      <c r="C20" s="28">
        <v>33</v>
      </c>
      <c r="D20" s="29">
        <v>74</v>
      </c>
    </row>
    <row r="21" spans="1:4" ht="18" customHeight="1" x14ac:dyDescent="0.2">
      <c r="A21" s="31">
        <v>14</v>
      </c>
      <c r="B21" s="27">
        <v>37</v>
      </c>
      <c r="C21" s="28">
        <v>41</v>
      </c>
      <c r="D21" s="29">
        <v>78</v>
      </c>
    </row>
    <row r="22" spans="1:4" ht="18" customHeight="1" x14ac:dyDescent="0.2">
      <c r="A22" s="31" t="s">
        <v>50</v>
      </c>
      <c r="B22" s="27">
        <v>196</v>
      </c>
      <c r="C22" s="28">
        <v>167</v>
      </c>
      <c r="D22" s="29">
        <v>363</v>
      </c>
    </row>
    <row r="23" spans="1:4" ht="18" customHeight="1" x14ac:dyDescent="0.2">
      <c r="A23" s="31" t="s">
        <v>51</v>
      </c>
      <c r="B23" s="27">
        <v>552</v>
      </c>
      <c r="C23" s="28">
        <v>503</v>
      </c>
      <c r="D23" s="29">
        <v>1055</v>
      </c>
    </row>
    <row r="24" spans="1:4" ht="18" customHeight="1" x14ac:dyDescent="0.2">
      <c r="A24" s="31">
        <v>15</v>
      </c>
      <c r="B24" s="27">
        <v>39</v>
      </c>
      <c r="C24" s="28">
        <v>31</v>
      </c>
      <c r="D24" s="29">
        <v>70</v>
      </c>
    </row>
    <row r="25" spans="1:4" ht="18" customHeight="1" x14ac:dyDescent="0.2">
      <c r="A25" s="31">
        <v>16</v>
      </c>
      <c r="B25" s="27">
        <v>44</v>
      </c>
      <c r="C25" s="28">
        <v>39</v>
      </c>
      <c r="D25" s="29">
        <v>83</v>
      </c>
    </row>
    <row r="26" spans="1:4" ht="18" customHeight="1" x14ac:dyDescent="0.2">
      <c r="A26" s="31">
        <v>17</v>
      </c>
      <c r="B26" s="27">
        <v>44</v>
      </c>
      <c r="C26" s="28">
        <v>53</v>
      </c>
      <c r="D26" s="29">
        <v>97</v>
      </c>
    </row>
    <row r="27" spans="1:4" ht="18" customHeight="1" x14ac:dyDescent="0.2">
      <c r="A27" s="31">
        <v>18</v>
      </c>
      <c r="B27" s="27">
        <v>41</v>
      </c>
      <c r="C27" s="28">
        <v>48</v>
      </c>
      <c r="D27" s="29">
        <v>89</v>
      </c>
    </row>
    <row r="28" spans="1:4" ht="18" customHeight="1" x14ac:dyDescent="0.2">
      <c r="A28" s="31">
        <v>19</v>
      </c>
      <c r="B28" s="27">
        <v>39</v>
      </c>
      <c r="C28" s="28">
        <v>37</v>
      </c>
      <c r="D28" s="29">
        <v>76</v>
      </c>
    </row>
    <row r="29" spans="1:4" ht="18" customHeight="1" x14ac:dyDescent="0.2">
      <c r="A29" s="31" t="s">
        <v>52</v>
      </c>
      <c r="B29" s="27">
        <v>207</v>
      </c>
      <c r="C29" s="28">
        <v>208</v>
      </c>
      <c r="D29" s="29">
        <v>415</v>
      </c>
    </row>
    <row r="30" spans="1:4" ht="18" customHeight="1" x14ac:dyDescent="0.2">
      <c r="A30" s="31">
        <v>20</v>
      </c>
      <c r="B30" s="27">
        <v>38</v>
      </c>
      <c r="C30" s="28">
        <v>36</v>
      </c>
      <c r="D30" s="29">
        <v>74</v>
      </c>
    </row>
    <row r="31" spans="1:4" ht="18" customHeight="1" x14ac:dyDescent="0.2">
      <c r="A31" s="31">
        <v>21</v>
      </c>
      <c r="B31" s="27">
        <v>41</v>
      </c>
      <c r="C31" s="28">
        <v>37</v>
      </c>
      <c r="D31" s="29">
        <v>78</v>
      </c>
    </row>
    <row r="32" spans="1:4" ht="18" customHeight="1" x14ac:dyDescent="0.2">
      <c r="A32" s="31">
        <v>22</v>
      </c>
      <c r="B32" s="27">
        <v>31</v>
      </c>
      <c r="C32" s="28">
        <v>26</v>
      </c>
      <c r="D32" s="29">
        <v>57</v>
      </c>
    </row>
    <row r="33" spans="1:4" ht="18" customHeight="1" x14ac:dyDescent="0.2">
      <c r="A33" s="31">
        <v>23</v>
      </c>
      <c r="B33" s="27">
        <v>42</v>
      </c>
      <c r="C33" s="28">
        <v>34</v>
      </c>
      <c r="D33" s="29">
        <v>76</v>
      </c>
    </row>
    <row r="34" spans="1:4" ht="18" customHeight="1" x14ac:dyDescent="0.2">
      <c r="A34" s="31">
        <v>24</v>
      </c>
      <c r="B34" s="27">
        <v>35</v>
      </c>
      <c r="C34" s="28">
        <v>41</v>
      </c>
      <c r="D34" s="29">
        <v>76</v>
      </c>
    </row>
    <row r="35" spans="1:4" ht="18" customHeight="1" x14ac:dyDescent="0.2">
      <c r="A35" s="31" t="s">
        <v>53</v>
      </c>
      <c r="B35" s="27">
        <v>187</v>
      </c>
      <c r="C35" s="28">
        <v>174</v>
      </c>
      <c r="D35" s="29">
        <v>361</v>
      </c>
    </row>
    <row r="36" spans="1:4" ht="18" customHeight="1" x14ac:dyDescent="0.2">
      <c r="A36" s="31">
        <v>25</v>
      </c>
      <c r="B36" s="27">
        <v>39</v>
      </c>
      <c r="C36" s="28">
        <v>35</v>
      </c>
      <c r="D36" s="29">
        <v>74</v>
      </c>
    </row>
    <row r="37" spans="1:4" ht="18" customHeight="1" x14ac:dyDescent="0.2">
      <c r="A37" s="31">
        <v>26</v>
      </c>
      <c r="B37" s="27">
        <v>33</v>
      </c>
      <c r="C37" s="28">
        <v>37</v>
      </c>
      <c r="D37" s="29">
        <v>70</v>
      </c>
    </row>
    <row r="38" spans="1:4" ht="18" customHeight="1" x14ac:dyDescent="0.2">
      <c r="A38" s="31">
        <v>27</v>
      </c>
      <c r="B38" s="27">
        <v>44</v>
      </c>
      <c r="C38" s="28">
        <v>36</v>
      </c>
      <c r="D38" s="29">
        <v>80</v>
      </c>
    </row>
    <row r="39" spans="1:4" ht="18" customHeight="1" x14ac:dyDescent="0.2">
      <c r="A39" s="31">
        <v>28</v>
      </c>
      <c r="B39" s="27">
        <v>34</v>
      </c>
      <c r="C39" s="28">
        <v>41</v>
      </c>
      <c r="D39" s="29">
        <v>75</v>
      </c>
    </row>
    <row r="40" spans="1:4" ht="18" customHeight="1" x14ac:dyDescent="0.2">
      <c r="A40" s="31">
        <v>29</v>
      </c>
      <c r="B40" s="27">
        <v>37</v>
      </c>
      <c r="C40" s="28">
        <v>35</v>
      </c>
      <c r="D40" s="29">
        <v>72</v>
      </c>
    </row>
    <row r="41" spans="1:4" ht="18" customHeight="1" x14ac:dyDescent="0.2">
      <c r="A41" s="31" t="s">
        <v>54</v>
      </c>
      <c r="B41" s="27">
        <v>187</v>
      </c>
      <c r="C41" s="28">
        <v>184</v>
      </c>
      <c r="D41" s="29">
        <v>371</v>
      </c>
    </row>
    <row r="42" spans="1:4" ht="18" customHeight="1" x14ac:dyDescent="0.2">
      <c r="A42" s="31">
        <v>30</v>
      </c>
      <c r="B42" s="27">
        <v>41</v>
      </c>
      <c r="C42" s="28">
        <v>37</v>
      </c>
      <c r="D42" s="29">
        <v>78</v>
      </c>
    </row>
    <row r="43" spans="1:4" ht="18" customHeight="1" x14ac:dyDescent="0.2">
      <c r="A43" s="31">
        <v>31</v>
      </c>
      <c r="B43" s="27">
        <v>42</v>
      </c>
      <c r="C43" s="28">
        <v>33</v>
      </c>
      <c r="D43" s="29">
        <v>75</v>
      </c>
    </row>
    <row r="44" spans="1:4" ht="18" customHeight="1" x14ac:dyDescent="0.2">
      <c r="A44" s="31">
        <v>32</v>
      </c>
      <c r="B44" s="27">
        <v>42</v>
      </c>
      <c r="C44" s="28">
        <v>43</v>
      </c>
      <c r="D44" s="29">
        <v>85</v>
      </c>
    </row>
    <row r="45" spans="1:4" ht="18" customHeight="1" x14ac:dyDescent="0.2">
      <c r="A45" s="31">
        <v>33</v>
      </c>
      <c r="B45" s="27">
        <v>55</v>
      </c>
      <c r="C45" s="28">
        <v>47</v>
      </c>
      <c r="D45" s="29">
        <v>102</v>
      </c>
    </row>
    <row r="46" spans="1:4" ht="18" customHeight="1" x14ac:dyDescent="0.2">
      <c r="A46" s="31">
        <v>34</v>
      </c>
      <c r="B46" s="27">
        <v>63</v>
      </c>
      <c r="C46" s="28">
        <v>42</v>
      </c>
      <c r="D46" s="29">
        <v>105</v>
      </c>
    </row>
    <row r="47" spans="1:4" ht="18" customHeight="1" x14ac:dyDescent="0.2">
      <c r="A47" s="31" t="s">
        <v>55</v>
      </c>
      <c r="B47" s="27">
        <v>243</v>
      </c>
      <c r="C47" s="28">
        <v>202</v>
      </c>
      <c r="D47" s="29">
        <v>445</v>
      </c>
    </row>
    <row r="48" spans="1:4" ht="18" customHeight="1" x14ac:dyDescent="0.2">
      <c r="A48" s="31">
        <v>35</v>
      </c>
      <c r="B48" s="27">
        <v>47</v>
      </c>
      <c r="C48" s="28">
        <v>39</v>
      </c>
      <c r="D48" s="29">
        <v>86</v>
      </c>
    </row>
    <row r="49" spans="1:4" ht="18" customHeight="1" x14ac:dyDescent="0.2">
      <c r="A49" s="31">
        <v>36</v>
      </c>
      <c r="B49" s="27">
        <v>39</v>
      </c>
      <c r="C49" s="28">
        <v>42</v>
      </c>
      <c r="D49" s="29">
        <v>81</v>
      </c>
    </row>
    <row r="50" spans="1:4" ht="18" customHeight="1" x14ac:dyDescent="0.2">
      <c r="A50" s="31">
        <v>37</v>
      </c>
      <c r="B50" s="27">
        <v>37</v>
      </c>
      <c r="C50" s="28">
        <v>52</v>
      </c>
      <c r="D50" s="29">
        <v>89</v>
      </c>
    </row>
    <row r="51" spans="1:4" ht="18" customHeight="1" x14ac:dyDescent="0.2">
      <c r="A51" s="31">
        <v>38</v>
      </c>
      <c r="B51" s="27">
        <v>49</v>
      </c>
      <c r="C51" s="28">
        <v>43</v>
      </c>
      <c r="D51" s="29">
        <v>92</v>
      </c>
    </row>
    <row r="52" spans="1:4" ht="18" customHeight="1" x14ac:dyDescent="0.2">
      <c r="A52" s="31">
        <v>39</v>
      </c>
      <c r="B52" s="27">
        <v>61</v>
      </c>
      <c r="C52" s="28">
        <v>57</v>
      </c>
      <c r="D52" s="29">
        <v>118</v>
      </c>
    </row>
    <row r="53" spans="1:4" ht="18" customHeight="1" x14ac:dyDescent="0.2">
      <c r="A53" s="31" t="s">
        <v>56</v>
      </c>
      <c r="B53" s="27">
        <v>233</v>
      </c>
      <c r="C53" s="28">
        <v>233</v>
      </c>
      <c r="D53" s="29">
        <v>466</v>
      </c>
    </row>
    <row r="54" spans="1:4" ht="18" customHeight="1" x14ac:dyDescent="0.2">
      <c r="A54" s="31">
        <v>40</v>
      </c>
      <c r="B54" s="27">
        <v>55</v>
      </c>
      <c r="C54" s="28">
        <v>41</v>
      </c>
      <c r="D54" s="29">
        <v>96</v>
      </c>
    </row>
    <row r="55" spans="1:4" ht="18" customHeight="1" x14ac:dyDescent="0.2">
      <c r="A55" s="31">
        <v>41</v>
      </c>
      <c r="B55" s="27">
        <v>48</v>
      </c>
      <c r="C55" s="28">
        <v>58</v>
      </c>
      <c r="D55" s="29">
        <v>106</v>
      </c>
    </row>
    <row r="56" spans="1:4" ht="18" customHeight="1" x14ac:dyDescent="0.2">
      <c r="A56" s="31">
        <v>42</v>
      </c>
      <c r="B56" s="27">
        <v>67</v>
      </c>
      <c r="C56" s="28">
        <v>53</v>
      </c>
      <c r="D56" s="29">
        <v>120</v>
      </c>
    </row>
    <row r="57" spans="1:4" ht="18" customHeight="1" x14ac:dyDescent="0.2">
      <c r="A57" s="31">
        <v>43</v>
      </c>
      <c r="B57" s="27">
        <v>74</v>
      </c>
      <c r="C57" s="28">
        <v>58</v>
      </c>
      <c r="D57" s="29">
        <v>132</v>
      </c>
    </row>
    <row r="58" spans="1:4" ht="18" customHeight="1" x14ac:dyDescent="0.2">
      <c r="A58" s="31">
        <v>44</v>
      </c>
      <c r="B58" s="27">
        <v>51</v>
      </c>
      <c r="C58" s="28">
        <v>63</v>
      </c>
      <c r="D58" s="29">
        <v>114</v>
      </c>
    </row>
    <row r="59" spans="1:4" ht="18" customHeight="1" x14ac:dyDescent="0.2">
      <c r="A59" s="31" t="s">
        <v>57</v>
      </c>
      <c r="B59" s="27">
        <v>295</v>
      </c>
      <c r="C59" s="28">
        <v>273</v>
      </c>
      <c r="D59" s="29">
        <v>568</v>
      </c>
    </row>
    <row r="60" spans="1:4" ht="18" customHeight="1" x14ac:dyDescent="0.2">
      <c r="A60" s="31">
        <v>45</v>
      </c>
      <c r="B60" s="27">
        <v>71</v>
      </c>
      <c r="C60" s="28">
        <v>62</v>
      </c>
      <c r="D60" s="29">
        <v>133</v>
      </c>
    </row>
    <row r="61" spans="1:4" ht="18" customHeight="1" x14ac:dyDescent="0.2">
      <c r="A61" s="31">
        <v>46</v>
      </c>
      <c r="B61" s="27">
        <v>51</v>
      </c>
      <c r="C61" s="28">
        <v>54</v>
      </c>
      <c r="D61" s="29">
        <v>105</v>
      </c>
    </row>
    <row r="62" spans="1:4" ht="18" customHeight="1" x14ac:dyDescent="0.2">
      <c r="A62" s="31">
        <v>47</v>
      </c>
      <c r="B62" s="27">
        <v>61</v>
      </c>
      <c r="C62" s="28">
        <v>51</v>
      </c>
      <c r="D62" s="29">
        <v>112</v>
      </c>
    </row>
    <row r="63" spans="1:4" ht="18" customHeight="1" x14ac:dyDescent="0.2">
      <c r="A63" s="31">
        <v>48</v>
      </c>
      <c r="B63" s="27">
        <v>40</v>
      </c>
      <c r="C63" s="28">
        <v>54</v>
      </c>
      <c r="D63" s="29">
        <v>94</v>
      </c>
    </row>
    <row r="64" spans="1:4" ht="18" customHeight="1" x14ac:dyDescent="0.2">
      <c r="A64" s="31">
        <v>49</v>
      </c>
      <c r="B64" s="27">
        <v>50</v>
      </c>
      <c r="C64" s="28">
        <v>46</v>
      </c>
      <c r="D64" s="29">
        <v>96</v>
      </c>
    </row>
    <row r="65" spans="1:4" ht="18" customHeight="1" x14ac:dyDescent="0.2">
      <c r="A65" s="31" t="s">
        <v>58</v>
      </c>
      <c r="B65" s="27">
        <v>273</v>
      </c>
      <c r="C65" s="28">
        <v>267</v>
      </c>
      <c r="D65" s="29">
        <v>540</v>
      </c>
    </row>
    <row r="66" spans="1:4" ht="18" customHeight="1" x14ac:dyDescent="0.2">
      <c r="A66" s="31">
        <v>50</v>
      </c>
      <c r="B66" s="27">
        <v>64</v>
      </c>
      <c r="C66" s="28">
        <v>48</v>
      </c>
      <c r="D66" s="29">
        <v>112</v>
      </c>
    </row>
    <row r="67" spans="1:4" ht="18" customHeight="1" x14ac:dyDescent="0.2">
      <c r="A67" s="31">
        <v>51</v>
      </c>
      <c r="B67" s="27">
        <v>42</v>
      </c>
      <c r="C67" s="28">
        <v>59</v>
      </c>
      <c r="D67" s="29">
        <v>101</v>
      </c>
    </row>
    <row r="68" spans="1:4" ht="18" customHeight="1" x14ac:dyDescent="0.2">
      <c r="A68" s="31">
        <v>52</v>
      </c>
      <c r="B68" s="27">
        <v>30</v>
      </c>
      <c r="C68" s="28">
        <v>31</v>
      </c>
      <c r="D68" s="29">
        <v>61</v>
      </c>
    </row>
    <row r="69" spans="1:4" ht="18" customHeight="1" x14ac:dyDescent="0.2">
      <c r="A69" s="31">
        <v>53</v>
      </c>
      <c r="B69" s="27">
        <v>62</v>
      </c>
      <c r="C69" s="28">
        <v>44</v>
      </c>
      <c r="D69" s="29">
        <v>106</v>
      </c>
    </row>
    <row r="70" spans="1:4" ht="18" customHeight="1" x14ac:dyDescent="0.2">
      <c r="A70" s="31">
        <v>54</v>
      </c>
      <c r="B70" s="27">
        <v>61</v>
      </c>
      <c r="C70" s="28">
        <v>55</v>
      </c>
      <c r="D70" s="29">
        <v>116</v>
      </c>
    </row>
    <row r="71" spans="1:4" ht="18" customHeight="1" x14ac:dyDescent="0.2">
      <c r="A71" s="31" t="s">
        <v>59</v>
      </c>
      <c r="B71" s="27">
        <v>259</v>
      </c>
      <c r="C71" s="28">
        <v>237</v>
      </c>
      <c r="D71" s="29">
        <v>496</v>
      </c>
    </row>
    <row r="72" spans="1:4" ht="18" customHeight="1" x14ac:dyDescent="0.2">
      <c r="A72" s="31">
        <v>55</v>
      </c>
      <c r="B72" s="27">
        <v>44</v>
      </c>
      <c r="C72" s="28">
        <v>41</v>
      </c>
      <c r="D72" s="29">
        <v>85</v>
      </c>
    </row>
    <row r="73" spans="1:4" ht="18" customHeight="1" x14ac:dyDescent="0.2">
      <c r="A73" s="31">
        <v>56</v>
      </c>
      <c r="B73" s="27">
        <v>40</v>
      </c>
      <c r="C73" s="28">
        <v>35</v>
      </c>
      <c r="D73" s="29">
        <v>75</v>
      </c>
    </row>
    <row r="74" spans="1:4" ht="18" customHeight="1" x14ac:dyDescent="0.2">
      <c r="A74" s="31">
        <v>57</v>
      </c>
      <c r="B74" s="27">
        <v>35</v>
      </c>
      <c r="C74" s="28">
        <v>39</v>
      </c>
      <c r="D74" s="29">
        <v>74</v>
      </c>
    </row>
    <row r="75" spans="1:4" ht="18" customHeight="1" x14ac:dyDescent="0.2">
      <c r="A75" s="31">
        <v>58</v>
      </c>
      <c r="B75" s="27">
        <v>37</v>
      </c>
      <c r="C75" s="28">
        <v>29</v>
      </c>
      <c r="D75" s="29">
        <v>66</v>
      </c>
    </row>
    <row r="76" spans="1:4" ht="18" customHeight="1" x14ac:dyDescent="0.2">
      <c r="A76" s="31">
        <v>59</v>
      </c>
      <c r="B76" s="27">
        <v>44</v>
      </c>
      <c r="C76" s="28">
        <v>43</v>
      </c>
      <c r="D76" s="29">
        <v>87</v>
      </c>
    </row>
    <row r="77" spans="1:4" ht="18" customHeight="1" x14ac:dyDescent="0.2">
      <c r="A77" s="31" t="s">
        <v>60</v>
      </c>
      <c r="B77" s="27">
        <v>200</v>
      </c>
      <c r="C77" s="28">
        <v>187</v>
      </c>
      <c r="D77" s="29">
        <v>387</v>
      </c>
    </row>
    <row r="78" spans="1:4" ht="18" customHeight="1" x14ac:dyDescent="0.2">
      <c r="A78" s="31">
        <v>60</v>
      </c>
      <c r="B78" s="27">
        <v>43</v>
      </c>
      <c r="C78" s="28">
        <v>29</v>
      </c>
      <c r="D78" s="29">
        <v>72</v>
      </c>
    </row>
    <row r="79" spans="1:4" ht="18" customHeight="1" x14ac:dyDescent="0.2">
      <c r="A79" s="31">
        <v>61</v>
      </c>
      <c r="B79" s="27">
        <v>37</v>
      </c>
      <c r="C79" s="28">
        <v>47</v>
      </c>
      <c r="D79" s="29">
        <v>84</v>
      </c>
    </row>
    <row r="80" spans="1:4" ht="18" customHeight="1" x14ac:dyDescent="0.2">
      <c r="A80" s="31">
        <v>62</v>
      </c>
      <c r="B80" s="27">
        <v>40</v>
      </c>
      <c r="C80" s="28">
        <v>32</v>
      </c>
      <c r="D80" s="29">
        <v>72</v>
      </c>
    </row>
    <row r="81" spans="1:4" ht="18" customHeight="1" x14ac:dyDescent="0.2">
      <c r="A81" s="31">
        <v>63</v>
      </c>
      <c r="B81" s="27">
        <v>42</v>
      </c>
      <c r="C81" s="28">
        <v>60</v>
      </c>
      <c r="D81" s="29">
        <v>102</v>
      </c>
    </row>
    <row r="82" spans="1:4" ht="18" customHeight="1" x14ac:dyDescent="0.2">
      <c r="A82" s="31">
        <v>64</v>
      </c>
      <c r="B82" s="27">
        <v>44</v>
      </c>
      <c r="C82" s="28">
        <v>54</v>
      </c>
      <c r="D82" s="29">
        <v>98</v>
      </c>
    </row>
    <row r="83" spans="1:4" ht="18" customHeight="1" x14ac:dyDescent="0.2">
      <c r="A83" s="31" t="s">
        <v>61</v>
      </c>
      <c r="B83" s="27">
        <v>206</v>
      </c>
      <c r="C83" s="28">
        <v>222</v>
      </c>
      <c r="D83" s="29">
        <v>428</v>
      </c>
    </row>
    <row r="84" spans="1:4" ht="18" customHeight="1" x14ac:dyDescent="0.2">
      <c r="A84" s="31" t="s">
        <v>62</v>
      </c>
      <c r="B84" s="27">
        <v>2290</v>
      </c>
      <c r="C84" s="28">
        <v>2187</v>
      </c>
      <c r="D84" s="29">
        <v>4477</v>
      </c>
    </row>
    <row r="85" spans="1:4" ht="18" customHeight="1" x14ac:dyDescent="0.2">
      <c r="A85" s="31">
        <v>65</v>
      </c>
      <c r="B85" s="27">
        <v>30</v>
      </c>
      <c r="C85" s="28">
        <v>39</v>
      </c>
      <c r="D85" s="29">
        <v>69</v>
      </c>
    </row>
    <row r="86" spans="1:4" ht="18" customHeight="1" x14ac:dyDescent="0.2">
      <c r="A86" s="31">
        <v>66</v>
      </c>
      <c r="B86" s="27">
        <v>48</v>
      </c>
      <c r="C86" s="28">
        <v>44</v>
      </c>
      <c r="D86" s="29">
        <v>92</v>
      </c>
    </row>
    <row r="87" spans="1:4" ht="18" customHeight="1" x14ac:dyDescent="0.2">
      <c r="A87" s="31">
        <v>67</v>
      </c>
      <c r="B87" s="27">
        <v>46</v>
      </c>
      <c r="C87" s="28">
        <v>49</v>
      </c>
      <c r="D87" s="29">
        <v>95</v>
      </c>
    </row>
    <row r="88" spans="1:4" ht="18" customHeight="1" x14ac:dyDescent="0.2">
      <c r="A88" s="31">
        <v>68</v>
      </c>
      <c r="B88" s="27">
        <v>62</v>
      </c>
      <c r="C88" s="28">
        <v>41</v>
      </c>
      <c r="D88" s="29">
        <v>103</v>
      </c>
    </row>
    <row r="89" spans="1:4" ht="18" customHeight="1" x14ac:dyDescent="0.2">
      <c r="A89" s="31">
        <v>69</v>
      </c>
      <c r="B89" s="27">
        <v>47</v>
      </c>
      <c r="C89" s="28">
        <v>66</v>
      </c>
      <c r="D89" s="29">
        <v>113</v>
      </c>
    </row>
    <row r="90" spans="1:4" ht="18" customHeight="1" x14ac:dyDescent="0.2">
      <c r="A90" s="31" t="s">
        <v>63</v>
      </c>
      <c r="B90" s="27">
        <v>233</v>
      </c>
      <c r="C90" s="28">
        <v>239</v>
      </c>
      <c r="D90" s="29">
        <v>472</v>
      </c>
    </row>
    <row r="91" spans="1:4" ht="18" customHeight="1" x14ac:dyDescent="0.2">
      <c r="A91" s="31">
        <v>70</v>
      </c>
      <c r="B91" s="27">
        <v>50</v>
      </c>
      <c r="C91" s="28">
        <v>61</v>
      </c>
      <c r="D91" s="29">
        <v>111</v>
      </c>
    </row>
    <row r="92" spans="1:4" ht="18" customHeight="1" x14ac:dyDescent="0.2">
      <c r="A92" s="31">
        <v>71</v>
      </c>
      <c r="B92" s="27">
        <v>54</v>
      </c>
      <c r="C92" s="28">
        <v>48</v>
      </c>
      <c r="D92" s="29">
        <v>102</v>
      </c>
    </row>
    <row r="93" spans="1:4" ht="18" customHeight="1" x14ac:dyDescent="0.2">
      <c r="A93" s="31">
        <v>72</v>
      </c>
      <c r="B93" s="27">
        <v>28</v>
      </c>
      <c r="C93" s="28">
        <v>36</v>
      </c>
      <c r="D93" s="29">
        <v>64</v>
      </c>
    </row>
    <row r="94" spans="1:4" ht="18" customHeight="1" x14ac:dyDescent="0.2">
      <c r="A94" s="31">
        <v>73</v>
      </c>
      <c r="B94" s="27">
        <v>30</v>
      </c>
      <c r="C94" s="28">
        <v>40</v>
      </c>
      <c r="D94" s="29">
        <v>70</v>
      </c>
    </row>
    <row r="95" spans="1:4" ht="18" customHeight="1" x14ac:dyDescent="0.2">
      <c r="A95" s="31">
        <v>74</v>
      </c>
      <c r="B95" s="27">
        <v>41</v>
      </c>
      <c r="C95" s="28">
        <v>50</v>
      </c>
      <c r="D95" s="29">
        <v>91</v>
      </c>
    </row>
    <row r="96" spans="1:4" ht="18" customHeight="1" x14ac:dyDescent="0.2">
      <c r="A96" s="31" t="s">
        <v>64</v>
      </c>
      <c r="B96" s="27">
        <v>203</v>
      </c>
      <c r="C96" s="28">
        <v>235</v>
      </c>
      <c r="D96" s="29">
        <v>438</v>
      </c>
    </row>
    <row r="97" spans="1:4" ht="18" customHeight="1" x14ac:dyDescent="0.2">
      <c r="A97" s="31">
        <v>75</v>
      </c>
      <c r="B97" s="27">
        <v>34</v>
      </c>
      <c r="C97" s="28">
        <v>47</v>
      </c>
      <c r="D97" s="29">
        <v>81</v>
      </c>
    </row>
    <row r="98" spans="1:4" ht="18" customHeight="1" x14ac:dyDescent="0.2">
      <c r="A98" s="31">
        <v>76</v>
      </c>
      <c r="B98" s="27">
        <v>35</v>
      </c>
      <c r="C98" s="28">
        <v>47</v>
      </c>
      <c r="D98" s="29">
        <v>82</v>
      </c>
    </row>
    <row r="99" spans="1:4" ht="18" customHeight="1" x14ac:dyDescent="0.2">
      <c r="A99" s="31">
        <v>77</v>
      </c>
      <c r="B99" s="27">
        <v>33</v>
      </c>
      <c r="C99" s="28">
        <v>47</v>
      </c>
      <c r="D99" s="29">
        <v>80</v>
      </c>
    </row>
    <row r="100" spans="1:4" ht="18" customHeight="1" x14ac:dyDescent="0.2">
      <c r="A100" s="31">
        <v>78</v>
      </c>
      <c r="B100" s="27">
        <v>38</v>
      </c>
      <c r="C100" s="28">
        <v>36</v>
      </c>
      <c r="D100" s="29">
        <v>74</v>
      </c>
    </row>
    <row r="101" spans="1:4" ht="18" customHeight="1" x14ac:dyDescent="0.2">
      <c r="A101" s="31">
        <v>79</v>
      </c>
      <c r="B101" s="27">
        <v>26</v>
      </c>
      <c r="C101" s="28">
        <v>24</v>
      </c>
      <c r="D101" s="29">
        <v>50</v>
      </c>
    </row>
    <row r="102" spans="1:4" ht="18" customHeight="1" x14ac:dyDescent="0.2">
      <c r="A102" s="31" t="s">
        <v>65</v>
      </c>
      <c r="B102" s="27">
        <v>166</v>
      </c>
      <c r="C102" s="28">
        <v>201</v>
      </c>
      <c r="D102" s="29">
        <v>367</v>
      </c>
    </row>
    <row r="103" spans="1:4" ht="18" customHeight="1" x14ac:dyDescent="0.2">
      <c r="A103" s="31">
        <v>80</v>
      </c>
      <c r="B103" s="27">
        <v>33</v>
      </c>
      <c r="C103" s="28">
        <v>25</v>
      </c>
      <c r="D103" s="29">
        <v>58</v>
      </c>
    </row>
    <row r="104" spans="1:4" ht="18" customHeight="1" x14ac:dyDescent="0.2">
      <c r="A104" s="31">
        <v>81</v>
      </c>
      <c r="B104" s="27">
        <v>22</v>
      </c>
      <c r="C104" s="28">
        <v>43</v>
      </c>
      <c r="D104" s="29">
        <v>65</v>
      </c>
    </row>
    <row r="105" spans="1:4" ht="18" customHeight="1" x14ac:dyDescent="0.2">
      <c r="A105" s="31">
        <v>82</v>
      </c>
      <c r="B105" s="27">
        <v>22</v>
      </c>
      <c r="C105" s="28">
        <v>29</v>
      </c>
      <c r="D105" s="29">
        <v>51</v>
      </c>
    </row>
    <row r="106" spans="1:4" ht="18" customHeight="1" x14ac:dyDescent="0.2">
      <c r="A106" s="31">
        <v>83</v>
      </c>
      <c r="B106" s="27">
        <v>22</v>
      </c>
      <c r="C106" s="28">
        <v>37</v>
      </c>
      <c r="D106" s="29">
        <v>59</v>
      </c>
    </row>
    <row r="107" spans="1:4" ht="18" customHeight="1" x14ac:dyDescent="0.2">
      <c r="A107" s="31">
        <v>84</v>
      </c>
      <c r="B107" s="27">
        <v>19</v>
      </c>
      <c r="C107" s="28">
        <v>30</v>
      </c>
      <c r="D107" s="29">
        <v>49</v>
      </c>
    </row>
    <row r="108" spans="1:4" ht="18" customHeight="1" x14ac:dyDescent="0.2">
      <c r="A108" s="31" t="s">
        <v>66</v>
      </c>
      <c r="B108" s="27">
        <v>118</v>
      </c>
      <c r="C108" s="28">
        <v>164</v>
      </c>
      <c r="D108" s="29">
        <v>282</v>
      </c>
    </row>
    <row r="109" spans="1:4" ht="18" customHeight="1" x14ac:dyDescent="0.2">
      <c r="A109" s="31">
        <v>85</v>
      </c>
      <c r="B109" s="27">
        <v>8</v>
      </c>
      <c r="C109" s="28">
        <v>24</v>
      </c>
      <c r="D109" s="29">
        <v>32</v>
      </c>
    </row>
    <row r="110" spans="1:4" ht="18" customHeight="1" x14ac:dyDescent="0.2">
      <c r="A110" s="31">
        <v>86</v>
      </c>
      <c r="B110" s="27">
        <v>19</v>
      </c>
      <c r="C110" s="28">
        <v>30</v>
      </c>
      <c r="D110" s="29">
        <v>49</v>
      </c>
    </row>
    <row r="111" spans="1:4" ht="18" customHeight="1" x14ac:dyDescent="0.2">
      <c r="A111" s="31">
        <v>87</v>
      </c>
      <c r="B111" s="27">
        <v>8</v>
      </c>
      <c r="C111" s="28">
        <v>22</v>
      </c>
      <c r="D111" s="29">
        <v>30</v>
      </c>
    </row>
    <row r="112" spans="1:4" ht="18" customHeight="1" x14ac:dyDescent="0.2">
      <c r="A112" s="31">
        <v>88</v>
      </c>
      <c r="B112" s="27">
        <v>7</v>
      </c>
      <c r="C112" s="28">
        <v>28</v>
      </c>
      <c r="D112" s="29">
        <v>35</v>
      </c>
    </row>
    <row r="113" spans="1:4" ht="18" customHeight="1" x14ac:dyDescent="0.2">
      <c r="A113" s="31">
        <v>89</v>
      </c>
      <c r="B113" s="27">
        <v>12</v>
      </c>
      <c r="C113" s="28">
        <v>23</v>
      </c>
      <c r="D113" s="29">
        <v>35</v>
      </c>
    </row>
    <row r="114" spans="1:4" ht="18" customHeight="1" x14ac:dyDescent="0.2">
      <c r="A114" s="31" t="s">
        <v>67</v>
      </c>
      <c r="B114" s="27">
        <v>54</v>
      </c>
      <c r="C114" s="28">
        <v>127</v>
      </c>
      <c r="D114" s="29">
        <v>181</v>
      </c>
    </row>
    <row r="115" spans="1:4" ht="18" customHeight="1" x14ac:dyDescent="0.2">
      <c r="A115" s="31">
        <v>90</v>
      </c>
      <c r="B115" s="27">
        <v>6</v>
      </c>
      <c r="C115" s="28">
        <v>18</v>
      </c>
      <c r="D115" s="29">
        <v>24</v>
      </c>
    </row>
    <row r="116" spans="1:4" ht="18" customHeight="1" x14ac:dyDescent="0.2">
      <c r="A116" s="31">
        <v>91</v>
      </c>
      <c r="B116" s="27">
        <v>6</v>
      </c>
      <c r="C116" s="28">
        <v>18</v>
      </c>
      <c r="D116" s="29">
        <v>24</v>
      </c>
    </row>
    <row r="117" spans="1:4" ht="18" customHeight="1" x14ac:dyDescent="0.2">
      <c r="A117" s="31">
        <v>92</v>
      </c>
      <c r="B117" s="27">
        <v>8</v>
      </c>
      <c r="C117" s="28">
        <v>15</v>
      </c>
      <c r="D117" s="29">
        <v>23</v>
      </c>
    </row>
    <row r="118" spans="1:4" ht="18" customHeight="1" x14ac:dyDescent="0.2">
      <c r="A118" s="31">
        <v>93</v>
      </c>
      <c r="B118" s="27">
        <v>4</v>
      </c>
      <c r="C118" s="28">
        <v>10</v>
      </c>
      <c r="D118" s="29">
        <v>14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26</v>
      </c>
      <c r="C120" s="28">
        <v>66</v>
      </c>
      <c r="D120" s="29">
        <v>92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2</v>
      </c>
      <c r="C125" s="28">
        <v>0</v>
      </c>
      <c r="D125" s="29">
        <v>2</v>
      </c>
    </row>
    <row r="126" spans="1:4" ht="18" customHeight="1" x14ac:dyDescent="0.2">
      <c r="A126" s="31" t="s">
        <v>69</v>
      </c>
      <c r="B126" s="27">
        <v>5</v>
      </c>
      <c r="C126" s="28">
        <v>19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805</v>
      </c>
      <c r="C130" s="5">
        <v>1056</v>
      </c>
      <c r="D130" s="6">
        <v>1861</v>
      </c>
    </row>
    <row r="131" spans="1:4" ht="18" customHeight="1" x14ac:dyDescent="0.2">
      <c r="A131" s="33" t="s">
        <v>47</v>
      </c>
      <c r="B131" s="7">
        <v>3647</v>
      </c>
      <c r="C131" s="8">
        <v>3746</v>
      </c>
      <c r="D131" s="9">
        <v>73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57</v>
      </c>
      <c r="C5" s="37">
        <v>72</v>
      </c>
      <c r="D5" s="39">
        <v>129</v>
      </c>
    </row>
    <row r="6" spans="1:10" ht="18" customHeight="1" x14ac:dyDescent="0.2">
      <c r="A6" s="31">
        <v>1</v>
      </c>
      <c r="B6" s="35">
        <v>77</v>
      </c>
      <c r="C6" s="28">
        <v>55</v>
      </c>
      <c r="D6" s="29">
        <v>132</v>
      </c>
    </row>
    <row r="7" spans="1:10" ht="18" customHeight="1" x14ac:dyDescent="0.2">
      <c r="A7" s="31">
        <v>2</v>
      </c>
      <c r="B7" s="35">
        <v>78</v>
      </c>
      <c r="C7" s="28">
        <v>78</v>
      </c>
      <c r="D7" s="29">
        <v>156</v>
      </c>
    </row>
    <row r="8" spans="1:10" ht="18" customHeight="1" x14ac:dyDescent="0.2">
      <c r="A8" s="31">
        <v>3</v>
      </c>
      <c r="B8" s="35">
        <v>80</v>
      </c>
      <c r="C8" s="28">
        <v>77</v>
      </c>
      <c r="D8" s="29">
        <v>157</v>
      </c>
    </row>
    <row r="9" spans="1:10" ht="18" customHeight="1" x14ac:dyDescent="0.2">
      <c r="A9" s="31">
        <v>4</v>
      </c>
      <c r="B9" s="36">
        <v>74</v>
      </c>
      <c r="C9" s="38">
        <v>71</v>
      </c>
      <c r="D9" s="40">
        <v>145</v>
      </c>
    </row>
    <row r="10" spans="1:10" ht="18" customHeight="1" x14ac:dyDescent="0.2">
      <c r="A10" s="31" t="s">
        <v>48</v>
      </c>
      <c r="B10" s="27">
        <v>366</v>
      </c>
      <c r="C10" s="28">
        <v>353</v>
      </c>
      <c r="D10" s="29">
        <v>719</v>
      </c>
    </row>
    <row r="11" spans="1:10" ht="18" customHeight="1" x14ac:dyDescent="0.2">
      <c r="A11" s="31">
        <v>5</v>
      </c>
      <c r="B11" s="35">
        <v>69</v>
      </c>
      <c r="C11" s="28">
        <v>76</v>
      </c>
      <c r="D11" s="29">
        <v>145</v>
      </c>
    </row>
    <row r="12" spans="1:10" ht="18" customHeight="1" x14ac:dyDescent="0.2">
      <c r="A12" s="31">
        <v>6</v>
      </c>
      <c r="B12" s="35">
        <v>83</v>
      </c>
      <c r="C12" s="28">
        <v>72</v>
      </c>
      <c r="D12" s="29">
        <v>155</v>
      </c>
    </row>
    <row r="13" spans="1:10" ht="18" customHeight="1" x14ac:dyDescent="0.2">
      <c r="A13" s="31">
        <v>7</v>
      </c>
      <c r="B13" s="35">
        <v>85</v>
      </c>
      <c r="C13" s="28">
        <v>71</v>
      </c>
      <c r="D13" s="29">
        <v>156</v>
      </c>
    </row>
    <row r="14" spans="1:10" ht="18" customHeight="1" x14ac:dyDescent="0.2">
      <c r="A14" s="31">
        <v>8</v>
      </c>
      <c r="B14" s="35">
        <v>113</v>
      </c>
      <c r="C14" s="28">
        <v>83</v>
      </c>
      <c r="D14" s="29">
        <v>196</v>
      </c>
    </row>
    <row r="15" spans="1:10" ht="18" customHeight="1" x14ac:dyDescent="0.2">
      <c r="A15" s="31">
        <v>9</v>
      </c>
      <c r="B15" s="35">
        <v>84</v>
      </c>
      <c r="C15" s="28">
        <v>84</v>
      </c>
      <c r="D15" s="29">
        <v>168</v>
      </c>
    </row>
    <row r="16" spans="1:10" ht="18" customHeight="1" x14ac:dyDescent="0.2">
      <c r="A16" s="31" t="s">
        <v>49</v>
      </c>
      <c r="B16" s="27">
        <v>434</v>
      </c>
      <c r="C16" s="28">
        <v>386</v>
      </c>
      <c r="D16" s="29">
        <v>820</v>
      </c>
    </row>
    <row r="17" spans="1:4" ht="18" customHeight="1" x14ac:dyDescent="0.2">
      <c r="A17" s="31">
        <v>10</v>
      </c>
      <c r="B17" s="27">
        <v>90</v>
      </c>
      <c r="C17" s="28">
        <v>80</v>
      </c>
      <c r="D17" s="29">
        <v>170</v>
      </c>
    </row>
    <row r="18" spans="1:4" ht="18" customHeight="1" x14ac:dyDescent="0.2">
      <c r="A18" s="31">
        <v>11</v>
      </c>
      <c r="B18" s="27">
        <v>91</v>
      </c>
      <c r="C18" s="28">
        <v>72</v>
      </c>
      <c r="D18" s="29">
        <v>163</v>
      </c>
    </row>
    <row r="19" spans="1:4" ht="18" customHeight="1" x14ac:dyDescent="0.2">
      <c r="A19" s="31">
        <v>12</v>
      </c>
      <c r="B19" s="27">
        <v>75</v>
      </c>
      <c r="C19" s="28">
        <v>93</v>
      </c>
      <c r="D19" s="29">
        <v>168</v>
      </c>
    </row>
    <row r="20" spans="1:4" ht="18" customHeight="1" x14ac:dyDescent="0.2">
      <c r="A20" s="31">
        <v>13</v>
      </c>
      <c r="B20" s="27">
        <v>102</v>
      </c>
      <c r="C20" s="28">
        <v>84</v>
      </c>
      <c r="D20" s="29">
        <v>186</v>
      </c>
    </row>
    <row r="21" spans="1:4" ht="18" customHeight="1" x14ac:dyDescent="0.2">
      <c r="A21" s="31">
        <v>14</v>
      </c>
      <c r="B21" s="27">
        <v>113</v>
      </c>
      <c r="C21" s="28">
        <v>102</v>
      </c>
      <c r="D21" s="29">
        <v>215</v>
      </c>
    </row>
    <row r="22" spans="1:4" ht="18" customHeight="1" x14ac:dyDescent="0.2">
      <c r="A22" s="31" t="s">
        <v>50</v>
      </c>
      <c r="B22" s="27">
        <v>471</v>
      </c>
      <c r="C22" s="28">
        <v>431</v>
      </c>
      <c r="D22" s="29">
        <v>902</v>
      </c>
    </row>
    <row r="23" spans="1:4" ht="18" customHeight="1" x14ac:dyDescent="0.2">
      <c r="A23" s="31" t="s">
        <v>51</v>
      </c>
      <c r="B23" s="27">
        <v>1271</v>
      </c>
      <c r="C23" s="28">
        <v>1170</v>
      </c>
      <c r="D23" s="29">
        <v>2441</v>
      </c>
    </row>
    <row r="24" spans="1:4" ht="18" customHeight="1" x14ac:dyDescent="0.2">
      <c r="A24" s="31">
        <v>15</v>
      </c>
      <c r="B24" s="27">
        <v>108</v>
      </c>
      <c r="C24" s="28">
        <v>91</v>
      </c>
      <c r="D24" s="29">
        <v>199</v>
      </c>
    </row>
    <row r="25" spans="1:4" ht="18" customHeight="1" x14ac:dyDescent="0.2">
      <c r="A25" s="31">
        <v>16</v>
      </c>
      <c r="B25" s="27">
        <v>128</v>
      </c>
      <c r="C25" s="28">
        <v>105</v>
      </c>
      <c r="D25" s="29">
        <v>233</v>
      </c>
    </row>
    <row r="26" spans="1:4" ht="18" customHeight="1" x14ac:dyDescent="0.2">
      <c r="A26" s="31">
        <v>17</v>
      </c>
      <c r="B26" s="27">
        <v>112</v>
      </c>
      <c r="C26" s="28">
        <v>119</v>
      </c>
      <c r="D26" s="29">
        <v>231</v>
      </c>
    </row>
    <row r="27" spans="1:4" ht="18" customHeight="1" x14ac:dyDescent="0.2">
      <c r="A27" s="31">
        <v>18</v>
      </c>
      <c r="B27" s="27">
        <v>121</v>
      </c>
      <c r="C27" s="28">
        <v>117</v>
      </c>
      <c r="D27" s="29">
        <v>238</v>
      </c>
    </row>
    <row r="28" spans="1:4" ht="18" customHeight="1" x14ac:dyDescent="0.2">
      <c r="A28" s="31">
        <v>19</v>
      </c>
      <c r="B28" s="27">
        <v>92</v>
      </c>
      <c r="C28" s="28">
        <v>113</v>
      </c>
      <c r="D28" s="29">
        <v>205</v>
      </c>
    </row>
    <row r="29" spans="1:4" ht="18" customHeight="1" x14ac:dyDescent="0.2">
      <c r="A29" s="31" t="s">
        <v>52</v>
      </c>
      <c r="B29" s="27">
        <v>561</v>
      </c>
      <c r="C29" s="28">
        <v>545</v>
      </c>
      <c r="D29" s="29">
        <v>1106</v>
      </c>
    </row>
    <row r="30" spans="1:4" ht="18" customHeight="1" x14ac:dyDescent="0.2">
      <c r="A30" s="31">
        <v>20</v>
      </c>
      <c r="B30" s="27">
        <v>125</v>
      </c>
      <c r="C30" s="28">
        <v>102</v>
      </c>
      <c r="D30" s="29">
        <v>227</v>
      </c>
    </row>
    <row r="31" spans="1:4" ht="18" customHeight="1" x14ac:dyDescent="0.2">
      <c r="A31" s="31">
        <v>21</v>
      </c>
      <c r="B31" s="27">
        <v>112</v>
      </c>
      <c r="C31" s="28">
        <v>97</v>
      </c>
      <c r="D31" s="29">
        <v>209</v>
      </c>
    </row>
    <row r="32" spans="1:4" ht="18" customHeight="1" x14ac:dyDescent="0.2">
      <c r="A32" s="31">
        <v>22</v>
      </c>
      <c r="B32" s="27">
        <v>110</v>
      </c>
      <c r="C32" s="28">
        <v>79</v>
      </c>
      <c r="D32" s="29">
        <v>189</v>
      </c>
    </row>
    <row r="33" spans="1:4" ht="18" customHeight="1" x14ac:dyDescent="0.2">
      <c r="A33" s="31">
        <v>23</v>
      </c>
      <c r="B33" s="27">
        <v>117</v>
      </c>
      <c r="C33" s="28">
        <v>96</v>
      </c>
      <c r="D33" s="29">
        <v>213</v>
      </c>
    </row>
    <row r="34" spans="1:4" ht="18" customHeight="1" x14ac:dyDescent="0.2">
      <c r="A34" s="31">
        <v>24</v>
      </c>
      <c r="B34" s="27">
        <v>128</v>
      </c>
      <c r="C34" s="28">
        <v>102</v>
      </c>
      <c r="D34" s="29">
        <v>230</v>
      </c>
    </row>
    <row r="35" spans="1:4" ht="18" customHeight="1" x14ac:dyDescent="0.2">
      <c r="A35" s="31" t="s">
        <v>53</v>
      </c>
      <c r="B35" s="27">
        <v>592</v>
      </c>
      <c r="C35" s="28">
        <v>476</v>
      </c>
      <c r="D35" s="29">
        <v>1068</v>
      </c>
    </row>
    <row r="36" spans="1:4" ht="18" customHeight="1" x14ac:dyDescent="0.2">
      <c r="A36" s="31">
        <v>25</v>
      </c>
      <c r="B36" s="27">
        <v>102</v>
      </c>
      <c r="C36" s="28">
        <v>102</v>
      </c>
      <c r="D36" s="29">
        <v>204</v>
      </c>
    </row>
    <row r="37" spans="1:4" ht="18" customHeight="1" x14ac:dyDescent="0.2">
      <c r="A37" s="31">
        <v>26</v>
      </c>
      <c r="B37" s="27">
        <v>110</v>
      </c>
      <c r="C37" s="28">
        <v>95</v>
      </c>
      <c r="D37" s="29">
        <v>205</v>
      </c>
    </row>
    <row r="38" spans="1:4" ht="18" customHeight="1" x14ac:dyDescent="0.2">
      <c r="A38" s="31">
        <v>27</v>
      </c>
      <c r="B38" s="27">
        <v>102</v>
      </c>
      <c r="C38" s="28">
        <v>82</v>
      </c>
      <c r="D38" s="29">
        <v>184</v>
      </c>
    </row>
    <row r="39" spans="1:4" ht="18" customHeight="1" x14ac:dyDescent="0.2">
      <c r="A39" s="31">
        <v>28</v>
      </c>
      <c r="B39" s="27">
        <v>92</v>
      </c>
      <c r="C39" s="28">
        <v>92</v>
      </c>
      <c r="D39" s="29">
        <v>184</v>
      </c>
    </row>
    <row r="40" spans="1:4" ht="18" customHeight="1" x14ac:dyDescent="0.2">
      <c r="A40" s="31">
        <v>29</v>
      </c>
      <c r="B40" s="27">
        <v>108</v>
      </c>
      <c r="C40" s="28">
        <v>85</v>
      </c>
      <c r="D40" s="29">
        <v>193</v>
      </c>
    </row>
    <row r="41" spans="1:4" ht="18" customHeight="1" x14ac:dyDescent="0.2">
      <c r="A41" s="31" t="s">
        <v>54</v>
      </c>
      <c r="B41" s="27">
        <v>514</v>
      </c>
      <c r="C41" s="28">
        <v>456</v>
      </c>
      <c r="D41" s="29">
        <v>970</v>
      </c>
    </row>
    <row r="42" spans="1:4" ht="18" customHeight="1" x14ac:dyDescent="0.2">
      <c r="A42" s="31">
        <v>30</v>
      </c>
      <c r="B42" s="27">
        <v>119</v>
      </c>
      <c r="C42" s="28">
        <v>94</v>
      </c>
      <c r="D42" s="29">
        <v>213</v>
      </c>
    </row>
    <row r="43" spans="1:4" ht="18" customHeight="1" x14ac:dyDescent="0.2">
      <c r="A43" s="31">
        <v>31</v>
      </c>
      <c r="B43" s="27">
        <v>112</v>
      </c>
      <c r="C43" s="28">
        <v>101</v>
      </c>
      <c r="D43" s="29">
        <v>213</v>
      </c>
    </row>
    <row r="44" spans="1:4" ht="18" customHeight="1" x14ac:dyDescent="0.2">
      <c r="A44" s="31">
        <v>32</v>
      </c>
      <c r="B44" s="27">
        <v>118</v>
      </c>
      <c r="C44" s="28">
        <v>117</v>
      </c>
      <c r="D44" s="29">
        <v>235</v>
      </c>
    </row>
    <row r="45" spans="1:4" ht="18" customHeight="1" x14ac:dyDescent="0.2">
      <c r="A45" s="31">
        <v>33</v>
      </c>
      <c r="B45" s="27">
        <v>128</v>
      </c>
      <c r="C45" s="28">
        <v>118</v>
      </c>
      <c r="D45" s="29">
        <v>246</v>
      </c>
    </row>
    <row r="46" spans="1:4" ht="18" customHeight="1" x14ac:dyDescent="0.2">
      <c r="A46" s="31">
        <v>34</v>
      </c>
      <c r="B46" s="27">
        <v>148</v>
      </c>
      <c r="C46" s="28">
        <v>101</v>
      </c>
      <c r="D46" s="29">
        <v>249</v>
      </c>
    </row>
    <row r="47" spans="1:4" ht="18" customHeight="1" x14ac:dyDescent="0.2">
      <c r="A47" s="31" t="s">
        <v>55</v>
      </c>
      <c r="B47" s="27">
        <v>625</v>
      </c>
      <c r="C47" s="28">
        <v>531</v>
      </c>
      <c r="D47" s="29">
        <v>1156</v>
      </c>
    </row>
    <row r="48" spans="1:4" ht="18" customHeight="1" x14ac:dyDescent="0.2">
      <c r="A48" s="31">
        <v>35</v>
      </c>
      <c r="B48" s="27">
        <v>140</v>
      </c>
      <c r="C48" s="28">
        <v>91</v>
      </c>
      <c r="D48" s="29">
        <v>231</v>
      </c>
    </row>
    <row r="49" spans="1:4" ht="18" customHeight="1" x14ac:dyDescent="0.2">
      <c r="A49" s="31">
        <v>36</v>
      </c>
      <c r="B49" s="27">
        <v>122</v>
      </c>
      <c r="C49" s="28">
        <v>120</v>
      </c>
      <c r="D49" s="29">
        <v>242</v>
      </c>
    </row>
    <row r="50" spans="1:4" ht="18" customHeight="1" x14ac:dyDescent="0.2">
      <c r="A50" s="31">
        <v>37</v>
      </c>
      <c r="B50" s="27">
        <v>116</v>
      </c>
      <c r="C50" s="28">
        <v>123</v>
      </c>
      <c r="D50" s="29">
        <v>239</v>
      </c>
    </row>
    <row r="51" spans="1:4" ht="18" customHeight="1" x14ac:dyDescent="0.2">
      <c r="A51" s="31">
        <v>38</v>
      </c>
      <c r="B51" s="27">
        <v>119</v>
      </c>
      <c r="C51" s="28">
        <v>100</v>
      </c>
      <c r="D51" s="29">
        <v>219</v>
      </c>
    </row>
    <row r="52" spans="1:4" ht="18" customHeight="1" x14ac:dyDescent="0.2">
      <c r="A52" s="31">
        <v>39</v>
      </c>
      <c r="B52" s="27">
        <v>143</v>
      </c>
      <c r="C52" s="28">
        <v>126</v>
      </c>
      <c r="D52" s="29">
        <v>269</v>
      </c>
    </row>
    <row r="53" spans="1:4" ht="18" customHeight="1" x14ac:dyDescent="0.2">
      <c r="A53" s="31" t="s">
        <v>56</v>
      </c>
      <c r="B53" s="27">
        <v>640</v>
      </c>
      <c r="C53" s="28">
        <v>560</v>
      </c>
      <c r="D53" s="29">
        <v>1200</v>
      </c>
    </row>
    <row r="54" spans="1:4" ht="18" customHeight="1" x14ac:dyDescent="0.2">
      <c r="A54" s="31">
        <v>40</v>
      </c>
      <c r="B54" s="27">
        <v>137</v>
      </c>
      <c r="C54" s="28">
        <v>133</v>
      </c>
      <c r="D54" s="29">
        <v>270</v>
      </c>
    </row>
    <row r="55" spans="1:4" ht="18" customHeight="1" x14ac:dyDescent="0.2">
      <c r="A55" s="31">
        <v>41</v>
      </c>
      <c r="B55" s="27">
        <v>131</v>
      </c>
      <c r="C55" s="28">
        <v>124</v>
      </c>
      <c r="D55" s="29">
        <v>255</v>
      </c>
    </row>
    <row r="56" spans="1:4" ht="18" customHeight="1" x14ac:dyDescent="0.2">
      <c r="A56" s="31">
        <v>42</v>
      </c>
      <c r="B56" s="27">
        <v>165</v>
      </c>
      <c r="C56" s="28">
        <v>140</v>
      </c>
      <c r="D56" s="29">
        <v>305</v>
      </c>
    </row>
    <row r="57" spans="1:4" ht="18" customHeight="1" x14ac:dyDescent="0.2">
      <c r="A57" s="31">
        <v>43</v>
      </c>
      <c r="B57" s="27">
        <v>167</v>
      </c>
      <c r="C57" s="28">
        <v>154</v>
      </c>
      <c r="D57" s="29">
        <v>321</v>
      </c>
    </row>
    <row r="58" spans="1:4" ht="18" customHeight="1" x14ac:dyDescent="0.2">
      <c r="A58" s="31">
        <v>44</v>
      </c>
      <c r="B58" s="27">
        <v>153</v>
      </c>
      <c r="C58" s="28">
        <v>156</v>
      </c>
      <c r="D58" s="29">
        <v>309</v>
      </c>
    </row>
    <row r="59" spans="1:4" ht="18" customHeight="1" x14ac:dyDescent="0.2">
      <c r="A59" s="31" t="s">
        <v>57</v>
      </c>
      <c r="B59" s="27">
        <v>753</v>
      </c>
      <c r="C59" s="28">
        <v>707</v>
      </c>
      <c r="D59" s="29">
        <v>1460</v>
      </c>
    </row>
    <row r="60" spans="1:4" ht="18" customHeight="1" x14ac:dyDescent="0.2">
      <c r="A60" s="31">
        <v>45</v>
      </c>
      <c r="B60" s="27">
        <v>165</v>
      </c>
      <c r="C60" s="28">
        <v>143</v>
      </c>
      <c r="D60" s="29">
        <v>308</v>
      </c>
    </row>
    <row r="61" spans="1:4" ht="18" customHeight="1" x14ac:dyDescent="0.2">
      <c r="A61" s="31">
        <v>46</v>
      </c>
      <c r="B61" s="27">
        <v>165</v>
      </c>
      <c r="C61" s="28">
        <v>159</v>
      </c>
      <c r="D61" s="29">
        <v>324</v>
      </c>
    </row>
    <row r="62" spans="1:4" ht="18" customHeight="1" x14ac:dyDescent="0.2">
      <c r="A62" s="31">
        <v>47</v>
      </c>
      <c r="B62" s="27">
        <v>179</v>
      </c>
      <c r="C62" s="28">
        <v>160</v>
      </c>
      <c r="D62" s="29">
        <v>339</v>
      </c>
    </row>
    <row r="63" spans="1:4" ht="18" customHeight="1" x14ac:dyDescent="0.2">
      <c r="A63" s="31">
        <v>48</v>
      </c>
      <c r="B63" s="27">
        <v>137</v>
      </c>
      <c r="C63" s="28">
        <v>158</v>
      </c>
      <c r="D63" s="29">
        <v>295</v>
      </c>
    </row>
    <row r="64" spans="1:4" ht="18" customHeight="1" x14ac:dyDescent="0.2">
      <c r="A64" s="31">
        <v>49</v>
      </c>
      <c r="B64" s="27">
        <v>155</v>
      </c>
      <c r="C64" s="28">
        <v>139</v>
      </c>
      <c r="D64" s="29">
        <v>294</v>
      </c>
    </row>
    <row r="65" spans="1:4" ht="18" customHeight="1" x14ac:dyDescent="0.2">
      <c r="A65" s="31" t="s">
        <v>58</v>
      </c>
      <c r="B65" s="27">
        <v>801</v>
      </c>
      <c r="C65" s="28">
        <v>759</v>
      </c>
      <c r="D65" s="29">
        <v>1560</v>
      </c>
    </row>
    <row r="66" spans="1:4" ht="18" customHeight="1" x14ac:dyDescent="0.2">
      <c r="A66" s="31">
        <v>50</v>
      </c>
      <c r="B66" s="27">
        <v>158</v>
      </c>
      <c r="C66" s="28">
        <v>140</v>
      </c>
      <c r="D66" s="29">
        <v>298</v>
      </c>
    </row>
    <row r="67" spans="1:4" ht="18" customHeight="1" x14ac:dyDescent="0.2">
      <c r="A67" s="31">
        <v>51</v>
      </c>
      <c r="B67" s="27">
        <v>162</v>
      </c>
      <c r="C67" s="28">
        <v>162</v>
      </c>
      <c r="D67" s="29">
        <v>324</v>
      </c>
    </row>
    <row r="68" spans="1:4" ht="18" customHeight="1" x14ac:dyDescent="0.2">
      <c r="A68" s="31">
        <v>52</v>
      </c>
      <c r="B68" s="27">
        <v>106</v>
      </c>
      <c r="C68" s="28">
        <v>122</v>
      </c>
      <c r="D68" s="29">
        <v>228</v>
      </c>
    </row>
    <row r="69" spans="1:4" ht="18" customHeight="1" x14ac:dyDescent="0.2">
      <c r="A69" s="31">
        <v>53</v>
      </c>
      <c r="B69" s="27">
        <v>156</v>
      </c>
      <c r="C69" s="28">
        <v>130</v>
      </c>
      <c r="D69" s="29">
        <v>286</v>
      </c>
    </row>
    <row r="70" spans="1:4" ht="18" customHeight="1" x14ac:dyDescent="0.2">
      <c r="A70" s="31">
        <v>54</v>
      </c>
      <c r="B70" s="27">
        <v>158</v>
      </c>
      <c r="C70" s="28">
        <v>157</v>
      </c>
      <c r="D70" s="29">
        <v>315</v>
      </c>
    </row>
    <row r="71" spans="1:4" ht="18" customHeight="1" x14ac:dyDescent="0.2">
      <c r="A71" s="31" t="s">
        <v>59</v>
      </c>
      <c r="B71" s="27">
        <v>740</v>
      </c>
      <c r="C71" s="28">
        <v>711</v>
      </c>
      <c r="D71" s="29">
        <v>1451</v>
      </c>
    </row>
    <row r="72" spans="1:4" ht="18" customHeight="1" x14ac:dyDescent="0.2">
      <c r="A72" s="31">
        <v>55</v>
      </c>
      <c r="B72" s="27">
        <v>145</v>
      </c>
      <c r="C72" s="28">
        <v>131</v>
      </c>
      <c r="D72" s="29">
        <v>276</v>
      </c>
    </row>
    <row r="73" spans="1:4" ht="18" customHeight="1" x14ac:dyDescent="0.2">
      <c r="A73" s="31">
        <v>56</v>
      </c>
      <c r="B73" s="27">
        <v>145</v>
      </c>
      <c r="C73" s="28">
        <v>115</v>
      </c>
      <c r="D73" s="29">
        <v>260</v>
      </c>
    </row>
    <row r="74" spans="1:4" ht="18" customHeight="1" x14ac:dyDescent="0.2">
      <c r="A74" s="31">
        <v>57</v>
      </c>
      <c r="B74" s="27">
        <v>123</v>
      </c>
      <c r="C74" s="28">
        <v>162</v>
      </c>
      <c r="D74" s="29">
        <v>285</v>
      </c>
    </row>
    <row r="75" spans="1:4" ht="18" customHeight="1" x14ac:dyDescent="0.2">
      <c r="A75" s="31">
        <v>58</v>
      </c>
      <c r="B75" s="27">
        <v>131</v>
      </c>
      <c r="C75" s="28">
        <v>127</v>
      </c>
      <c r="D75" s="29">
        <v>258</v>
      </c>
    </row>
    <row r="76" spans="1:4" ht="18" customHeight="1" x14ac:dyDescent="0.2">
      <c r="A76" s="31">
        <v>59</v>
      </c>
      <c r="B76" s="27">
        <v>151</v>
      </c>
      <c r="C76" s="28">
        <v>151</v>
      </c>
      <c r="D76" s="29">
        <v>302</v>
      </c>
    </row>
    <row r="77" spans="1:4" ht="18" customHeight="1" x14ac:dyDescent="0.2">
      <c r="A77" s="31" t="s">
        <v>60</v>
      </c>
      <c r="B77" s="27">
        <v>695</v>
      </c>
      <c r="C77" s="28">
        <v>686</v>
      </c>
      <c r="D77" s="29">
        <v>1381</v>
      </c>
    </row>
    <row r="78" spans="1:4" ht="18" customHeight="1" x14ac:dyDescent="0.2">
      <c r="A78" s="31">
        <v>60</v>
      </c>
      <c r="B78" s="27">
        <v>154</v>
      </c>
      <c r="C78" s="28">
        <v>136</v>
      </c>
      <c r="D78" s="29">
        <v>290</v>
      </c>
    </row>
    <row r="79" spans="1:4" ht="18" customHeight="1" x14ac:dyDescent="0.2">
      <c r="A79" s="31">
        <v>61</v>
      </c>
      <c r="B79" s="27">
        <v>136</v>
      </c>
      <c r="C79" s="28">
        <v>141</v>
      </c>
      <c r="D79" s="29">
        <v>277</v>
      </c>
    </row>
    <row r="80" spans="1:4" ht="18" customHeight="1" x14ac:dyDescent="0.2">
      <c r="A80" s="31">
        <v>62</v>
      </c>
      <c r="B80" s="27">
        <v>144</v>
      </c>
      <c r="C80" s="28">
        <v>123</v>
      </c>
      <c r="D80" s="29">
        <v>267</v>
      </c>
    </row>
    <row r="81" spans="1:4" ht="18" customHeight="1" x14ac:dyDescent="0.2">
      <c r="A81" s="31">
        <v>63</v>
      </c>
      <c r="B81" s="27">
        <v>151</v>
      </c>
      <c r="C81" s="28">
        <v>173</v>
      </c>
      <c r="D81" s="29">
        <v>324</v>
      </c>
    </row>
    <row r="82" spans="1:4" ht="18" customHeight="1" x14ac:dyDescent="0.2">
      <c r="A82" s="31">
        <v>64</v>
      </c>
      <c r="B82" s="27">
        <v>160</v>
      </c>
      <c r="C82" s="28">
        <v>160</v>
      </c>
      <c r="D82" s="29">
        <v>320</v>
      </c>
    </row>
    <row r="83" spans="1:4" ht="18" customHeight="1" x14ac:dyDescent="0.2">
      <c r="A83" s="31" t="s">
        <v>61</v>
      </c>
      <c r="B83" s="27">
        <v>745</v>
      </c>
      <c r="C83" s="28">
        <v>733</v>
      </c>
      <c r="D83" s="29">
        <v>1478</v>
      </c>
    </row>
    <row r="84" spans="1:4" ht="18" customHeight="1" x14ac:dyDescent="0.2">
      <c r="A84" s="31" t="s">
        <v>62</v>
      </c>
      <c r="B84" s="27">
        <v>6666</v>
      </c>
      <c r="C84" s="28">
        <v>6164</v>
      </c>
      <c r="D84" s="29">
        <v>12830</v>
      </c>
    </row>
    <row r="85" spans="1:4" ht="18" customHeight="1" x14ac:dyDescent="0.2">
      <c r="A85" s="31">
        <v>65</v>
      </c>
      <c r="B85" s="27">
        <v>146</v>
      </c>
      <c r="C85" s="28">
        <v>153</v>
      </c>
      <c r="D85" s="29">
        <v>299</v>
      </c>
    </row>
    <row r="86" spans="1:4" ht="18" customHeight="1" x14ac:dyDescent="0.2">
      <c r="A86" s="31">
        <v>66</v>
      </c>
      <c r="B86" s="27">
        <v>144</v>
      </c>
      <c r="C86" s="28">
        <v>152</v>
      </c>
      <c r="D86" s="29">
        <v>296</v>
      </c>
    </row>
    <row r="87" spans="1:4" ht="18" customHeight="1" x14ac:dyDescent="0.2">
      <c r="A87" s="31">
        <v>67</v>
      </c>
      <c r="B87" s="27">
        <v>158</v>
      </c>
      <c r="C87" s="28">
        <v>149</v>
      </c>
      <c r="D87" s="29">
        <v>307</v>
      </c>
    </row>
    <row r="88" spans="1:4" ht="18" customHeight="1" x14ac:dyDescent="0.2">
      <c r="A88" s="31">
        <v>68</v>
      </c>
      <c r="B88" s="27">
        <v>180</v>
      </c>
      <c r="C88" s="28">
        <v>152</v>
      </c>
      <c r="D88" s="29">
        <v>332</v>
      </c>
    </row>
    <row r="89" spans="1:4" ht="18" customHeight="1" x14ac:dyDescent="0.2">
      <c r="A89" s="31">
        <v>69</v>
      </c>
      <c r="B89" s="27">
        <v>169</v>
      </c>
      <c r="C89" s="28">
        <v>199</v>
      </c>
      <c r="D89" s="29">
        <v>368</v>
      </c>
    </row>
    <row r="90" spans="1:4" ht="18" customHeight="1" x14ac:dyDescent="0.2">
      <c r="A90" s="31" t="s">
        <v>63</v>
      </c>
      <c r="B90" s="27">
        <v>797</v>
      </c>
      <c r="C90" s="28">
        <v>805</v>
      </c>
      <c r="D90" s="29">
        <v>1602</v>
      </c>
    </row>
    <row r="91" spans="1:4" ht="18" customHeight="1" x14ac:dyDescent="0.2">
      <c r="A91" s="31">
        <v>70</v>
      </c>
      <c r="B91" s="27">
        <v>183</v>
      </c>
      <c r="C91" s="28">
        <v>191</v>
      </c>
      <c r="D91" s="29">
        <v>374</v>
      </c>
    </row>
    <row r="92" spans="1:4" ht="18" customHeight="1" x14ac:dyDescent="0.2">
      <c r="A92" s="31">
        <v>71</v>
      </c>
      <c r="B92" s="27">
        <v>184</v>
      </c>
      <c r="C92" s="28">
        <v>208</v>
      </c>
      <c r="D92" s="29">
        <v>392</v>
      </c>
    </row>
    <row r="93" spans="1:4" ht="18" customHeight="1" x14ac:dyDescent="0.2">
      <c r="A93" s="31">
        <v>72</v>
      </c>
      <c r="B93" s="27">
        <v>102</v>
      </c>
      <c r="C93" s="28">
        <v>117</v>
      </c>
      <c r="D93" s="29">
        <v>219</v>
      </c>
    </row>
    <row r="94" spans="1:4" ht="18" customHeight="1" x14ac:dyDescent="0.2">
      <c r="A94" s="31">
        <v>73</v>
      </c>
      <c r="B94" s="27">
        <v>101</v>
      </c>
      <c r="C94" s="28">
        <v>131</v>
      </c>
      <c r="D94" s="29">
        <v>232</v>
      </c>
    </row>
    <row r="95" spans="1:4" ht="18" customHeight="1" x14ac:dyDescent="0.2">
      <c r="A95" s="31">
        <v>74</v>
      </c>
      <c r="B95" s="27">
        <v>130</v>
      </c>
      <c r="C95" s="28">
        <v>167</v>
      </c>
      <c r="D95" s="29">
        <v>297</v>
      </c>
    </row>
    <row r="96" spans="1:4" ht="18" customHeight="1" x14ac:dyDescent="0.2">
      <c r="A96" s="31" t="s">
        <v>64</v>
      </c>
      <c r="B96" s="27">
        <v>700</v>
      </c>
      <c r="C96" s="28">
        <v>814</v>
      </c>
      <c r="D96" s="29">
        <v>1514</v>
      </c>
    </row>
    <row r="97" spans="1:4" ht="18" customHeight="1" x14ac:dyDescent="0.2">
      <c r="A97" s="31">
        <v>75</v>
      </c>
      <c r="B97" s="27">
        <v>104</v>
      </c>
      <c r="C97" s="28">
        <v>169</v>
      </c>
      <c r="D97" s="29">
        <v>273</v>
      </c>
    </row>
    <row r="98" spans="1:4" ht="18" customHeight="1" x14ac:dyDescent="0.2">
      <c r="A98" s="31">
        <v>76</v>
      </c>
      <c r="B98" s="27">
        <v>121</v>
      </c>
      <c r="C98" s="28">
        <v>165</v>
      </c>
      <c r="D98" s="29">
        <v>286</v>
      </c>
    </row>
    <row r="99" spans="1:4" ht="18" customHeight="1" x14ac:dyDescent="0.2">
      <c r="A99" s="31">
        <v>77</v>
      </c>
      <c r="B99" s="27">
        <v>130</v>
      </c>
      <c r="C99" s="28">
        <v>155</v>
      </c>
      <c r="D99" s="29">
        <v>285</v>
      </c>
    </row>
    <row r="100" spans="1:4" ht="18" customHeight="1" x14ac:dyDescent="0.2">
      <c r="A100" s="31">
        <v>78</v>
      </c>
      <c r="B100" s="27">
        <v>115</v>
      </c>
      <c r="C100" s="28">
        <v>143</v>
      </c>
      <c r="D100" s="29">
        <v>258</v>
      </c>
    </row>
    <row r="101" spans="1:4" ht="18" customHeight="1" x14ac:dyDescent="0.2">
      <c r="A101" s="31">
        <v>79</v>
      </c>
      <c r="B101" s="27">
        <v>91</v>
      </c>
      <c r="C101" s="28">
        <v>117</v>
      </c>
      <c r="D101" s="29">
        <v>208</v>
      </c>
    </row>
    <row r="102" spans="1:4" ht="18" customHeight="1" x14ac:dyDescent="0.2">
      <c r="A102" s="31" t="s">
        <v>65</v>
      </c>
      <c r="B102" s="27">
        <v>561</v>
      </c>
      <c r="C102" s="28">
        <v>749</v>
      </c>
      <c r="D102" s="29">
        <v>1310</v>
      </c>
    </row>
    <row r="103" spans="1:4" ht="18" customHeight="1" x14ac:dyDescent="0.2">
      <c r="A103" s="31">
        <v>80</v>
      </c>
      <c r="B103" s="27">
        <v>100</v>
      </c>
      <c r="C103" s="28">
        <v>103</v>
      </c>
      <c r="D103" s="29">
        <v>203</v>
      </c>
    </row>
    <row r="104" spans="1:4" ht="18" customHeight="1" x14ac:dyDescent="0.2">
      <c r="A104" s="31">
        <v>81</v>
      </c>
      <c r="B104" s="27">
        <v>83</v>
      </c>
      <c r="C104" s="28">
        <v>125</v>
      </c>
      <c r="D104" s="29">
        <v>208</v>
      </c>
    </row>
    <row r="105" spans="1:4" ht="18" customHeight="1" x14ac:dyDescent="0.2">
      <c r="A105" s="31">
        <v>82</v>
      </c>
      <c r="B105" s="27">
        <v>95</v>
      </c>
      <c r="C105" s="28">
        <v>127</v>
      </c>
      <c r="D105" s="29">
        <v>222</v>
      </c>
    </row>
    <row r="106" spans="1:4" ht="18" customHeight="1" x14ac:dyDescent="0.2">
      <c r="A106" s="31">
        <v>83</v>
      </c>
      <c r="B106" s="27">
        <v>72</v>
      </c>
      <c r="C106" s="28">
        <v>130</v>
      </c>
      <c r="D106" s="29">
        <v>202</v>
      </c>
    </row>
    <row r="107" spans="1:4" ht="18" customHeight="1" x14ac:dyDescent="0.2">
      <c r="A107" s="31">
        <v>84</v>
      </c>
      <c r="B107" s="27">
        <v>62</v>
      </c>
      <c r="C107" s="28">
        <v>125</v>
      </c>
      <c r="D107" s="29">
        <v>187</v>
      </c>
    </row>
    <row r="108" spans="1:4" ht="18" customHeight="1" x14ac:dyDescent="0.2">
      <c r="A108" s="31" t="s">
        <v>66</v>
      </c>
      <c r="B108" s="27">
        <v>412</v>
      </c>
      <c r="C108" s="28">
        <v>610</v>
      </c>
      <c r="D108" s="29">
        <v>1022</v>
      </c>
    </row>
    <row r="109" spans="1:4" ht="18" customHeight="1" x14ac:dyDescent="0.2">
      <c r="A109" s="31">
        <v>85</v>
      </c>
      <c r="B109" s="27">
        <v>36</v>
      </c>
      <c r="C109" s="28">
        <v>110</v>
      </c>
      <c r="D109" s="29">
        <v>146</v>
      </c>
    </row>
    <row r="110" spans="1:4" ht="18" customHeight="1" x14ac:dyDescent="0.2">
      <c r="A110" s="31">
        <v>86</v>
      </c>
      <c r="B110" s="27">
        <v>64</v>
      </c>
      <c r="C110" s="28">
        <v>110</v>
      </c>
      <c r="D110" s="29">
        <v>174</v>
      </c>
    </row>
    <row r="111" spans="1:4" ht="18" customHeight="1" x14ac:dyDescent="0.2">
      <c r="A111" s="31">
        <v>87</v>
      </c>
      <c r="B111" s="27">
        <v>42</v>
      </c>
      <c r="C111" s="28">
        <v>108</v>
      </c>
      <c r="D111" s="29">
        <v>150</v>
      </c>
    </row>
    <row r="112" spans="1:4" ht="18" customHeight="1" x14ac:dyDescent="0.2">
      <c r="A112" s="31">
        <v>88</v>
      </c>
      <c r="B112" s="27">
        <v>43</v>
      </c>
      <c r="C112" s="28">
        <v>99</v>
      </c>
      <c r="D112" s="29">
        <v>142</v>
      </c>
    </row>
    <row r="113" spans="1:4" ht="18" customHeight="1" x14ac:dyDescent="0.2">
      <c r="A113" s="31">
        <v>89</v>
      </c>
      <c r="B113" s="27">
        <v>36</v>
      </c>
      <c r="C113" s="28">
        <v>99</v>
      </c>
      <c r="D113" s="29">
        <v>135</v>
      </c>
    </row>
    <row r="114" spans="1:4" ht="18" customHeight="1" x14ac:dyDescent="0.2">
      <c r="A114" s="31" t="s">
        <v>67</v>
      </c>
      <c r="B114" s="27">
        <v>221</v>
      </c>
      <c r="C114" s="28">
        <v>526</v>
      </c>
      <c r="D114" s="29">
        <v>747</v>
      </c>
    </row>
    <row r="115" spans="1:4" ht="18" customHeight="1" x14ac:dyDescent="0.2">
      <c r="A115" s="31">
        <v>90</v>
      </c>
      <c r="B115" s="27">
        <v>26</v>
      </c>
      <c r="C115" s="28">
        <v>70</v>
      </c>
      <c r="D115" s="29">
        <v>96</v>
      </c>
    </row>
    <row r="116" spans="1:4" ht="18" customHeight="1" x14ac:dyDescent="0.2">
      <c r="A116" s="31">
        <v>91</v>
      </c>
      <c r="B116" s="27">
        <v>19</v>
      </c>
      <c r="C116" s="28">
        <v>55</v>
      </c>
      <c r="D116" s="29">
        <v>74</v>
      </c>
    </row>
    <row r="117" spans="1:4" ht="18" customHeight="1" x14ac:dyDescent="0.2">
      <c r="A117" s="31">
        <v>92</v>
      </c>
      <c r="B117" s="27">
        <v>24</v>
      </c>
      <c r="C117" s="28">
        <v>53</v>
      </c>
      <c r="D117" s="29">
        <v>77</v>
      </c>
    </row>
    <row r="118" spans="1:4" ht="18" customHeight="1" x14ac:dyDescent="0.2">
      <c r="A118" s="31">
        <v>93</v>
      </c>
      <c r="B118" s="27">
        <v>15</v>
      </c>
      <c r="C118" s="28">
        <v>39</v>
      </c>
      <c r="D118" s="29">
        <v>54</v>
      </c>
    </row>
    <row r="119" spans="1:4" ht="18" customHeight="1" x14ac:dyDescent="0.2">
      <c r="A119" s="31">
        <v>94</v>
      </c>
      <c r="B119" s="27">
        <v>11</v>
      </c>
      <c r="C119" s="28">
        <v>19</v>
      </c>
      <c r="D119" s="29">
        <v>30</v>
      </c>
    </row>
    <row r="120" spans="1:4" ht="18" customHeight="1" x14ac:dyDescent="0.2">
      <c r="A120" s="31" t="s">
        <v>68</v>
      </c>
      <c r="B120" s="27">
        <v>95</v>
      </c>
      <c r="C120" s="28">
        <v>236</v>
      </c>
      <c r="D120" s="29">
        <v>331</v>
      </c>
    </row>
    <row r="121" spans="1:4" ht="18" customHeight="1" x14ac:dyDescent="0.2">
      <c r="A121" s="31">
        <v>95</v>
      </c>
      <c r="B121" s="27">
        <v>9</v>
      </c>
      <c r="C121" s="28">
        <v>32</v>
      </c>
      <c r="D121" s="29">
        <v>41</v>
      </c>
    </row>
    <row r="122" spans="1:4" ht="18" customHeight="1" x14ac:dyDescent="0.2">
      <c r="A122" s="31">
        <v>96</v>
      </c>
      <c r="B122" s="27">
        <v>4</v>
      </c>
      <c r="C122" s="28">
        <v>13</v>
      </c>
      <c r="D122" s="29">
        <v>17</v>
      </c>
    </row>
    <row r="123" spans="1:4" ht="18" customHeight="1" x14ac:dyDescent="0.2">
      <c r="A123" s="31">
        <v>97</v>
      </c>
      <c r="B123" s="27">
        <v>4</v>
      </c>
      <c r="C123" s="28">
        <v>12</v>
      </c>
      <c r="D123" s="29">
        <v>16</v>
      </c>
    </row>
    <row r="124" spans="1:4" ht="18" customHeight="1" x14ac:dyDescent="0.2">
      <c r="A124" s="31">
        <v>98</v>
      </c>
      <c r="B124" s="27">
        <v>1</v>
      </c>
      <c r="C124" s="28">
        <v>12</v>
      </c>
      <c r="D124" s="29">
        <v>13</v>
      </c>
    </row>
    <row r="125" spans="1:4" ht="18" customHeight="1" x14ac:dyDescent="0.2">
      <c r="A125" s="31">
        <v>99</v>
      </c>
      <c r="B125" s="27">
        <v>3</v>
      </c>
      <c r="C125" s="28">
        <v>4</v>
      </c>
      <c r="D125" s="29">
        <v>7</v>
      </c>
    </row>
    <row r="126" spans="1:4" ht="18" customHeight="1" x14ac:dyDescent="0.2">
      <c r="A126" s="31" t="s">
        <v>69</v>
      </c>
      <c r="B126" s="27">
        <v>21</v>
      </c>
      <c r="C126" s="28">
        <v>73</v>
      </c>
      <c r="D126" s="29">
        <v>94</v>
      </c>
    </row>
    <row r="127" spans="1:4" ht="18" customHeight="1" x14ac:dyDescent="0.2">
      <c r="A127" s="31">
        <v>100</v>
      </c>
      <c r="B127" s="27">
        <v>0</v>
      </c>
      <c r="C127" s="28">
        <v>5</v>
      </c>
      <c r="D127" s="29">
        <v>5</v>
      </c>
    </row>
    <row r="128" spans="1:4" ht="18" customHeight="1" x14ac:dyDescent="0.2">
      <c r="A128" s="32" t="s">
        <v>70</v>
      </c>
      <c r="B128" s="27">
        <v>1</v>
      </c>
      <c r="C128" s="28">
        <v>8</v>
      </c>
      <c r="D128" s="29">
        <v>9</v>
      </c>
    </row>
    <row r="129" spans="1:4" ht="18" customHeight="1" x14ac:dyDescent="0.2">
      <c r="A129" s="31" t="s">
        <v>71</v>
      </c>
      <c r="B129" s="27">
        <v>1</v>
      </c>
      <c r="C129" s="28">
        <v>13</v>
      </c>
      <c r="D129" s="29">
        <v>14</v>
      </c>
    </row>
    <row r="130" spans="1:4" ht="18" customHeight="1" x14ac:dyDescent="0.2">
      <c r="A130" s="31" t="s">
        <v>72</v>
      </c>
      <c r="B130" s="4">
        <v>2808</v>
      </c>
      <c r="C130" s="5">
        <v>3826</v>
      </c>
      <c r="D130" s="6">
        <v>6634</v>
      </c>
    </row>
    <row r="131" spans="1:4" ht="18" customHeight="1" x14ac:dyDescent="0.2">
      <c r="A131" s="33" t="s">
        <v>47</v>
      </c>
      <c r="B131" s="7">
        <v>10745</v>
      </c>
      <c r="C131" s="8">
        <v>11160</v>
      </c>
      <c r="D131" s="9">
        <v>2190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6</v>
      </c>
      <c r="C5" s="37">
        <v>3</v>
      </c>
      <c r="D5" s="39">
        <v>9</v>
      </c>
    </row>
    <row r="6" spans="1:10" ht="18" customHeight="1" x14ac:dyDescent="0.2">
      <c r="A6" s="31">
        <v>1</v>
      </c>
      <c r="B6" s="35">
        <v>6</v>
      </c>
      <c r="C6" s="28">
        <v>5</v>
      </c>
      <c r="D6" s="29">
        <v>11</v>
      </c>
    </row>
    <row r="7" spans="1:10" ht="18" customHeight="1" x14ac:dyDescent="0.2">
      <c r="A7" s="31">
        <v>2</v>
      </c>
      <c r="B7" s="35">
        <v>10</v>
      </c>
      <c r="C7" s="28">
        <v>7</v>
      </c>
      <c r="D7" s="29">
        <v>17</v>
      </c>
    </row>
    <row r="8" spans="1:10" ht="18" customHeight="1" x14ac:dyDescent="0.2">
      <c r="A8" s="31">
        <v>3</v>
      </c>
      <c r="B8" s="35">
        <v>9</v>
      </c>
      <c r="C8" s="28">
        <v>6</v>
      </c>
      <c r="D8" s="29">
        <v>15</v>
      </c>
    </row>
    <row r="9" spans="1:10" ht="18" customHeight="1" x14ac:dyDescent="0.2">
      <c r="A9" s="31">
        <v>4</v>
      </c>
      <c r="B9" s="36">
        <v>13</v>
      </c>
      <c r="C9" s="38">
        <v>4</v>
      </c>
      <c r="D9" s="40">
        <v>17</v>
      </c>
    </row>
    <row r="10" spans="1:10" ht="18" customHeight="1" x14ac:dyDescent="0.2">
      <c r="A10" s="31" t="s">
        <v>48</v>
      </c>
      <c r="B10" s="27">
        <v>44</v>
      </c>
      <c r="C10" s="28">
        <v>25</v>
      </c>
      <c r="D10" s="29">
        <v>69</v>
      </c>
    </row>
    <row r="11" spans="1:10" ht="18" customHeight="1" x14ac:dyDescent="0.2">
      <c r="A11" s="31">
        <v>5</v>
      </c>
      <c r="B11" s="35">
        <v>1</v>
      </c>
      <c r="C11" s="28">
        <v>3</v>
      </c>
      <c r="D11" s="29">
        <v>4</v>
      </c>
    </row>
    <row r="12" spans="1:10" ht="18" customHeight="1" x14ac:dyDescent="0.2">
      <c r="A12" s="31">
        <v>6</v>
      </c>
      <c r="B12" s="35">
        <v>10</v>
      </c>
      <c r="C12" s="28">
        <v>7</v>
      </c>
      <c r="D12" s="29">
        <v>17</v>
      </c>
    </row>
    <row r="13" spans="1:10" ht="18" customHeight="1" x14ac:dyDescent="0.2">
      <c r="A13" s="31">
        <v>7</v>
      </c>
      <c r="B13" s="35">
        <v>6</v>
      </c>
      <c r="C13" s="28">
        <v>11</v>
      </c>
      <c r="D13" s="29">
        <v>17</v>
      </c>
    </row>
    <row r="14" spans="1:10" ht="18" customHeight="1" x14ac:dyDescent="0.2">
      <c r="A14" s="31">
        <v>8</v>
      </c>
      <c r="B14" s="35">
        <v>9</v>
      </c>
      <c r="C14" s="28">
        <v>5</v>
      </c>
      <c r="D14" s="29">
        <v>14</v>
      </c>
    </row>
    <row r="15" spans="1:10" ht="18" customHeight="1" x14ac:dyDescent="0.2">
      <c r="A15" s="31">
        <v>9</v>
      </c>
      <c r="B15" s="35">
        <v>4</v>
      </c>
      <c r="C15" s="28">
        <v>5</v>
      </c>
      <c r="D15" s="29">
        <v>9</v>
      </c>
    </row>
    <row r="16" spans="1:10" ht="18" customHeight="1" x14ac:dyDescent="0.2">
      <c r="A16" s="31" t="s">
        <v>49</v>
      </c>
      <c r="B16" s="27">
        <v>30</v>
      </c>
      <c r="C16" s="28">
        <v>31</v>
      </c>
      <c r="D16" s="29">
        <v>61</v>
      </c>
    </row>
    <row r="17" spans="1:4" ht="18" customHeight="1" x14ac:dyDescent="0.2">
      <c r="A17" s="31">
        <v>10</v>
      </c>
      <c r="B17" s="27">
        <v>7</v>
      </c>
      <c r="C17" s="28">
        <v>6</v>
      </c>
      <c r="D17" s="29">
        <v>13</v>
      </c>
    </row>
    <row r="18" spans="1:4" ht="18" customHeight="1" x14ac:dyDescent="0.2">
      <c r="A18" s="31">
        <v>11</v>
      </c>
      <c r="B18" s="27">
        <v>8</v>
      </c>
      <c r="C18" s="28">
        <v>9</v>
      </c>
      <c r="D18" s="29">
        <v>17</v>
      </c>
    </row>
    <row r="19" spans="1:4" ht="18" customHeight="1" x14ac:dyDescent="0.2">
      <c r="A19" s="31">
        <v>12</v>
      </c>
      <c r="B19" s="27">
        <v>14</v>
      </c>
      <c r="C19" s="28">
        <v>11</v>
      </c>
      <c r="D19" s="29">
        <v>25</v>
      </c>
    </row>
    <row r="20" spans="1:4" ht="18" customHeight="1" x14ac:dyDescent="0.2">
      <c r="A20" s="31">
        <v>13</v>
      </c>
      <c r="B20" s="27">
        <v>13</v>
      </c>
      <c r="C20" s="28">
        <v>10</v>
      </c>
      <c r="D20" s="29">
        <v>23</v>
      </c>
    </row>
    <row r="21" spans="1:4" ht="18" customHeight="1" x14ac:dyDescent="0.2">
      <c r="A21" s="31">
        <v>14</v>
      </c>
      <c r="B21" s="27">
        <v>10</v>
      </c>
      <c r="C21" s="28">
        <v>11</v>
      </c>
      <c r="D21" s="29">
        <v>21</v>
      </c>
    </row>
    <row r="22" spans="1:4" ht="18" customHeight="1" x14ac:dyDescent="0.2">
      <c r="A22" s="31" t="s">
        <v>50</v>
      </c>
      <c r="B22" s="27">
        <v>52</v>
      </c>
      <c r="C22" s="28">
        <v>47</v>
      </c>
      <c r="D22" s="29">
        <v>99</v>
      </c>
    </row>
    <row r="23" spans="1:4" ht="18" customHeight="1" x14ac:dyDescent="0.2">
      <c r="A23" s="31" t="s">
        <v>51</v>
      </c>
      <c r="B23" s="27">
        <v>126</v>
      </c>
      <c r="C23" s="28">
        <v>103</v>
      </c>
      <c r="D23" s="29">
        <v>229</v>
      </c>
    </row>
    <row r="24" spans="1:4" ht="18" customHeight="1" x14ac:dyDescent="0.2">
      <c r="A24" s="31">
        <v>15</v>
      </c>
      <c r="B24" s="27">
        <v>12</v>
      </c>
      <c r="C24" s="28">
        <v>16</v>
      </c>
      <c r="D24" s="29">
        <v>28</v>
      </c>
    </row>
    <row r="25" spans="1:4" ht="18" customHeight="1" x14ac:dyDescent="0.2">
      <c r="A25" s="31">
        <v>16</v>
      </c>
      <c r="B25" s="27">
        <v>10</v>
      </c>
      <c r="C25" s="28">
        <v>15</v>
      </c>
      <c r="D25" s="29">
        <v>25</v>
      </c>
    </row>
    <row r="26" spans="1:4" ht="18" customHeight="1" x14ac:dyDescent="0.2">
      <c r="A26" s="31">
        <v>17</v>
      </c>
      <c r="B26" s="27">
        <v>20</v>
      </c>
      <c r="C26" s="28">
        <v>15</v>
      </c>
      <c r="D26" s="29">
        <v>35</v>
      </c>
    </row>
    <row r="27" spans="1:4" ht="18" customHeight="1" x14ac:dyDescent="0.2">
      <c r="A27" s="31">
        <v>18</v>
      </c>
      <c r="B27" s="27">
        <v>9</v>
      </c>
      <c r="C27" s="28">
        <v>16</v>
      </c>
      <c r="D27" s="29">
        <v>25</v>
      </c>
    </row>
    <row r="28" spans="1:4" ht="18" customHeight="1" x14ac:dyDescent="0.2">
      <c r="A28" s="31">
        <v>19</v>
      </c>
      <c r="B28" s="27">
        <v>27</v>
      </c>
      <c r="C28" s="28">
        <v>17</v>
      </c>
      <c r="D28" s="29">
        <v>44</v>
      </c>
    </row>
    <row r="29" spans="1:4" ht="18" customHeight="1" x14ac:dyDescent="0.2">
      <c r="A29" s="31" t="s">
        <v>52</v>
      </c>
      <c r="B29" s="27">
        <v>78</v>
      </c>
      <c r="C29" s="28">
        <v>79</v>
      </c>
      <c r="D29" s="29">
        <v>157</v>
      </c>
    </row>
    <row r="30" spans="1:4" ht="18" customHeight="1" x14ac:dyDescent="0.2">
      <c r="A30" s="31">
        <v>20</v>
      </c>
      <c r="B30" s="27">
        <v>12</v>
      </c>
      <c r="C30" s="28">
        <v>11</v>
      </c>
      <c r="D30" s="29">
        <v>23</v>
      </c>
    </row>
    <row r="31" spans="1:4" ht="18" customHeight="1" x14ac:dyDescent="0.2">
      <c r="A31" s="31">
        <v>21</v>
      </c>
      <c r="B31" s="27">
        <v>19</v>
      </c>
      <c r="C31" s="28">
        <v>13</v>
      </c>
      <c r="D31" s="29">
        <v>32</v>
      </c>
    </row>
    <row r="32" spans="1:4" ht="18" customHeight="1" x14ac:dyDescent="0.2">
      <c r="A32" s="31">
        <v>22</v>
      </c>
      <c r="B32" s="27">
        <v>18</v>
      </c>
      <c r="C32" s="28">
        <v>11</v>
      </c>
      <c r="D32" s="29">
        <v>29</v>
      </c>
    </row>
    <row r="33" spans="1:4" ht="18" customHeight="1" x14ac:dyDescent="0.2">
      <c r="A33" s="31">
        <v>23</v>
      </c>
      <c r="B33" s="27">
        <v>16</v>
      </c>
      <c r="C33" s="28">
        <v>14</v>
      </c>
      <c r="D33" s="29">
        <v>30</v>
      </c>
    </row>
    <row r="34" spans="1:4" ht="18" customHeight="1" x14ac:dyDescent="0.2">
      <c r="A34" s="31">
        <v>24</v>
      </c>
      <c r="B34" s="27">
        <v>21</v>
      </c>
      <c r="C34" s="28">
        <v>9</v>
      </c>
      <c r="D34" s="29">
        <v>30</v>
      </c>
    </row>
    <row r="35" spans="1:4" ht="18" customHeight="1" x14ac:dyDescent="0.2">
      <c r="A35" s="31" t="s">
        <v>53</v>
      </c>
      <c r="B35" s="27">
        <v>86</v>
      </c>
      <c r="C35" s="28">
        <v>58</v>
      </c>
      <c r="D35" s="29">
        <v>144</v>
      </c>
    </row>
    <row r="36" spans="1:4" ht="18" customHeight="1" x14ac:dyDescent="0.2">
      <c r="A36" s="31">
        <v>25</v>
      </c>
      <c r="B36" s="27">
        <v>14</v>
      </c>
      <c r="C36" s="28">
        <v>13</v>
      </c>
      <c r="D36" s="29">
        <v>27</v>
      </c>
    </row>
    <row r="37" spans="1:4" ht="18" customHeight="1" x14ac:dyDescent="0.2">
      <c r="A37" s="31">
        <v>26</v>
      </c>
      <c r="B37" s="27">
        <v>13</v>
      </c>
      <c r="C37" s="28">
        <v>11</v>
      </c>
      <c r="D37" s="29">
        <v>24</v>
      </c>
    </row>
    <row r="38" spans="1:4" ht="18" customHeight="1" x14ac:dyDescent="0.2">
      <c r="A38" s="31">
        <v>27</v>
      </c>
      <c r="B38" s="27">
        <v>12</v>
      </c>
      <c r="C38" s="28">
        <v>10</v>
      </c>
      <c r="D38" s="29">
        <v>22</v>
      </c>
    </row>
    <row r="39" spans="1:4" ht="18" customHeight="1" x14ac:dyDescent="0.2">
      <c r="A39" s="31">
        <v>28</v>
      </c>
      <c r="B39" s="27">
        <v>11</v>
      </c>
      <c r="C39" s="28">
        <v>9</v>
      </c>
      <c r="D39" s="29">
        <v>20</v>
      </c>
    </row>
    <row r="40" spans="1:4" ht="18" customHeight="1" x14ac:dyDescent="0.2">
      <c r="A40" s="31">
        <v>29</v>
      </c>
      <c r="B40" s="27">
        <v>11</v>
      </c>
      <c r="C40" s="28">
        <v>5</v>
      </c>
      <c r="D40" s="29">
        <v>16</v>
      </c>
    </row>
    <row r="41" spans="1:4" ht="18" customHeight="1" x14ac:dyDescent="0.2">
      <c r="A41" s="31" t="s">
        <v>54</v>
      </c>
      <c r="B41" s="27">
        <v>61</v>
      </c>
      <c r="C41" s="28">
        <v>48</v>
      </c>
      <c r="D41" s="29">
        <v>109</v>
      </c>
    </row>
    <row r="42" spans="1:4" ht="18" customHeight="1" x14ac:dyDescent="0.2">
      <c r="A42" s="31">
        <v>30</v>
      </c>
      <c r="B42" s="27">
        <v>7</v>
      </c>
      <c r="C42" s="28">
        <v>6</v>
      </c>
      <c r="D42" s="29">
        <v>13</v>
      </c>
    </row>
    <row r="43" spans="1:4" ht="18" customHeight="1" x14ac:dyDescent="0.2">
      <c r="A43" s="31">
        <v>31</v>
      </c>
      <c r="B43" s="27">
        <v>14</v>
      </c>
      <c r="C43" s="28">
        <v>11</v>
      </c>
      <c r="D43" s="29">
        <v>25</v>
      </c>
    </row>
    <row r="44" spans="1:4" ht="18" customHeight="1" x14ac:dyDescent="0.2">
      <c r="A44" s="31">
        <v>32</v>
      </c>
      <c r="B44" s="27">
        <v>12</v>
      </c>
      <c r="C44" s="28">
        <v>9</v>
      </c>
      <c r="D44" s="29">
        <v>21</v>
      </c>
    </row>
    <row r="45" spans="1:4" ht="18" customHeight="1" x14ac:dyDescent="0.2">
      <c r="A45" s="31">
        <v>33</v>
      </c>
      <c r="B45" s="27">
        <v>10</v>
      </c>
      <c r="C45" s="28">
        <v>10</v>
      </c>
      <c r="D45" s="29">
        <v>20</v>
      </c>
    </row>
    <row r="46" spans="1:4" ht="18" customHeight="1" x14ac:dyDescent="0.2">
      <c r="A46" s="31">
        <v>34</v>
      </c>
      <c r="B46" s="27">
        <v>21</v>
      </c>
      <c r="C46" s="28">
        <v>10</v>
      </c>
      <c r="D46" s="29">
        <v>31</v>
      </c>
    </row>
    <row r="47" spans="1:4" ht="18" customHeight="1" x14ac:dyDescent="0.2">
      <c r="A47" s="31" t="s">
        <v>55</v>
      </c>
      <c r="B47" s="27">
        <v>64</v>
      </c>
      <c r="C47" s="28">
        <v>46</v>
      </c>
      <c r="D47" s="29">
        <v>110</v>
      </c>
    </row>
    <row r="48" spans="1:4" ht="18" customHeight="1" x14ac:dyDescent="0.2">
      <c r="A48" s="31">
        <v>35</v>
      </c>
      <c r="B48" s="27">
        <v>13</v>
      </c>
      <c r="C48" s="28">
        <v>16</v>
      </c>
      <c r="D48" s="29">
        <v>29</v>
      </c>
    </row>
    <row r="49" spans="1:4" ht="18" customHeight="1" x14ac:dyDescent="0.2">
      <c r="A49" s="31">
        <v>36</v>
      </c>
      <c r="B49" s="27">
        <v>11</v>
      </c>
      <c r="C49" s="28">
        <v>12</v>
      </c>
      <c r="D49" s="29">
        <v>23</v>
      </c>
    </row>
    <row r="50" spans="1:4" ht="18" customHeight="1" x14ac:dyDescent="0.2">
      <c r="A50" s="31">
        <v>37</v>
      </c>
      <c r="B50" s="27">
        <v>11</v>
      </c>
      <c r="C50" s="28">
        <v>13</v>
      </c>
      <c r="D50" s="29">
        <v>24</v>
      </c>
    </row>
    <row r="51" spans="1:4" ht="18" customHeight="1" x14ac:dyDescent="0.2">
      <c r="A51" s="31">
        <v>38</v>
      </c>
      <c r="B51" s="27">
        <v>10</v>
      </c>
      <c r="C51" s="28">
        <v>9</v>
      </c>
      <c r="D51" s="29">
        <v>19</v>
      </c>
    </row>
    <row r="52" spans="1:4" ht="18" customHeight="1" x14ac:dyDescent="0.2">
      <c r="A52" s="31">
        <v>39</v>
      </c>
      <c r="B52" s="27">
        <v>10</v>
      </c>
      <c r="C52" s="28">
        <v>9</v>
      </c>
      <c r="D52" s="29">
        <v>19</v>
      </c>
    </row>
    <row r="53" spans="1:4" ht="18" customHeight="1" x14ac:dyDescent="0.2">
      <c r="A53" s="31" t="s">
        <v>56</v>
      </c>
      <c r="B53" s="27">
        <v>55</v>
      </c>
      <c r="C53" s="28">
        <v>59</v>
      </c>
      <c r="D53" s="29">
        <v>114</v>
      </c>
    </row>
    <row r="54" spans="1:4" ht="18" customHeight="1" x14ac:dyDescent="0.2">
      <c r="A54" s="31">
        <v>40</v>
      </c>
      <c r="B54" s="27">
        <v>16</v>
      </c>
      <c r="C54" s="28">
        <v>17</v>
      </c>
      <c r="D54" s="29">
        <v>33</v>
      </c>
    </row>
    <row r="55" spans="1:4" ht="18" customHeight="1" x14ac:dyDescent="0.2">
      <c r="A55" s="31">
        <v>41</v>
      </c>
      <c r="B55" s="27">
        <v>14</v>
      </c>
      <c r="C55" s="28">
        <v>13</v>
      </c>
      <c r="D55" s="29">
        <v>27</v>
      </c>
    </row>
    <row r="56" spans="1:4" ht="18" customHeight="1" x14ac:dyDescent="0.2">
      <c r="A56" s="31">
        <v>42</v>
      </c>
      <c r="B56" s="27">
        <v>20</v>
      </c>
      <c r="C56" s="28">
        <v>17</v>
      </c>
      <c r="D56" s="29">
        <v>37</v>
      </c>
    </row>
    <row r="57" spans="1:4" ht="18" customHeight="1" x14ac:dyDescent="0.2">
      <c r="A57" s="31">
        <v>43</v>
      </c>
      <c r="B57" s="27">
        <v>15</v>
      </c>
      <c r="C57" s="28">
        <v>17</v>
      </c>
      <c r="D57" s="29">
        <v>32</v>
      </c>
    </row>
    <row r="58" spans="1:4" ht="18" customHeight="1" x14ac:dyDescent="0.2">
      <c r="A58" s="31">
        <v>44</v>
      </c>
      <c r="B58" s="27">
        <v>13</v>
      </c>
      <c r="C58" s="28">
        <v>19</v>
      </c>
      <c r="D58" s="29">
        <v>32</v>
      </c>
    </row>
    <row r="59" spans="1:4" ht="18" customHeight="1" x14ac:dyDescent="0.2">
      <c r="A59" s="31" t="s">
        <v>57</v>
      </c>
      <c r="B59" s="27">
        <v>78</v>
      </c>
      <c r="C59" s="28">
        <v>83</v>
      </c>
      <c r="D59" s="29">
        <v>161</v>
      </c>
    </row>
    <row r="60" spans="1:4" ht="18" customHeight="1" x14ac:dyDescent="0.2">
      <c r="A60" s="31">
        <v>45</v>
      </c>
      <c r="B60" s="27">
        <v>18</v>
      </c>
      <c r="C60" s="28">
        <v>22</v>
      </c>
      <c r="D60" s="29">
        <v>40</v>
      </c>
    </row>
    <row r="61" spans="1:4" ht="18" customHeight="1" x14ac:dyDescent="0.2">
      <c r="A61" s="31">
        <v>46</v>
      </c>
      <c r="B61" s="27">
        <v>24</v>
      </c>
      <c r="C61" s="28">
        <v>22</v>
      </c>
      <c r="D61" s="29">
        <v>46</v>
      </c>
    </row>
    <row r="62" spans="1:4" ht="18" customHeight="1" x14ac:dyDescent="0.2">
      <c r="A62" s="31">
        <v>47</v>
      </c>
      <c r="B62" s="27">
        <v>28</v>
      </c>
      <c r="C62" s="28">
        <v>23</v>
      </c>
      <c r="D62" s="29">
        <v>51</v>
      </c>
    </row>
    <row r="63" spans="1:4" ht="18" customHeight="1" x14ac:dyDescent="0.2">
      <c r="A63" s="31">
        <v>48</v>
      </c>
      <c r="B63" s="27">
        <v>28</v>
      </c>
      <c r="C63" s="28">
        <v>19</v>
      </c>
      <c r="D63" s="29">
        <v>47</v>
      </c>
    </row>
    <row r="64" spans="1:4" ht="18" customHeight="1" x14ac:dyDescent="0.2">
      <c r="A64" s="31">
        <v>49</v>
      </c>
      <c r="B64" s="27">
        <v>14</v>
      </c>
      <c r="C64" s="28">
        <v>22</v>
      </c>
      <c r="D64" s="29">
        <v>36</v>
      </c>
    </row>
    <row r="65" spans="1:4" ht="18" customHeight="1" x14ac:dyDescent="0.2">
      <c r="A65" s="31" t="s">
        <v>58</v>
      </c>
      <c r="B65" s="27">
        <v>112</v>
      </c>
      <c r="C65" s="28">
        <v>108</v>
      </c>
      <c r="D65" s="29">
        <v>220</v>
      </c>
    </row>
    <row r="66" spans="1:4" ht="18" customHeight="1" x14ac:dyDescent="0.2">
      <c r="A66" s="31">
        <v>50</v>
      </c>
      <c r="B66" s="27">
        <v>17</v>
      </c>
      <c r="C66" s="28">
        <v>23</v>
      </c>
      <c r="D66" s="29">
        <v>40</v>
      </c>
    </row>
    <row r="67" spans="1:4" ht="18" customHeight="1" x14ac:dyDescent="0.2">
      <c r="A67" s="31">
        <v>51</v>
      </c>
      <c r="B67" s="27">
        <v>13</v>
      </c>
      <c r="C67" s="28">
        <v>21</v>
      </c>
      <c r="D67" s="29">
        <v>34</v>
      </c>
    </row>
    <row r="68" spans="1:4" ht="18" customHeight="1" x14ac:dyDescent="0.2">
      <c r="A68" s="31">
        <v>52</v>
      </c>
      <c r="B68" s="27">
        <v>15</v>
      </c>
      <c r="C68" s="28">
        <v>12</v>
      </c>
      <c r="D68" s="29">
        <v>27</v>
      </c>
    </row>
    <row r="69" spans="1:4" ht="18" customHeight="1" x14ac:dyDescent="0.2">
      <c r="A69" s="31">
        <v>53</v>
      </c>
      <c r="B69" s="27">
        <v>16</v>
      </c>
      <c r="C69" s="28">
        <v>16</v>
      </c>
      <c r="D69" s="29">
        <v>32</v>
      </c>
    </row>
    <row r="70" spans="1:4" ht="18" customHeight="1" x14ac:dyDescent="0.2">
      <c r="A70" s="31">
        <v>54</v>
      </c>
      <c r="B70" s="27">
        <v>18</v>
      </c>
      <c r="C70" s="28">
        <v>16</v>
      </c>
      <c r="D70" s="29">
        <v>34</v>
      </c>
    </row>
    <row r="71" spans="1:4" ht="18" customHeight="1" x14ac:dyDescent="0.2">
      <c r="A71" s="31" t="s">
        <v>59</v>
      </c>
      <c r="B71" s="27">
        <v>79</v>
      </c>
      <c r="C71" s="28">
        <v>88</v>
      </c>
      <c r="D71" s="29">
        <v>167</v>
      </c>
    </row>
    <row r="72" spans="1:4" ht="18" customHeight="1" x14ac:dyDescent="0.2">
      <c r="A72" s="31">
        <v>55</v>
      </c>
      <c r="B72" s="27">
        <v>16</v>
      </c>
      <c r="C72" s="28">
        <v>18</v>
      </c>
      <c r="D72" s="29">
        <v>34</v>
      </c>
    </row>
    <row r="73" spans="1:4" ht="18" customHeight="1" x14ac:dyDescent="0.2">
      <c r="A73" s="31">
        <v>56</v>
      </c>
      <c r="B73" s="27">
        <v>14</v>
      </c>
      <c r="C73" s="28">
        <v>8</v>
      </c>
      <c r="D73" s="29">
        <v>22</v>
      </c>
    </row>
    <row r="74" spans="1:4" ht="18" customHeight="1" x14ac:dyDescent="0.2">
      <c r="A74" s="31">
        <v>57</v>
      </c>
      <c r="B74" s="27">
        <v>17</v>
      </c>
      <c r="C74" s="28">
        <v>15</v>
      </c>
      <c r="D74" s="29">
        <v>32</v>
      </c>
    </row>
    <row r="75" spans="1:4" ht="18" customHeight="1" x14ac:dyDescent="0.2">
      <c r="A75" s="31">
        <v>58</v>
      </c>
      <c r="B75" s="27">
        <v>19</v>
      </c>
      <c r="C75" s="28">
        <v>10</v>
      </c>
      <c r="D75" s="29">
        <v>29</v>
      </c>
    </row>
    <row r="76" spans="1:4" ht="18" customHeight="1" x14ac:dyDescent="0.2">
      <c r="A76" s="31">
        <v>59</v>
      </c>
      <c r="B76" s="27">
        <v>15</v>
      </c>
      <c r="C76" s="28">
        <v>24</v>
      </c>
      <c r="D76" s="29">
        <v>39</v>
      </c>
    </row>
    <row r="77" spans="1:4" ht="18" customHeight="1" x14ac:dyDescent="0.2">
      <c r="A77" s="31" t="s">
        <v>60</v>
      </c>
      <c r="B77" s="27">
        <v>81</v>
      </c>
      <c r="C77" s="28">
        <v>75</v>
      </c>
      <c r="D77" s="29">
        <v>156</v>
      </c>
    </row>
    <row r="78" spans="1:4" ht="18" customHeight="1" x14ac:dyDescent="0.2">
      <c r="A78" s="31">
        <v>60</v>
      </c>
      <c r="B78" s="27">
        <v>21</v>
      </c>
      <c r="C78" s="28">
        <v>22</v>
      </c>
      <c r="D78" s="29">
        <v>43</v>
      </c>
    </row>
    <row r="79" spans="1:4" ht="18" customHeight="1" x14ac:dyDescent="0.2">
      <c r="A79" s="31">
        <v>61</v>
      </c>
      <c r="B79" s="27">
        <v>21</v>
      </c>
      <c r="C79" s="28">
        <v>18</v>
      </c>
      <c r="D79" s="29">
        <v>39</v>
      </c>
    </row>
    <row r="80" spans="1:4" ht="18" customHeight="1" x14ac:dyDescent="0.2">
      <c r="A80" s="31">
        <v>62</v>
      </c>
      <c r="B80" s="27">
        <v>16</v>
      </c>
      <c r="C80" s="28">
        <v>22</v>
      </c>
      <c r="D80" s="29">
        <v>38</v>
      </c>
    </row>
    <row r="81" spans="1:4" ht="18" customHeight="1" x14ac:dyDescent="0.2">
      <c r="A81" s="31">
        <v>63</v>
      </c>
      <c r="B81" s="27">
        <v>12</v>
      </c>
      <c r="C81" s="28">
        <v>19</v>
      </c>
      <c r="D81" s="29">
        <v>31</v>
      </c>
    </row>
    <row r="82" spans="1:4" ht="18" customHeight="1" x14ac:dyDescent="0.2">
      <c r="A82" s="31">
        <v>64</v>
      </c>
      <c r="B82" s="27">
        <v>11</v>
      </c>
      <c r="C82" s="28">
        <v>25</v>
      </c>
      <c r="D82" s="29">
        <v>36</v>
      </c>
    </row>
    <row r="83" spans="1:4" ht="18" customHeight="1" x14ac:dyDescent="0.2">
      <c r="A83" s="31" t="s">
        <v>61</v>
      </c>
      <c r="B83" s="27">
        <v>81</v>
      </c>
      <c r="C83" s="28">
        <v>106</v>
      </c>
      <c r="D83" s="29">
        <v>187</v>
      </c>
    </row>
    <row r="84" spans="1:4" ht="18" customHeight="1" x14ac:dyDescent="0.2">
      <c r="A84" s="31" t="s">
        <v>62</v>
      </c>
      <c r="B84" s="27">
        <v>775</v>
      </c>
      <c r="C84" s="28">
        <v>750</v>
      </c>
      <c r="D84" s="29">
        <v>1525</v>
      </c>
    </row>
    <row r="85" spans="1:4" ht="18" customHeight="1" x14ac:dyDescent="0.2">
      <c r="A85" s="31">
        <v>65</v>
      </c>
      <c r="B85" s="27">
        <v>21</v>
      </c>
      <c r="C85" s="28">
        <v>25</v>
      </c>
      <c r="D85" s="29">
        <v>46</v>
      </c>
    </row>
    <row r="86" spans="1:4" ht="18" customHeight="1" x14ac:dyDescent="0.2">
      <c r="A86" s="31">
        <v>66</v>
      </c>
      <c r="B86" s="27">
        <v>22</v>
      </c>
      <c r="C86" s="28">
        <v>23</v>
      </c>
      <c r="D86" s="29">
        <v>45</v>
      </c>
    </row>
    <row r="87" spans="1:4" ht="18" customHeight="1" x14ac:dyDescent="0.2">
      <c r="A87" s="31">
        <v>67</v>
      </c>
      <c r="B87" s="27">
        <v>32</v>
      </c>
      <c r="C87" s="28">
        <v>31</v>
      </c>
      <c r="D87" s="29">
        <v>63</v>
      </c>
    </row>
    <row r="88" spans="1:4" ht="18" customHeight="1" x14ac:dyDescent="0.2">
      <c r="A88" s="31">
        <v>68</v>
      </c>
      <c r="B88" s="27">
        <v>27</v>
      </c>
      <c r="C88" s="28">
        <v>27</v>
      </c>
      <c r="D88" s="29">
        <v>54</v>
      </c>
    </row>
    <row r="89" spans="1:4" ht="18" customHeight="1" x14ac:dyDescent="0.2">
      <c r="A89" s="31">
        <v>69</v>
      </c>
      <c r="B89" s="27">
        <v>36</v>
      </c>
      <c r="C89" s="28">
        <v>33</v>
      </c>
      <c r="D89" s="29">
        <v>69</v>
      </c>
    </row>
    <row r="90" spans="1:4" ht="18" customHeight="1" x14ac:dyDescent="0.2">
      <c r="A90" s="31" t="s">
        <v>63</v>
      </c>
      <c r="B90" s="27">
        <v>138</v>
      </c>
      <c r="C90" s="28">
        <v>139</v>
      </c>
      <c r="D90" s="29">
        <v>277</v>
      </c>
    </row>
    <row r="91" spans="1:4" ht="18" customHeight="1" x14ac:dyDescent="0.2">
      <c r="A91" s="31">
        <v>70</v>
      </c>
      <c r="B91" s="27">
        <v>31</v>
      </c>
      <c r="C91" s="28">
        <v>30</v>
      </c>
      <c r="D91" s="29">
        <v>61</v>
      </c>
    </row>
    <row r="92" spans="1:4" ht="18" customHeight="1" x14ac:dyDescent="0.2">
      <c r="A92" s="31">
        <v>71</v>
      </c>
      <c r="B92" s="27">
        <v>49</v>
      </c>
      <c r="C92" s="28">
        <v>36</v>
      </c>
      <c r="D92" s="29">
        <v>85</v>
      </c>
    </row>
    <row r="93" spans="1:4" ht="18" customHeight="1" x14ac:dyDescent="0.2">
      <c r="A93" s="31">
        <v>72</v>
      </c>
      <c r="B93" s="27">
        <v>10</v>
      </c>
      <c r="C93" s="28">
        <v>20</v>
      </c>
      <c r="D93" s="29">
        <v>30</v>
      </c>
    </row>
    <row r="94" spans="1:4" ht="18" customHeight="1" x14ac:dyDescent="0.2">
      <c r="A94" s="31">
        <v>73</v>
      </c>
      <c r="B94" s="27">
        <v>13</v>
      </c>
      <c r="C94" s="28">
        <v>15</v>
      </c>
      <c r="D94" s="29">
        <v>28</v>
      </c>
    </row>
    <row r="95" spans="1:4" ht="18" customHeight="1" x14ac:dyDescent="0.2">
      <c r="A95" s="31">
        <v>74</v>
      </c>
      <c r="B95" s="27">
        <v>25</v>
      </c>
      <c r="C95" s="28">
        <v>37</v>
      </c>
      <c r="D95" s="29">
        <v>62</v>
      </c>
    </row>
    <row r="96" spans="1:4" ht="18" customHeight="1" x14ac:dyDescent="0.2">
      <c r="A96" s="31" t="s">
        <v>64</v>
      </c>
      <c r="B96" s="27">
        <v>128</v>
      </c>
      <c r="C96" s="28">
        <v>138</v>
      </c>
      <c r="D96" s="29">
        <v>266</v>
      </c>
    </row>
    <row r="97" spans="1:4" ht="18" customHeight="1" x14ac:dyDescent="0.2">
      <c r="A97" s="31">
        <v>75</v>
      </c>
      <c r="B97" s="27">
        <v>21</v>
      </c>
      <c r="C97" s="28">
        <v>23</v>
      </c>
      <c r="D97" s="29">
        <v>44</v>
      </c>
    </row>
    <row r="98" spans="1:4" ht="18" customHeight="1" x14ac:dyDescent="0.2">
      <c r="A98" s="31">
        <v>76</v>
      </c>
      <c r="B98" s="27">
        <v>18</v>
      </c>
      <c r="C98" s="28">
        <v>30</v>
      </c>
      <c r="D98" s="29">
        <v>48</v>
      </c>
    </row>
    <row r="99" spans="1:4" ht="18" customHeight="1" x14ac:dyDescent="0.2">
      <c r="A99" s="31">
        <v>77</v>
      </c>
      <c r="B99" s="27">
        <v>14</v>
      </c>
      <c r="C99" s="28">
        <v>23</v>
      </c>
      <c r="D99" s="29">
        <v>37</v>
      </c>
    </row>
    <row r="100" spans="1:4" ht="18" customHeight="1" x14ac:dyDescent="0.2">
      <c r="A100" s="31">
        <v>78</v>
      </c>
      <c r="B100" s="27">
        <v>13</v>
      </c>
      <c r="C100" s="28">
        <v>19</v>
      </c>
      <c r="D100" s="29">
        <v>32</v>
      </c>
    </row>
    <row r="101" spans="1:4" ht="18" customHeight="1" x14ac:dyDescent="0.2">
      <c r="A101" s="31">
        <v>79</v>
      </c>
      <c r="B101" s="27">
        <v>18</v>
      </c>
      <c r="C101" s="28">
        <v>17</v>
      </c>
      <c r="D101" s="29">
        <v>35</v>
      </c>
    </row>
    <row r="102" spans="1:4" ht="18" customHeight="1" x14ac:dyDescent="0.2">
      <c r="A102" s="31" t="s">
        <v>65</v>
      </c>
      <c r="B102" s="27">
        <v>84</v>
      </c>
      <c r="C102" s="28">
        <v>112</v>
      </c>
      <c r="D102" s="29">
        <v>196</v>
      </c>
    </row>
    <row r="103" spans="1:4" ht="18" customHeight="1" x14ac:dyDescent="0.2">
      <c r="A103" s="31">
        <v>80</v>
      </c>
      <c r="B103" s="27">
        <v>7</v>
      </c>
      <c r="C103" s="28">
        <v>21</v>
      </c>
      <c r="D103" s="29">
        <v>28</v>
      </c>
    </row>
    <row r="104" spans="1:4" ht="18" customHeight="1" x14ac:dyDescent="0.2">
      <c r="A104" s="31">
        <v>81</v>
      </c>
      <c r="B104" s="27">
        <v>22</v>
      </c>
      <c r="C104" s="28">
        <v>29</v>
      </c>
      <c r="D104" s="29">
        <v>51</v>
      </c>
    </row>
    <row r="105" spans="1:4" ht="18" customHeight="1" x14ac:dyDescent="0.2">
      <c r="A105" s="31">
        <v>82</v>
      </c>
      <c r="B105" s="27">
        <v>16</v>
      </c>
      <c r="C105" s="28">
        <v>22</v>
      </c>
      <c r="D105" s="29">
        <v>38</v>
      </c>
    </row>
    <row r="106" spans="1:4" ht="18" customHeight="1" x14ac:dyDescent="0.2">
      <c r="A106" s="31">
        <v>83</v>
      </c>
      <c r="B106" s="27">
        <v>10</v>
      </c>
      <c r="C106" s="28">
        <v>19</v>
      </c>
      <c r="D106" s="29">
        <v>29</v>
      </c>
    </row>
    <row r="107" spans="1:4" ht="18" customHeight="1" x14ac:dyDescent="0.2">
      <c r="A107" s="31">
        <v>84</v>
      </c>
      <c r="B107" s="27">
        <v>17</v>
      </c>
      <c r="C107" s="28">
        <v>22</v>
      </c>
      <c r="D107" s="29">
        <v>39</v>
      </c>
    </row>
    <row r="108" spans="1:4" ht="18" customHeight="1" x14ac:dyDescent="0.2">
      <c r="A108" s="31" t="s">
        <v>66</v>
      </c>
      <c r="B108" s="27">
        <v>72</v>
      </c>
      <c r="C108" s="28">
        <v>113</v>
      </c>
      <c r="D108" s="29">
        <v>185</v>
      </c>
    </row>
    <row r="109" spans="1:4" ht="18" customHeight="1" x14ac:dyDescent="0.2">
      <c r="A109" s="31">
        <v>85</v>
      </c>
      <c r="B109" s="27">
        <v>12</v>
      </c>
      <c r="C109" s="28">
        <v>25</v>
      </c>
      <c r="D109" s="29">
        <v>37</v>
      </c>
    </row>
    <row r="110" spans="1:4" ht="18" customHeight="1" x14ac:dyDescent="0.2">
      <c r="A110" s="31">
        <v>86</v>
      </c>
      <c r="B110" s="27">
        <v>7</v>
      </c>
      <c r="C110" s="28">
        <v>14</v>
      </c>
      <c r="D110" s="29">
        <v>21</v>
      </c>
    </row>
    <row r="111" spans="1:4" ht="18" customHeight="1" x14ac:dyDescent="0.2">
      <c r="A111" s="31">
        <v>87</v>
      </c>
      <c r="B111" s="27">
        <v>10</v>
      </c>
      <c r="C111" s="28">
        <v>14</v>
      </c>
      <c r="D111" s="29">
        <v>24</v>
      </c>
    </row>
    <row r="112" spans="1:4" ht="18" customHeight="1" x14ac:dyDescent="0.2">
      <c r="A112" s="31">
        <v>88</v>
      </c>
      <c r="B112" s="27">
        <v>6</v>
      </c>
      <c r="C112" s="28">
        <v>12</v>
      </c>
      <c r="D112" s="29">
        <v>18</v>
      </c>
    </row>
    <row r="113" spans="1:4" ht="18" customHeight="1" x14ac:dyDescent="0.2">
      <c r="A113" s="31">
        <v>89</v>
      </c>
      <c r="B113" s="27">
        <v>1</v>
      </c>
      <c r="C113" s="28">
        <v>11</v>
      </c>
      <c r="D113" s="29">
        <v>12</v>
      </c>
    </row>
    <row r="114" spans="1:4" ht="18" customHeight="1" x14ac:dyDescent="0.2">
      <c r="A114" s="31" t="s">
        <v>67</v>
      </c>
      <c r="B114" s="27">
        <v>36</v>
      </c>
      <c r="C114" s="28">
        <v>76</v>
      </c>
      <c r="D114" s="29">
        <v>112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2</v>
      </c>
      <c r="C118" s="28">
        <v>12</v>
      </c>
      <c r="D118" s="29">
        <v>14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9</v>
      </c>
      <c r="C120" s="28">
        <v>43</v>
      </c>
      <c r="D120" s="29">
        <v>52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4</v>
      </c>
      <c r="D126" s="29">
        <v>1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70</v>
      </c>
      <c r="C130" s="5">
        <v>635</v>
      </c>
      <c r="D130" s="6">
        <v>1105</v>
      </c>
    </row>
    <row r="131" spans="1:4" ht="18" customHeight="1" x14ac:dyDescent="0.2">
      <c r="A131" s="33" t="s">
        <v>47</v>
      </c>
      <c r="B131" s="7">
        <v>1371</v>
      </c>
      <c r="C131" s="8">
        <v>1488</v>
      </c>
      <c r="D131" s="9">
        <v>285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1</v>
      </c>
      <c r="C5" s="12">
        <v>9</v>
      </c>
      <c r="D5" s="13">
        <v>20</v>
      </c>
    </row>
    <row r="6" spans="1:10" ht="18" customHeight="1" x14ac:dyDescent="0.2">
      <c r="A6" s="14">
        <v>1</v>
      </c>
      <c r="B6" s="15">
        <v>12</v>
      </c>
      <c r="C6" s="16">
        <v>11</v>
      </c>
      <c r="D6" s="17">
        <v>23</v>
      </c>
    </row>
    <row r="7" spans="1:10" ht="18" customHeight="1" x14ac:dyDescent="0.2">
      <c r="A7" s="14">
        <v>2</v>
      </c>
      <c r="B7" s="15">
        <v>10</v>
      </c>
      <c r="C7" s="16">
        <v>13</v>
      </c>
      <c r="D7" s="17">
        <v>23</v>
      </c>
    </row>
    <row r="8" spans="1:10" ht="18" customHeight="1" x14ac:dyDescent="0.2">
      <c r="A8" s="14">
        <v>3</v>
      </c>
      <c r="B8" s="15">
        <v>13</v>
      </c>
      <c r="C8" s="16">
        <v>4</v>
      </c>
      <c r="D8" s="17">
        <v>17</v>
      </c>
    </row>
    <row r="9" spans="1:10" ht="18" customHeight="1" x14ac:dyDescent="0.2">
      <c r="A9" s="14">
        <v>4</v>
      </c>
      <c r="B9" s="15">
        <v>14</v>
      </c>
      <c r="C9" s="16">
        <v>13</v>
      </c>
      <c r="D9" s="17">
        <v>27</v>
      </c>
    </row>
    <row r="10" spans="1:10" ht="18" customHeight="1" x14ac:dyDescent="0.2">
      <c r="A10" s="18" t="s">
        <v>48</v>
      </c>
      <c r="B10" s="15">
        <v>60</v>
      </c>
      <c r="C10" s="16">
        <v>50</v>
      </c>
      <c r="D10" s="17">
        <v>110</v>
      </c>
    </row>
    <row r="11" spans="1:10" ht="18" customHeight="1" x14ac:dyDescent="0.2">
      <c r="A11" s="14">
        <v>5</v>
      </c>
      <c r="B11" s="15">
        <v>8</v>
      </c>
      <c r="C11" s="16">
        <v>11</v>
      </c>
      <c r="D11" s="17">
        <v>19</v>
      </c>
    </row>
    <row r="12" spans="1:10" ht="18" customHeight="1" x14ac:dyDescent="0.2">
      <c r="A12" s="14">
        <v>6</v>
      </c>
      <c r="B12" s="15">
        <v>16</v>
      </c>
      <c r="C12" s="16">
        <v>8</v>
      </c>
      <c r="D12" s="17">
        <v>24</v>
      </c>
    </row>
    <row r="13" spans="1:10" ht="18" customHeight="1" x14ac:dyDescent="0.2">
      <c r="A13" s="14">
        <v>7</v>
      </c>
      <c r="B13" s="15">
        <v>15</v>
      </c>
      <c r="C13" s="16">
        <v>12</v>
      </c>
      <c r="D13" s="17">
        <v>27</v>
      </c>
    </row>
    <row r="14" spans="1:10" ht="18" customHeight="1" x14ac:dyDescent="0.2">
      <c r="A14" s="14">
        <v>8</v>
      </c>
      <c r="B14" s="15">
        <v>13</v>
      </c>
      <c r="C14" s="16">
        <v>10</v>
      </c>
      <c r="D14" s="17">
        <v>23</v>
      </c>
    </row>
    <row r="15" spans="1:10" ht="18" customHeight="1" x14ac:dyDescent="0.2">
      <c r="A15" s="14">
        <v>9</v>
      </c>
      <c r="B15" s="15">
        <v>10</v>
      </c>
      <c r="C15" s="16">
        <v>9</v>
      </c>
      <c r="D15" s="17">
        <v>19</v>
      </c>
    </row>
    <row r="16" spans="1:10" ht="18" customHeight="1" x14ac:dyDescent="0.2">
      <c r="A16" s="18" t="s">
        <v>49</v>
      </c>
      <c r="B16" s="15">
        <v>62</v>
      </c>
      <c r="C16" s="16">
        <v>50</v>
      </c>
      <c r="D16" s="17">
        <v>112</v>
      </c>
    </row>
    <row r="17" spans="1:4" ht="18" customHeight="1" x14ac:dyDescent="0.2">
      <c r="A17" s="14">
        <v>10</v>
      </c>
      <c r="B17" s="15">
        <v>10</v>
      </c>
      <c r="C17" s="16">
        <v>24</v>
      </c>
      <c r="D17" s="17">
        <v>34</v>
      </c>
    </row>
    <row r="18" spans="1:4" ht="18" customHeight="1" x14ac:dyDescent="0.2">
      <c r="A18" s="14">
        <v>11</v>
      </c>
      <c r="B18" s="15">
        <v>13</v>
      </c>
      <c r="C18" s="16">
        <v>6</v>
      </c>
      <c r="D18" s="17">
        <v>19</v>
      </c>
    </row>
    <row r="19" spans="1:4" ht="18" customHeight="1" x14ac:dyDescent="0.2">
      <c r="A19" s="14">
        <v>12</v>
      </c>
      <c r="B19" s="15">
        <v>12</v>
      </c>
      <c r="C19" s="16">
        <v>18</v>
      </c>
      <c r="D19" s="17">
        <v>30</v>
      </c>
    </row>
    <row r="20" spans="1:4" ht="18" customHeight="1" x14ac:dyDescent="0.2">
      <c r="A20" s="14">
        <v>13</v>
      </c>
      <c r="B20" s="15">
        <v>9</v>
      </c>
      <c r="C20" s="16">
        <v>10</v>
      </c>
      <c r="D20" s="17">
        <v>19</v>
      </c>
    </row>
    <row r="21" spans="1:4" ht="18" customHeight="1" x14ac:dyDescent="0.2">
      <c r="A21" s="14">
        <v>14</v>
      </c>
      <c r="B21" s="15">
        <v>13</v>
      </c>
      <c r="C21" s="16">
        <v>11</v>
      </c>
      <c r="D21" s="17">
        <v>24</v>
      </c>
    </row>
    <row r="22" spans="1:4" ht="18" customHeight="1" x14ac:dyDescent="0.2">
      <c r="A22" s="18" t="s">
        <v>50</v>
      </c>
      <c r="B22" s="15">
        <v>57</v>
      </c>
      <c r="C22" s="16">
        <v>69</v>
      </c>
      <c r="D22" s="17">
        <v>126</v>
      </c>
    </row>
    <row r="23" spans="1:4" ht="18" customHeight="1" x14ac:dyDescent="0.2">
      <c r="A23" s="18" t="s">
        <v>51</v>
      </c>
      <c r="B23" s="15">
        <v>179</v>
      </c>
      <c r="C23" s="16">
        <v>169</v>
      </c>
      <c r="D23" s="17">
        <v>348</v>
      </c>
    </row>
    <row r="24" spans="1:4" ht="18" customHeight="1" x14ac:dyDescent="0.2">
      <c r="A24" s="14">
        <v>15</v>
      </c>
      <c r="B24" s="15">
        <v>8</v>
      </c>
      <c r="C24" s="16">
        <v>13</v>
      </c>
      <c r="D24" s="17">
        <v>21</v>
      </c>
    </row>
    <row r="25" spans="1:4" ht="18" customHeight="1" x14ac:dyDescent="0.2">
      <c r="A25" s="14">
        <v>16</v>
      </c>
      <c r="B25" s="15">
        <v>8</v>
      </c>
      <c r="C25" s="16">
        <v>11</v>
      </c>
      <c r="D25" s="17">
        <v>19</v>
      </c>
    </row>
    <row r="26" spans="1:4" ht="18" customHeight="1" x14ac:dyDescent="0.2">
      <c r="A26" s="14">
        <v>17</v>
      </c>
      <c r="B26" s="15">
        <v>10</v>
      </c>
      <c r="C26" s="16">
        <v>8</v>
      </c>
      <c r="D26" s="17">
        <v>18</v>
      </c>
    </row>
    <row r="27" spans="1:4" ht="18" customHeight="1" x14ac:dyDescent="0.2">
      <c r="A27" s="14">
        <v>18</v>
      </c>
      <c r="B27" s="15">
        <v>8</v>
      </c>
      <c r="C27" s="16">
        <v>6</v>
      </c>
      <c r="D27" s="17">
        <v>14</v>
      </c>
    </row>
    <row r="28" spans="1:4" ht="18" customHeight="1" x14ac:dyDescent="0.2">
      <c r="A28" s="14">
        <v>19</v>
      </c>
      <c r="B28" s="15">
        <v>8</v>
      </c>
      <c r="C28" s="16">
        <v>5</v>
      </c>
      <c r="D28" s="17">
        <v>13</v>
      </c>
    </row>
    <row r="29" spans="1:4" ht="18" customHeight="1" x14ac:dyDescent="0.2">
      <c r="A29" s="18" t="s">
        <v>52</v>
      </c>
      <c r="B29" s="15">
        <v>42</v>
      </c>
      <c r="C29" s="16">
        <v>43</v>
      </c>
      <c r="D29" s="17">
        <v>85</v>
      </c>
    </row>
    <row r="30" spans="1:4" ht="18" customHeight="1" x14ac:dyDescent="0.2">
      <c r="A30" s="14">
        <v>20</v>
      </c>
      <c r="B30" s="15">
        <v>8</v>
      </c>
      <c r="C30" s="16">
        <v>10</v>
      </c>
      <c r="D30" s="17">
        <v>18</v>
      </c>
    </row>
    <row r="31" spans="1:4" ht="18" customHeight="1" x14ac:dyDescent="0.2">
      <c r="A31" s="14">
        <v>21</v>
      </c>
      <c r="B31" s="15">
        <v>15</v>
      </c>
      <c r="C31" s="16">
        <v>10</v>
      </c>
      <c r="D31" s="17">
        <v>25</v>
      </c>
    </row>
    <row r="32" spans="1:4" ht="18" customHeight="1" x14ac:dyDescent="0.2">
      <c r="A32" s="14">
        <v>22</v>
      </c>
      <c r="B32" s="15">
        <v>10</v>
      </c>
      <c r="C32" s="16">
        <v>7</v>
      </c>
      <c r="D32" s="17">
        <v>17</v>
      </c>
    </row>
    <row r="33" spans="1:4" ht="18" customHeight="1" x14ac:dyDescent="0.2">
      <c r="A33" s="14">
        <v>23</v>
      </c>
      <c r="B33" s="15">
        <v>15</v>
      </c>
      <c r="C33" s="16">
        <v>11</v>
      </c>
      <c r="D33" s="17">
        <v>26</v>
      </c>
    </row>
    <row r="34" spans="1:4" ht="18" customHeight="1" x14ac:dyDescent="0.2">
      <c r="A34" s="14">
        <v>24</v>
      </c>
      <c r="B34" s="15">
        <v>19</v>
      </c>
      <c r="C34" s="16">
        <v>8</v>
      </c>
      <c r="D34" s="17">
        <v>27</v>
      </c>
    </row>
    <row r="35" spans="1:4" ht="18" customHeight="1" x14ac:dyDescent="0.2">
      <c r="A35" s="18" t="s">
        <v>53</v>
      </c>
      <c r="B35" s="15">
        <v>67</v>
      </c>
      <c r="C35" s="16">
        <v>46</v>
      </c>
      <c r="D35" s="17">
        <v>113</v>
      </c>
    </row>
    <row r="36" spans="1:4" ht="18" customHeight="1" x14ac:dyDescent="0.2">
      <c r="A36" s="14">
        <v>25</v>
      </c>
      <c r="B36" s="15">
        <v>11</v>
      </c>
      <c r="C36" s="16">
        <v>9</v>
      </c>
      <c r="D36" s="17">
        <v>20</v>
      </c>
    </row>
    <row r="37" spans="1:4" ht="18" customHeight="1" x14ac:dyDescent="0.2">
      <c r="A37" s="14">
        <v>26</v>
      </c>
      <c r="B37" s="15">
        <v>21</v>
      </c>
      <c r="C37" s="16">
        <v>14</v>
      </c>
      <c r="D37" s="17">
        <v>35</v>
      </c>
    </row>
    <row r="38" spans="1:4" ht="18" customHeight="1" x14ac:dyDescent="0.2">
      <c r="A38" s="14">
        <v>27</v>
      </c>
      <c r="B38" s="15">
        <v>10</v>
      </c>
      <c r="C38" s="16">
        <v>10</v>
      </c>
      <c r="D38" s="17">
        <v>20</v>
      </c>
    </row>
    <row r="39" spans="1:4" ht="18" customHeight="1" x14ac:dyDescent="0.2">
      <c r="A39" s="14">
        <v>28</v>
      </c>
      <c r="B39" s="15">
        <v>13</v>
      </c>
      <c r="C39" s="16">
        <v>12</v>
      </c>
      <c r="D39" s="17">
        <v>25</v>
      </c>
    </row>
    <row r="40" spans="1:4" ht="18" customHeight="1" x14ac:dyDescent="0.2">
      <c r="A40" s="14">
        <v>29</v>
      </c>
      <c r="B40" s="15">
        <v>27</v>
      </c>
      <c r="C40" s="16">
        <v>9</v>
      </c>
      <c r="D40" s="17">
        <v>36</v>
      </c>
    </row>
    <row r="41" spans="1:4" ht="18" customHeight="1" x14ac:dyDescent="0.2">
      <c r="A41" s="18" t="s">
        <v>54</v>
      </c>
      <c r="B41" s="15">
        <v>82</v>
      </c>
      <c r="C41" s="16">
        <v>54</v>
      </c>
      <c r="D41" s="17">
        <v>136</v>
      </c>
    </row>
    <row r="42" spans="1:4" ht="18" customHeight="1" x14ac:dyDescent="0.2">
      <c r="A42" s="14">
        <v>30</v>
      </c>
      <c r="B42" s="15">
        <v>17</v>
      </c>
      <c r="C42" s="16">
        <v>11</v>
      </c>
      <c r="D42" s="17">
        <v>28</v>
      </c>
    </row>
    <row r="43" spans="1:4" ht="18" customHeight="1" x14ac:dyDescent="0.2">
      <c r="A43" s="14">
        <v>31</v>
      </c>
      <c r="B43" s="15">
        <v>14</v>
      </c>
      <c r="C43" s="16">
        <v>11</v>
      </c>
      <c r="D43" s="17">
        <v>25</v>
      </c>
    </row>
    <row r="44" spans="1:4" ht="18" customHeight="1" x14ac:dyDescent="0.2">
      <c r="A44" s="14">
        <v>32</v>
      </c>
      <c r="B44" s="15">
        <v>17</v>
      </c>
      <c r="C44" s="16">
        <v>14</v>
      </c>
      <c r="D44" s="17">
        <v>31</v>
      </c>
    </row>
    <row r="45" spans="1:4" ht="18" customHeight="1" x14ac:dyDescent="0.2">
      <c r="A45" s="14">
        <v>33</v>
      </c>
      <c r="B45" s="15">
        <v>14</v>
      </c>
      <c r="C45" s="16">
        <v>18</v>
      </c>
      <c r="D45" s="17">
        <v>32</v>
      </c>
    </row>
    <row r="46" spans="1:4" ht="18" customHeight="1" x14ac:dyDescent="0.2">
      <c r="A46" s="14">
        <v>34</v>
      </c>
      <c r="B46" s="15">
        <v>25</v>
      </c>
      <c r="C46" s="16">
        <v>21</v>
      </c>
      <c r="D46" s="17">
        <v>46</v>
      </c>
    </row>
    <row r="47" spans="1:4" ht="18" customHeight="1" x14ac:dyDescent="0.2">
      <c r="A47" s="18" t="s">
        <v>55</v>
      </c>
      <c r="B47" s="15">
        <v>87</v>
      </c>
      <c r="C47" s="16">
        <v>75</v>
      </c>
      <c r="D47" s="17">
        <v>162</v>
      </c>
    </row>
    <row r="48" spans="1:4" ht="18" customHeight="1" x14ac:dyDescent="0.2">
      <c r="A48" s="14">
        <v>35</v>
      </c>
      <c r="B48" s="15">
        <v>23</v>
      </c>
      <c r="C48" s="16">
        <v>14</v>
      </c>
      <c r="D48" s="17">
        <v>37</v>
      </c>
    </row>
    <row r="49" spans="1:4" ht="18" customHeight="1" x14ac:dyDescent="0.2">
      <c r="A49" s="14">
        <v>36</v>
      </c>
      <c r="B49" s="15">
        <v>18</v>
      </c>
      <c r="C49" s="16">
        <v>19</v>
      </c>
      <c r="D49" s="17">
        <v>37</v>
      </c>
    </row>
    <row r="50" spans="1:4" ht="18" customHeight="1" x14ac:dyDescent="0.2">
      <c r="A50" s="14">
        <v>37</v>
      </c>
      <c r="B50" s="15">
        <v>10</v>
      </c>
      <c r="C50" s="16">
        <v>15</v>
      </c>
      <c r="D50" s="17">
        <v>25</v>
      </c>
    </row>
    <row r="51" spans="1:4" ht="18" customHeight="1" x14ac:dyDescent="0.2">
      <c r="A51" s="14">
        <v>38</v>
      </c>
      <c r="B51" s="15">
        <v>20</v>
      </c>
      <c r="C51" s="16">
        <v>21</v>
      </c>
      <c r="D51" s="17">
        <v>41</v>
      </c>
    </row>
    <row r="52" spans="1:4" ht="18" customHeight="1" x14ac:dyDescent="0.2">
      <c r="A52" s="14">
        <v>39</v>
      </c>
      <c r="B52" s="15">
        <v>20</v>
      </c>
      <c r="C52" s="16">
        <v>18</v>
      </c>
      <c r="D52" s="17">
        <v>38</v>
      </c>
    </row>
    <row r="53" spans="1:4" ht="18" customHeight="1" x14ac:dyDescent="0.2">
      <c r="A53" s="18" t="s">
        <v>56</v>
      </c>
      <c r="B53" s="15">
        <v>91</v>
      </c>
      <c r="C53" s="16">
        <v>87</v>
      </c>
      <c r="D53" s="17">
        <v>178</v>
      </c>
    </row>
    <row r="54" spans="1:4" ht="18" customHeight="1" x14ac:dyDescent="0.2">
      <c r="A54" s="14">
        <v>40</v>
      </c>
      <c r="B54" s="15">
        <v>17</v>
      </c>
      <c r="C54" s="16">
        <v>20</v>
      </c>
      <c r="D54" s="17">
        <v>37</v>
      </c>
    </row>
    <row r="55" spans="1:4" ht="18" customHeight="1" x14ac:dyDescent="0.2">
      <c r="A55" s="14">
        <v>41</v>
      </c>
      <c r="B55" s="15">
        <v>18</v>
      </c>
      <c r="C55" s="16">
        <v>22</v>
      </c>
      <c r="D55" s="17">
        <v>40</v>
      </c>
    </row>
    <row r="56" spans="1:4" ht="18" customHeight="1" x14ac:dyDescent="0.2">
      <c r="A56" s="14">
        <v>42</v>
      </c>
      <c r="B56" s="15">
        <v>38</v>
      </c>
      <c r="C56" s="16">
        <v>30</v>
      </c>
      <c r="D56" s="17">
        <v>68</v>
      </c>
    </row>
    <row r="57" spans="1:4" ht="18" customHeight="1" x14ac:dyDescent="0.2">
      <c r="A57" s="14">
        <v>43</v>
      </c>
      <c r="B57" s="15">
        <v>16</v>
      </c>
      <c r="C57" s="16">
        <v>26</v>
      </c>
      <c r="D57" s="17">
        <v>42</v>
      </c>
    </row>
    <row r="58" spans="1:4" ht="18" customHeight="1" x14ac:dyDescent="0.2">
      <c r="A58" s="14">
        <v>44</v>
      </c>
      <c r="B58" s="15">
        <v>26</v>
      </c>
      <c r="C58" s="16">
        <v>38</v>
      </c>
      <c r="D58" s="17">
        <v>64</v>
      </c>
    </row>
    <row r="59" spans="1:4" ht="18" customHeight="1" x14ac:dyDescent="0.2">
      <c r="A59" s="18" t="s">
        <v>57</v>
      </c>
      <c r="B59" s="15">
        <v>115</v>
      </c>
      <c r="C59" s="16">
        <v>136</v>
      </c>
      <c r="D59" s="17">
        <v>251</v>
      </c>
    </row>
    <row r="60" spans="1:4" ht="18" customHeight="1" x14ac:dyDescent="0.2">
      <c r="A60" s="14">
        <v>45</v>
      </c>
      <c r="B60" s="15">
        <v>25</v>
      </c>
      <c r="C60" s="16">
        <v>25</v>
      </c>
      <c r="D60" s="17">
        <v>50</v>
      </c>
    </row>
    <row r="61" spans="1:4" ht="18" customHeight="1" x14ac:dyDescent="0.2">
      <c r="A61" s="14">
        <v>46</v>
      </c>
      <c r="B61" s="15">
        <v>25</v>
      </c>
      <c r="C61" s="16">
        <v>37</v>
      </c>
      <c r="D61" s="17">
        <v>62</v>
      </c>
    </row>
    <row r="62" spans="1:4" ht="18" customHeight="1" x14ac:dyDescent="0.2">
      <c r="A62" s="14">
        <v>47</v>
      </c>
      <c r="B62" s="15">
        <v>23</v>
      </c>
      <c r="C62" s="16">
        <v>26</v>
      </c>
      <c r="D62" s="17">
        <v>49</v>
      </c>
    </row>
    <row r="63" spans="1:4" ht="18" customHeight="1" x14ac:dyDescent="0.2">
      <c r="A63" s="14">
        <v>48</v>
      </c>
      <c r="B63" s="15">
        <v>21</v>
      </c>
      <c r="C63" s="16">
        <v>23</v>
      </c>
      <c r="D63" s="17">
        <v>44</v>
      </c>
    </row>
    <row r="64" spans="1:4" ht="18" customHeight="1" x14ac:dyDescent="0.2">
      <c r="A64" s="14">
        <v>49</v>
      </c>
      <c r="B64" s="15">
        <v>26</v>
      </c>
      <c r="C64" s="16">
        <v>20</v>
      </c>
      <c r="D64" s="17">
        <v>46</v>
      </c>
    </row>
    <row r="65" spans="1:4" ht="18" customHeight="1" x14ac:dyDescent="0.2">
      <c r="A65" s="18" t="s">
        <v>58</v>
      </c>
      <c r="B65" s="15">
        <v>120</v>
      </c>
      <c r="C65" s="16">
        <v>131</v>
      </c>
      <c r="D65" s="17">
        <v>251</v>
      </c>
    </row>
    <row r="66" spans="1:4" ht="18" customHeight="1" x14ac:dyDescent="0.2">
      <c r="A66" s="14">
        <v>50</v>
      </c>
      <c r="B66" s="15">
        <v>23</v>
      </c>
      <c r="C66" s="16">
        <v>21</v>
      </c>
      <c r="D66" s="17">
        <v>44</v>
      </c>
    </row>
    <row r="67" spans="1:4" ht="18" customHeight="1" x14ac:dyDescent="0.2">
      <c r="A67" s="14">
        <v>51</v>
      </c>
      <c r="B67" s="15">
        <v>31</v>
      </c>
      <c r="C67" s="16">
        <v>32</v>
      </c>
      <c r="D67" s="17">
        <v>63</v>
      </c>
    </row>
    <row r="68" spans="1:4" ht="18" customHeight="1" x14ac:dyDescent="0.2">
      <c r="A68" s="14">
        <v>52</v>
      </c>
      <c r="B68" s="15">
        <v>14</v>
      </c>
      <c r="C68" s="16">
        <v>17</v>
      </c>
      <c r="D68" s="17">
        <v>31</v>
      </c>
    </row>
    <row r="69" spans="1:4" ht="18" customHeight="1" x14ac:dyDescent="0.2">
      <c r="A69" s="14">
        <v>53</v>
      </c>
      <c r="B69" s="15">
        <v>33</v>
      </c>
      <c r="C69" s="16">
        <v>40</v>
      </c>
      <c r="D69" s="17">
        <v>73</v>
      </c>
    </row>
    <row r="70" spans="1:4" ht="18" customHeight="1" x14ac:dyDescent="0.2">
      <c r="A70" s="14">
        <v>54</v>
      </c>
      <c r="B70" s="15">
        <v>30</v>
      </c>
      <c r="C70" s="16">
        <v>28</v>
      </c>
      <c r="D70" s="17">
        <v>58</v>
      </c>
    </row>
    <row r="71" spans="1:4" ht="18" customHeight="1" x14ac:dyDescent="0.2">
      <c r="A71" s="18" t="s">
        <v>59</v>
      </c>
      <c r="B71" s="15">
        <v>131</v>
      </c>
      <c r="C71" s="16">
        <v>138</v>
      </c>
      <c r="D71" s="17">
        <v>269</v>
      </c>
    </row>
    <row r="72" spans="1:4" ht="18" customHeight="1" x14ac:dyDescent="0.2">
      <c r="A72" s="14">
        <v>55</v>
      </c>
      <c r="B72" s="15">
        <v>21</v>
      </c>
      <c r="C72" s="16">
        <v>26</v>
      </c>
      <c r="D72" s="17">
        <v>47</v>
      </c>
    </row>
    <row r="73" spans="1:4" ht="18" customHeight="1" x14ac:dyDescent="0.2">
      <c r="A73" s="14">
        <v>56</v>
      </c>
      <c r="B73" s="15">
        <v>13</v>
      </c>
      <c r="C73" s="16">
        <v>21</v>
      </c>
      <c r="D73" s="17">
        <v>34</v>
      </c>
    </row>
    <row r="74" spans="1:4" ht="18" customHeight="1" x14ac:dyDescent="0.2">
      <c r="A74" s="14">
        <v>57</v>
      </c>
      <c r="B74" s="15">
        <v>17</v>
      </c>
      <c r="C74" s="16">
        <v>23</v>
      </c>
      <c r="D74" s="17">
        <v>40</v>
      </c>
    </row>
    <row r="75" spans="1:4" ht="18" customHeight="1" x14ac:dyDescent="0.2">
      <c r="A75" s="14">
        <v>58</v>
      </c>
      <c r="B75" s="15">
        <v>19</v>
      </c>
      <c r="C75" s="16">
        <v>31</v>
      </c>
      <c r="D75" s="17">
        <v>50</v>
      </c>
    </row>
    <row r="76" spans="1:4" ht="18" customHeight="1" x14ac:dyDescent="0.2">
      <c r="A76" s="14">
        <v>59</v>
      </c>
      <c r="B76" s="15">
        <v>23</v>
      </c>
      <c r="C76" s="16">
        <v>26</v>
      </c>
      <c r="D76" s="17">
        <v>49</v>
      </c>
    </row>
    <row r="77" spans="1:4" ht="18" customHeight="1" x14ac:dyDescent="0.2">
      <c r="A77" s="18" t="s">
        <v>60</v>
      </c>
      <c r="B77" s="15">
        <v>93</v>
      </c>
      <c r="C77" s="16">
        <v>127</v>
      </c>
      <c r="D77" s="17">
        <v>220</v>
      </c>
    </row>
    <row r="78" spans="1:4" ht="18" customHeight="1" x14ac:dyDescent="0.2">
      <c r="A78" s="14">
        <v>60</v>
      </c>
      <c r="B78" s="15">
        <v>18</v>
      </c>
      <c r="C78" s="16">
        <v>34</v>
      </c>
      <c r="D78" s="17">
        <v>52</v>
      </c>
    </row>
    <row r="79" spans="1:4" ht="18" customHeight="1" x14ac:dyDescent="0.2">
      <c r="A79" s="14">
        <v>61</v>
      </c>
      <c r="B79" s="15">
        <v>29</v>
      </c>
      <c r="C79" s="16">
        <v>24</v>
      </c>
      <c r="D79" s="17">
        <v>53</v>
      </c>
    </row>
    <row r="80" spans="1:4" ht="18" customHeight="1" x14ac:dyDescent="0.2">
      <c r="A80" s="14">
        <v>62</v>
      </c>
      <c r="B80" s="15">
        <v>22</v>
      </c>
      <c r="C80" s="16">
        <v>18</v>
      </c>
      <c r="D80" s="17">
        <v>40</v>
      </c>
    </row>
    <row r="81" spans="1:4" ht="18" customHeight="1" x14ac:dyDescent="0.2">
      <c r="A81" s="14">
        <v>63</v>
      </c>
      <c r="B81" s="15">
        <v>26</v>
      </c>
      <c r="C81" s="16">
        <v>22</v>
      </c>
      <c r="D81" s="17">
        <v>48</v>
      </c>
    </row>
    <row r="82" spans="1:4" ht="18" customHeight="1" x14ac:dyDescent="0.2">
      <c r="A82" s="14">
        <v>64</v>
      </c>
      <c r="B82" s="15">
        <v>20</v>
      </c>
      <c r="C82" s="16">
        <v>23</v>
      </c>
      <c r="D82" s="17">
        <v>43</v>
      </c>
    </row>
    <row r="83" spans="1:4" ht="18" customHeight="1" x14ac:dyDescent="0.2">
      <c r="A83" s="18" t="s">
        <v>61</v>
      </c>
      <c r="B83" s="15">
        <v>115</v>
      </c>
      <c r="C83" s="16">
        <v>121</v>
      </c>
      <c r="D83" s="17">
        <v>236</v>
      </c>
    </row>
    <row r="84" spans="1:4" ht="18" customHeight="1" x14ac:dyDescent="0.2">
      <c r="A84" s="18" t="s">
        <v>62</v>
      </c>
      <c r="B84" s="15">
        <v>943</v>
      </c>
      <c r="C84" s="16">
        <v>958</v>
      </c>
      <c r="D84" s="17">
        <v>1901</v>
      </c>
    </row>
    <row r="85" spans="1:4" ht="18" customHeight="1" x14ac:dyDescent="0.2">
      <c r="A85" s="14">
        <v>65</v>
      </c>
      <c r="B85" s="15">
        <v>24</v>
      </c>
      <c r="C85" s="16">
        <v>17</v>
      </c>
      <c r="D85" s="17">
        <v>41</v>
      </c>
    </row>
    <row r="86" spans="1:4" ht="18" customHeight="1" x14ac:dyDescent="0.2">
      <c r="A86" s="14">
        <v>66</v>
      </c>
      <c r="B86" s="15">
        <v>26</v>
      </c>
      <c r="C86" s="16">
        <v>29</v>
      </c>
      <c r="D86" s="17">
        <v>55</v>
      </c>
    </row>
    <row r="87" spans="1:4" ht="18" customHeight="1" x14ac:dyDescent="0.2">
      <c r="A87" s="14">
        <v>67</v>
      </c>
      <c r="B87" s="15">
        <v>20</v>
      </c>
      <c r="C87" s="16">
        <v>27</v>
      </c>
      <c r="D87" s="17">
        <v>47</v>
      </c>
    </row>
    <row r="88" spans="1:4" ht="18" customHeight="1" x14ac:dyDescent="0.2">
      <c r="A88" s="14">
        <v>68</v>
      </c>
      <c r="B88" s="15">
        <v>22</v>
      </c>
      <c r="C88" s="16">
        <v>33</v>
      </c>
      <c r="D88" s="17">
        <v>55</v>
      </c>
    </row>
    <row r="89" spans="1:4" ht="18" customHeight="1" x14ac:dyDescent="0.2">
      <c r="A89" s="14">
        <v>69</v>
      </c>
      <c r="B89" s="15">
        <v>32</v>
      </c>
      <c r="C89" s="16">
        <v>28</v>
      </c>
      <c r="D89" s="17">
        <v>60</v>
      </c>
    </row>
    <row r="90" spans="1:4" ht="18" customHeight="1" x14ac:dyDescent="0.2">
      <c r="A90" s="18" t="s">
        <v>63</v>
      </c>
      <c r="B90" s="15">
        <v>124</v>
      </c>
      <c r="C90" s="16">
        <v>134</v>
      </c>
      <c r="D90" s="17">
        <v>258</v>
      </c>
    </row>
    <row r="91" spans="1:4" ht="18" customHeight="1" x14ac:dyDescent="0.2">
      <c r="A91" s="14">
        <v>70</v>
      </c>
      <c r="B91" s="15">
        <v>31</v>
      </c>
      <c r="C91" s="16">
        <v>40</v>
      </c>
      <c r="D91" s="17">
        <v>71</v>
      </c>
    </row>
    <row r="92" spans="1:4" ht="18" customHeight="1" x14ac:dyDescent="0.2">
      <c r="A92" s="14">
        <v>71</v>
      </c>
      <c r="B92" s="15">
        <v>22</v>
      </c>
      <c r="C92" s="16">
        <v>23</v>
      </c>
      <c r="D92" s="17">
        <v>45</v>
      </c>
    </row>
    <row r="93" spans="1:4" ht="18" customHeight="1" x14ac:dyDescent="0.2">
      <c r="A93" s="14">
        <v>72</v>
      </c>
      <c r="B93" s="15">
        <v>10</v>
      </c>
      <c r="C93" s="16">
        <v>32</v>
      </c>
      <c r="D93" s="17">
        <v>42</v>
      </c>
    </row>
    <row r="94" spans="1:4" ht="18" customHeight="1" x14ac:dyDescent="0.2">
      <c r="A94" s="14">
        <v>73</v>
      </c>
      <c r="B94" s="15">
        <v>16</v>
      </c>
      <c r="C94" s="16">
        <v>15</v>
      </c>
      <c r="D94" s="17">
        <v>31</v>
      </c>
    </row>
    <row r="95" spans="1:4" ht="18" customHeight="1" x14ac:dyDescent="0.2">
      <c r="A95" s="14">
        <v>74</v>
      </c>
      <c r="B95" s="15">
        <v>23</v>
      </c>
      <c r="C95" s="16">
        <v>20</v>
      </c>
      <c r="D95" s="17">
        <v>43</v>
      </c>
    </row>
    <row r="96" spans="1:4" ht="18" customHeight="1" x14ac:dyDescent="0.2">
      <c r="A96" s="18" t="s">
        <v>64</v>
      </c>
      <c r="B96" s="15">
        <v>102</v>
      </c>
      <c r="C96" s="16">
        <v>130</v>
      </c>
      <c r="D96" s="17">
        <v>232</v>
      </c>
    </row>
    <row r="97" spans="1:4" ht="18" customHeight="1" x14ac:dyDescent="0.2">
      <c r="A97" s="14">
        <v>75</v>
      </c>
      <c r="B97" s="15">
        <v>21</v>
      </c>
      <c r="C97" s="16">
        <v>24</v>
      </c>
      <c r="D97" s="17">
        <v>45</v>
      </c>
    </row>
    <row r="98" spans="1:4" ht="18" customHeight="1" x14ac:dyDescent="0.2">
      <c r="A98" s="14">
        <v>76</v>
      </c>
      <c r="B98" s="15">
        <v>22</v>
      </c>
      <c r="C98" s="16">
        <v>28</v>
      </c>
      <c r="D98" s="17">
        <v>50</v>
      </c>
    </row>
    <row r="99" spans="1:4" ht="18" customHeight="1" x14ac:dyDescent="0.2">
      <c r="A99" s="14">
        <v>77</v>
      </c>
      <c r="B99" s="15">
        <v>17</v>
      </c>
      <c r="C99" s="16">
        <v>30</v>
      </c>
      <c r="D99" s="17">
        <v>47</v>
      </c>
    </row>
    <row r="100" spans="1:4" ht="18" customHeight="1" x14ac:dyDescent="0.2">
      <c r="A100" s="14">
        <v>78</v>
      </c>
      <c r="B100" s="15">
        <v>13</v>
      </c>
      <c r="C100" s="16">
        <v>35</v>
      </c>
      <c r="D100" s="17">
        <v>48</v>
      </c>
    </row>
    <row r="101" spans="1:4" ht="18" customHeight="1" x14ac:dyDescent="0.2">
      <c r="A101" s="14">
        <v>79</v>
      </c>
      <c r="B101" s="15">
        <v>18</v>
      </c>
      <c r="C101" s="16">
        <v>31</v>
      </c>
      <c r="D101" s="17">
        <v>49</v>
      </c>
    </row>
    <row r="102" spans="1:4" ht="18" customHeight="1" x14ac:dyDescent="0.2">
      <c r="A102" s="18" t="s">
        <v>65</v>
      </c>
      <c r="B102" s="15">
        <v>91</v>
      </c>
      <c r="C102" s="16">
        <v>148</v>
      </c>
      <c r="D102" s="17">
        <v>239</v>
      </c>
    </row>
    <row r="103" spans="1:4" ht="18" customHeight="1" x14ac:dyDescent="0.2">
      <c r="A103" s="14">
        <v>80</v>
      </c>
      <c r="B103" s="15">
        <v>15</v>
      </c>
      <c r="C103" s="16">
        <v>24</v>
      </c>
      <c r="D103" s="17">
        <v>39</v>
      </c>
    </row>
    <row r="104" spans="1:4" ht="18" customHeight="1" x14ac:dyDescent="0.2">
      <c r="A104" s="14">
        <v>81</v>
      </c>
      <c r="B104" s="15">
        <v>18</v>
      </c>
      <c r="C104" s="16">
        <v>21</v>
      </c>
      <c r="D104" s="17">
        <v>39</v>
      </c>
    </row>
    <row r="105" spans="1:4" ht="18" customHeight="1" x14ac:dyDescent="0.2">
      <c r="A105" s="14">
        <v>82</v>
      </c>
      <c r="B105" s="15">
        <v>21</v>
      </c>
      <c r="C105" s="16">
        <v>20</v>
      </c>
      <c r="D105" s="17">
        <v>41</v>
      </c>
    </row>
    <row r="106" spans="1:4" ht="18" customHeight="1" x14ac:dyDescent="0.2">
      <c r="A106" s="14">
        <v>83</v>
      </c>
      <c r="B106" s="15">
        <v>14</v>
      </c>
      <c r="C106" s="16">
        <v>33</v>
      </c>
      <c r="D106" s="17">
        <v>47</v>
      </c>
    </row>
    <row r="107" spans="1:4" ht="18" customHeight="1" x14ac:dyDescent="0.2">
      <c r="A107" s="14">
        <v>84</v>
      </c>
      <c r="B107" s="15">
        <v>11</v>
      </c>
      <c r="C107" s="16">
        <v>22</v>
      </c>
      <c r="D107" s="17">
        <v>33</v>
      </c>
    </row>
    <row r="108" spans="1:4" ht="18" customHeight="1" x14ac:dyDescent="0.2">
      <c r="A108" s="18" t="s">
        <v>66</v>
      </c>
      <c r="B108" s="15">
        <v>79</v>
      </c>
      <c r="C108" s="16">
        <v>120</v>
      </c>
      <c r="D108" s="17">
        <v>199</v>
      </c>
    </row>
    <row r="109" spans="1:4" ht="18" customHeight="1" x14ac:dyDescent="0.2">
      <c r="A109" s="14">
        <v>85</v>
      </c>
      <c r="B109" s="15">
        <v>17</v>
      </c>
      <c r="C109" s="16">
        <v>20</v>
      </c>
      <c r="D109" s="17">
        <v>37</v>
      </c>
    </row>
    <row r="110" spans="1:4" ht="18" customHeight="1" x14ac:dyDescent="0.2">
      <c r="A110" s="14">
        <v>86</v>
      </c>
      <c r="B110" s="15">
        <v>12</v>
      </c>
      <c r="C110" s="16">
        <v>25</v>
      </c>
      <c r="D110" s="17">
        <v>37</v>
      </c>
    </row>
    <row r="111" spans="1:4" ht="18" customHeight="1" x14ac:dyDescent="0.2">
      <c r="A111" s="14">
        <v>87</v>
      </c>
      <c r="B111" s="15">
        <v>6</v>
      </c>
      <c r="C111" s="16">
        <v>26</v>
      </c>
      <c r="D111" s="17">
        <v>32</v>
      </c>
    </row>
    <row r="112" spans="1:4" ht="18" customHeight="1" x14ac:dyDescent="0.2">
      <c r="A112" s="14">
        <v>88</v>
      </c>
      <c r="B112" s="15">
        <v>9</v>
      </c>
      <c r="C112" s="16">
        <v>17</v>
      </c>
      <c r="D112" s="17">
        <v>26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52</v>
      </c>
      <c r="C114" s="16">
        <v>107</v>
      </c>
      <c r="D114" s="17">
        <v>159</v>
      </c>
    </row>
    <row r="115" spans="1:4" ht="18" customHeight="1" x14ac:dyDescent="0.2">
      <c r="A115" s="14">
        <v>90</v>
      </c>
      <c r="B115" s="15">
        <v>2</v>
      </c>
      <c r="C115" s="16">
        <v>14</v>
      </c>
      <c r="D115" s="17">
        <v>16</v>
      </c>
    </row>
    <row r="116" spans="1:4" ht="18" customHeight="1" x14ac:dyDescent="0.2">
      <c r="A116" s="14">
        <v>91</v>
      </c>
      <c r="B116" s="15">
        <v>11</v>
      </c>
      <c r="C116" s="16">
        <v>16</v>
      </c>
      <c r="D116" s="17">
        <v>27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20</v>
      </c>
      <c r="C120" s="16">
        <v>53</v>
      </c>
      <c r="D120" s="17">
        <v>73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6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70</v>
      </c>
      <c r="C130" s="5">
        <v>711</v>
      </c>
      <c r="D130" s="6">
        <v>1181</v>
      </c>
    </row>
    <row r="131" spans="1:4" ht="18" customHeight="1" x14ac:dyDescent="0.2">
      <c r="A131" s="20" t="s">
        <v>47</v>
      </c>
      <c r="B131" s="7">
        <v>1592</v>
      </c>
      <c r="C131" s="8">
        <v>1838</v>
      </c>
      <c r="D131" s="9">
        <v>343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10" ht="18" customHeight="1" x14ac:dyDescent="0.2">
      <c r="A10" s="31" t="s">
        <v>48</v>
      </c>
      <c r="B10" s="27">
        <v>4</v>
      </c>
      <c r="C10" s="28">
        <v>6</v>
      </c>
      <c r="D10" s="29">
        <v>10</v>
      </c>
    </row>
    <row r="11" spans="1:10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10" ht="18" customHeight="1" x14ac:dyDescent="0.2">
      <c r="A12" s="31">
        <v>6</v>
      </c>
      <c r="B12" s="35">
        <v>0</v>
      </c>
      <c r="C12" s="28">
        <v>2</v>
      </c>
      <c r="D12" s="29">
        <v>2</v>
      </c>
    </row>
    <row r="13" spans="1:10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2</v>
      </c>
      <c r="D14" s="29">
        <v>4</v>
      </c>
    </row>
    <row r="15" spans="1:10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10" ht="18" customHeight="1" x14ac:dyDescent="0.2">
      <c r="A16" s="31" t="s">
        <v>49</v>
      </c>
      <c r="B16" s="27">
        <v>5</v>
      </c>
      <c r="C16" s="28">
        <v>6</v>
      </c>
      <c r="D16" s="29">
        <v>11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4</v>
      </c>
      <c r="D18" s="29">
        <v>5</v>
      </c>
    </row>
    <row r="19" spans="1:4" ht="18" customHeight="1" x14ac:dyDescent="0.2">
      <c r="A19" s="31">
        <v>12</v>
      </c>
      <c r="B19" s="27">
        <v>4</v>
      </c>
      <c r="C19" s="28">
        <v>3</v>
      </c>
      <c r="D19" s="29">
        <v>7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10</v>
      </c>
      <c r="C22" s="28">
        <v>11</v>
      </c>
      <c r="D22" s="29">
        <v>21</v>
      </c>
    </row>
    <row r="23" spans="1:4" ht="18" customHeight="1" x14ac:dyDescent="0.2">
      <c r="A23" s="31" t="s">
        <v>51</v>
      </c>
      <c r="B23" s="27">
        <v>19</v>
      </c>
      <c r="C23" s="28">
        <v>23</v>
      </c>
      <c r="D23" s="29">
        <v>42</v>
      </c>
    </row>
    <row r="24" spans="1:4" ht="18" customHeight="1" x14ac:dyDescent="0.2">
      <c r="A24" s="31">
        <v>15</v>
      </c>
      <c r="B24" s="27">
        <v>2</v>
      </c>
      <c r="C24" s="28">
        <v>4</v>
      </c>
      <c r="D24" s="29">
        <v>6</v>
      </c>
    </row>
    <row r="25" spans="1:4" ht="18" customHeight="1" x14ac:dyDescent="0.2">
      <c r="A25" s="31">
        <v>16</v>
      </c>
      <c r="B25" s="27">
        <v>5</v>
      </c>
      <c r="C25" s="28">
        <v>2</v>
      </c>
      <c r="D25" s="29">
        <v>7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10</v>
      </c>
      <c r="C29" s="28">
        <v>9</v>
      </c>
      <c r="D29" s="29">
        <v>19</v>
      </c>
    </row>
    <row r="30" spans="1:4" ht="18" customHeight="1" x14ac:dyDescent="0.2">
      <c r="A30" s="31">
        <v>20</v>
      </c>
      <c r="B30" s="27">
        <v>0</v>
      </c>
      <c r="C30" s="28">
        <v>3</v>
      </c>
      <c r="D30" s="29">
        <v>3</v>
      </c>
    </row>
    <row r="31" spans="1:4" ht="18" customHeight="1" x14ac:dyDescent="0.2">
      <c r="A31" s="31">
        <v>21</v>
      </c>
      <c r="B31" s="27">
        <v>4</v>
      </c>
      <c r="C31" s="28">
        <v>0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5</v>
      </c>
      <c r="C33" s="28">
        <v>1</v>
      </c>
      <c r="D33" s="29">
        <v>6</v>
      </c>
    </row>
    <row r="34" spans="1:4" ht="18" customHeight="1" x14ac:dyDescent="0.2">
      <c r="A34" s="31">
        <v>24</v>
      </c>
      <c r="B34" s="27">
        <v>4</v>
      </c>
      <c r="C34" s="28">
        <v>2</v>
      </c>
      <c r="D34" s="29">
        <v>6</v>
      </c>
    </row>
    <row r="35" spans="1:4" ht="18" customHeight="1" x14ac:dyDescent="0.2">
      <c r="A35" s="31" t="s">
        <v>53</v>
      </c>
      <c r="B35" s="27">
        <v>15</v>
      </c>
      <c r="C35" s="28">
        <v>8</v>
      </c>
      <c r="D35" s="29">
        <v>23</v>
      </c>
    </row>
    <row r="36" spans="1:4" ht="18" customHeight="1" x14ac:dyDescent="0.2">
      <c r="A36" s="31">
        <v>25</v>
      </c>
      <c r="B36" s="27">
        <v>6</v>
      </c>
      <c r="C36" s="28">
        <v>2</v>
      </c>
      <c r="D36" s="29">
        <v>8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4</v>
      </c>
      <c r="C39" s="28">
        <v>2</v>
      </c>
      <c r="D39" s="29">
        <v>6</v>
      </c>
    </row>
    <row r="40" spans="1:4" ht="18" customHeight="1" x14ac:dyDescent="0.2">
      <c r="A40" s="31">
        <v>29</v>
      </c>
      <c r="B40" s="27">
        <v>2</v>
      </c>
      <c r="C40" s="28">
        <v>7</v>
      </c>
      <c r="D40" s="29">
        <v>9</v>
      </c>
    </row>
    <row r="41" spans="1:4" ht="18" customHeight="1" x14ac:dyDescent="0.2">
      <c r="A41" s="31" t="s">
        <v>54</v>
      </c>
      <c r="B41" s="27">
        <v>15</v>
      </c>
      <c r="C41" s="28">
        <v>15</v>
      </c>
      <c r="D41" s="29">
        <v>30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5</v>
      </c>
      <c r="C44" s="28">
        <v>3</v>
      </c>
      <c r="D44" s="29">
        <v>8</v>
      </c>
    </row>
    <row r="45" spans="1:4" ht="18" customHeight="1" x14ac:dyDescent="0.2">
      <c r="A45" s="31">
        <v>33</v>
      </c>
      <c r="B45" s="27">
        <v>2</v>
      </c>
      <c r="C45" s="28">
        <v>2</v>
      </c>
      <c r="D45" s="29">
        <v>4</v>
      </c>
    </row>
    <row r="46" spans="1:4" ht="18" customHeight="1" x14ac:dyDescent="0.2">
      <c r="A46" s="31">
        <v>34</v>
      </c>
      <c r="B46" s="27">
        <v>5</v>
      </c>
      <c r="C46" s="28">
        <v>3</v>
      </c>
      <c r="D46" s="29">
        <v>8</v>
      </c>
    </row>
    <row r="47" spans="1:4" ht="18" customHeight="1" x14ac:dyDescent="0.2">
      <c r="A47" s="31" t="s">
        <v>55</v>
      </c>
      <c r="B47" s="27">
        <v>16</v>
      </c>
      <c r="C47" s="28">
        <v>11</v>
      </c>
      <c r="D47" s="29">
        <v>27</v>
      </c>
    </row>
    <row r="48" spans="1:4" ht="18" customHeight="1" x14ac:dyDescent="0.2">
      <c r="A48" s="31">
        <v>35</v>
      </c>
      <c r="B48" s="27">
        <v>5</v>
      </c>
      <c r="C48" s="28">
        <v>2</v>
      </c>
      <c r="D48" s="29">
        <v>7</v>
      </c>
    </row>
    <row r="49" spans="1:4" ht="18" customHeight="1" x14ac:dyDescent="0.2">
      <c r="A49" s="31">
        <v>36</v>
      </c>
      <c r="B49" s="27">
        <v>0</v>
      </c>
      <c r="C49" s="28">
        <v>6</v>
      </c>
      <c r="D49" s="29">
        <v>6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11</v>
      </c>
      <c r="C53" s="28">
        <v>13</v>
      </c>
      <c r="D53" s="29">
        <v>24</v>
      </c>
    </row>
    <row r="54" spans="1:4" ht="18" customHeight="1" x14ac:dyDescent="0.2">
      <c r="A54" s="31">
        <v>40</v>
      </c>
      <c r="B54" s="27">
        <v>3</v>
      </c>
      <c r="C54" s="28">
        <v>6</v>
      </c>
      <c r="D54" s="29">
        <v>9</v>
      </c>
    </row>
    <row r="55" spans="1:4" ht="18" customHeight="1" x14ac:dyDescent="0.2">
      <c r="A55" s="31">
        <v>41</v>
      </c>
      <c r="B55" s="27">
        <v>6</v>
      </c>
      <c r="C55" s="28">
        <v>5</v>
      </c>
      <c r="D55" s="29">
        <v>11</v>
      </c>
    </row>
    <row r="56" spans="1:4" ht="18" customHeight="1" x14ac:dyDescent="0.2">
      <c r="A56" s="31">
        <v>42</v>
      </c>
      <c r="B56" s="27">
        <v>4</v>
      </c>
      <c r="C56" s="28">
        <v>1</v>
      </c>
      <c r="D56" s="29">
        <v>5</v>
      </c>
    </row>
    <row r="57" spans="1:4" ht="18" customHeight="1" x14ac:dyDescent="0.2">
      <c r="A57" s="31">
        <v>43</v>
      </c>
      <c r="B57" s="27">
        <v>11</v>
      </c>
      <c r="C57" s="28">
        <v>2</v>
      </c>
      <c r="D57" s="29">
        <v>13</v>
      </c>
    </row>
    <row r="58" spans="1:4" ht="18" customHeight="1" x14ac:dyDescent="0.2">
      <c r="A58" s="31">
        <v>44</v>
      </c>
      <c r="B58" s="27">
        <v>2</v>
      </c>
      <c r="C58" s="28">
        <v>4</v>
      </c>
      <c r="D58" s="29">
        <v>6</v>
      </c>
    </row>
    <row r="59" spans="1:4" ht="18" customHeight="1" x14ac:dyDescent="0.2">
      <c r="A59" s="31" t="s">
        <v>57</v>
      </c>
      <c r="B59" s="27">
        <v>26</v>
      </c>
      <c r="C59" s="28">
        <v>18</v>
      </c>
      <c r="D59" s="29">
        <v>44</v>
      </c>
    </row>
    <row r="60" spans="1:4" ht="18" customHeight="1" x14ac:dyDescent="0.2">
      <c r="A60" s="31">
        <v>45</v>
      </c>
      <c r="B60" s="27">
        <v>9</v>
      </c>
      <c r="C60" s="28">
        <v>5</v>
      </c>
      <c r="D60" s="29">
        <v>14</v>
      </c>
    </row>
    <row r="61" spans="1:4" ht="18" customHeight="1" x14ac:dyDescent="0.2">
      <c r="A61" s="31">
        <v>46</v>
      </c>
      <c r="B61" s="27">
        <v>3</v>
      </c>
      <c r="C61" s="28">
        <v>9</v>
      </c>
      <c r="D61" s="29">
        <v>12</v>
      </c>
    </row>
    <row r="62" spans="1:4" ht="18" customHeight="1" x14ac:dyDescent="0.2">
      <c r="A62" s="31">
        <v>47</v>
      </c>
      <c r="B62" s="27">
        <v>9</v>
      </c>
      <c r="C62" s="28">
        <v>3</v>
      </c>
      <c r="D62" s="29">
        <v>12</v>
      </c>
    </row>
    <row r="63" spans="1:4" ht="18" customHeight="1" x14ac:dyDescent="0.2">
      <c r="A63" s="31">
        <v>48</v>
      </c>
      <c r="B63" s="27">
        <v>4</v>
      </c>
      <c r="C63" s="28">
        <v>4</v>
      </c>
      <c r="D63" s="29">
        <v>8</v>
      </c>
    </row>
    <row r="64" spans="1:4" ht="18" customHeight="1" x14ac:dyDescent="0.2">
      <c r="A64" s="31">
        <v>49</v>
      </c>
      <c r="B64" s="27">
        <v>3</v>
      </c>
      <c r="C64" s="28">
        <v>5</v>
      </c>
      <c r="D64" s="29">
        <v>8</v>
      </c>
    </row>
    <row r="65" spans="1:4" ht="18" customHeight="1" x14ac:dyDescent="0.2">
      <c r="A65" s="31" t="s">
        <v>58</v>
      </c>
      <c r="B65" s="27">
        <v>28</v>
      </c>
      <c r="C65" s="28">
        <v>26</v>
      </c>
      <c r="D65" s="29">
        <v>54</v>
      </c>
    </row>
    <row r="66" spans="1:4" ht="18" customHeight="1" x14ac:dyDescent="0.2">
      <c r="A66" s="31">
        <v>50</v>
      </c>
      <c r="B66" s="27">
        <v>9</v>
      </c>
      <c r="C66" s="28">
        <v>6</v>
      </c>
      <c r="D66" s="29">
        <v>15</v>
      </c>
    </row>
    <row r="67" spans="1:4" ht="18" customHeight="1" x14ac:dyDescent="0.2">
      <c r="A67" s="31">
        <v>51</v>
      </c>
      <c r="B67" s="27">
        <v>3</v>
      </c>
      <c r="C67" s="28">
        <v>3</v>
      </c>
      <c r="D67" s="29">
        <v>6</v>
      </c>
    </row>
    <row r="68" spans="1:4" ht="18" customHeight="1" x14ac:dyDescent="0.2">
      <c r="A68" s="31">
        <v>52</v>
      </c>
      <c r="B68" s="27">
        <v>0</v>
      </c>
      <c r="C68" s="28">
        <v>3</v>
      </c>
      <c r="D68" s="29">
        <v>3</v>
      </c>
    </row>
    <row r="69" spans="1:4" ht="18" customHeight="1" x14ac:dyDescent="0.2">
      <c r="A69" s="31">
        <v>53</v>
      </c>
      <c r="B69" s="27">
        <v>1</v>
      </c>
      <c r="C69" s="28">
        <v>6</v>
      </c>
      <c r="D69" s="29">
        <v>7</v>
      </c>
    </row>
    <row r="70" spans="1:4" ht="18" customHeight="1" x14ac:dyDescent="0.2">
      <c r="A70" s="31">
        <v>54</v>
      </c>
      <c r="B70" s="27">
        <v>2</v>
      </c>
      <c r="C70" s="28">
        <v>5</v>
      </c>
      <c r="D70" s="29">
        <v>7</v>
      </c>
    </row>
    <row r="71" spans="1:4" ht="18" customHeight="1" x14ac:dyDescent="0.2">
      <c r="A71" s="31" t="s">
        <v>59</v>
      </c>
      <c r="B71" s="27">
        <v>15</v>
      </c>
      <c r="C71" s="28">
        <v>23</v>
      </c>
      <c r="D71" s="29">
        <v>38</v>
      </c>
    </row>
    <row r="72" spans="1:4" ht="18" customHeight="1" x14ac:dyDescent="0.2">
      <c r="A72" s="31">
        <v>55</v>
      </c>
      <c r="B72" s="27">
        <v>8</v>
      </c>
      <c r="C72" s="28">
        <v>4</v>
      </c>
      <c r="D72" s="29">
        <v>12</v>
      </c>
    </row>
    <row r="73" spans="1:4" ht="18" customHeight="1" x14ac:dyDescent="0.2">
      <c r="A73" s="31">
        <v>56</v>
      </c>
      <c r="B73" s="27">
        <v>8</v>
      </c>
      <c r="C73" s="28">
        <v>8</v>
      </c>
      <c r="D73" s="29">
        <v>16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5</v>
      </c>
      <c r="C75" s="28">
        <v>5</v>
      </c>
      <c r="D75" s="29">
        <v>10</v>
      </c>
    </row>
    <row r="76" spans="1:4" ht="18" customHeight="1" x14ac:dyDescent="0.2">
      <c r="A76" s="31">
        <v>59</v>
      </c>
      <c r="B76" s="27">
        <v>11</v>
      </c>
      <c r="C76" s="28">
        <v>10</v>
      </c>
      <c r="D76" s="29">
        <v>21</v>
      </c>
    </row>
    <row r="77" spans="1:4" ht="18" customHeight="1" x14ac:dyDescent="0.2">
      <c r="A77" s="31" t="s">
        <v>60</v>
      </c>
      <c r="B77" s="27">
        <v>37</v>
      </c>
      <c r="C77" s="28">
        <v>34</v>
      </c>
      <c r="D77" s="29">
        <v>71</v>
      </c>
    </row>
    <row r="78" spans="1:4" ht="18" customHeight="1" x14ac:dyDescent="0.2">
      <c r="A78" s="31">
        <v>60</v>
      </c>
      <c r="B78" s="27">
        <v>3</v>
      </c>
      <c r="C78" s="28">
        <v>7</v>
      </c>
      <c r="D78" s="29">
        <v>10</v>
      </c>
    </row>
    <row r="79" spans="1:4" ht="18" customHeight="1" x14ac:dyDescent="0.2">
      <c r="A79" s="31">
        <v>61</v>
      </c>
      <c r="B79" s="27">
        <v>8</v>
      </c>
      <c r="C79" s="28">
        <v>7</v>
      </c>
      <c r="D79" s="29">
        <v>15</v>
      </c>
    </row>
    <row r="80" spans="1:4" ht="18" customHeight="1" x14ac:dyDescent="0.2">
      <c r="A80" s="31">
        <v>62</v>
      </c>
      <c r="B80" s="27">
        <v>5</v>
      </c>
      <c r="C80" s="28">
        <v>9</v>
      </c>
      <c r="D80" s="29">
        <v>14</v>
      </c>
    </row>
    <row r="81" spans="1:4" ht="18" customHeight="1" x14ac:dyDescent="0.2">
      <c r="A81" s="31">
        <v>63</v>
      </c>
      <c r="B81" s="27">
        <v>7</v>
      </c>
      <c r="C81" s="28">
        <v>8</v>
      </c>
      <c r="D81" s="29">
        <v>15</v>
      </c>
    </row>
    <row r="82" spans="1:4" ht="18" customHeight="1" x14ac:dyDescent="0.2">
      <c r="A82" s="31">
        <v>64</v>
      </c>
      <c r="B82" s="27">
        <v>11</v>
      </c>
      <c r="C82" s="28">
        <v>9</v>
      </c>
      <c r="D82" s="29">
        <v>20</v>
      </c>
    </row>
    <row r="83" spans="1:4" ht="18" customHeight="1" x14ac:dyDescent="0.2">
      <c r="A83" s="31" t="s">
        <v>61</v>
      </c>
      <c r="B83" s="27">
        <v>34</v>
      </c>
      <c r="C83" s="28">
        <v>40</v>
      </c>
      <c r="D83" s="29">
        <v>74</v>
      </c>
    </row>
    <row r="84" spans="1:4" ht="18" customHeight="1" x14ac:dyDescent="0.2">
      <c r="A84" s="31" t="s">
        <v>62</v>
      </c>
      <c r="B84" s="27">
        <v>207</v>
      </c>
      <c r="C84" s="28">
        <v>197</v>
      </c>
      <c r="D84" s="29">
        <v>404</v>
      </c>
    </row>
    <row r="85" spans="1:4" ht="18" customHeight="1" x14ac:dyDescent="0.2">
      <c r="A85" s="31">
        <v>65</v>
      </c>
      <c r="B85" s="27">
        <v>4</v>
      </c>
      <c r="C85" s="28">
        <v>6</v>
      </c>
      <c r="D85" s="29">
        <v>10</v>
      </c>
    </row>
    <row r="86" spans="1:4" ht="18" customHeight="1" x14ac:dyDescent="0.2">
      <c r="A86" s="31">
        <v>66</v>
      </c>
      <c r="B86" s="27">
        <v>2</v>
      </c>
      <c r="C86" s="28">
        <v>5</v>
      </c>
      <c r="D86" s="29">
        <v>7</v>
      </c>
    </row>
    <row r="87" spans="1:4" ht="18" customHeight="1" x14ac:dyDescent="0.2">
      <c r="A87" s="31">
        <v>67</v>
      </c>
      <c r="B87" s="27">
        <v>6</v>
      </c>
      <c r="C87" s="28">
        <v>12</v>
      </c>
      <c r="D87" s="29">
        <v>18</v>
      </c>
    </row>
    <row r="88" spans="1:4" ht="18" customHeight="1" x14ac:dyDescent="0.2">
      <c r="A88" s="31">
        <v>68</v>
      </c>
      <c r="B88" s="27">
        <v>12</v>
      </c>
      <c r="C88" s="28">
        <v>11</v>
      </c>
      <c r="D88" s="29">
        <v>23</v>
      </c>
    </row>
    <row r="89" spans="1:4" ht="18" customHeight="1" x14ac:dyDescent="0.2">
      <c r="A89" s="31">
        <v>69</v>
      </c>
      <c r="B89" s="27">
        <v>7</v>
      </c>
      <c r="C89" s="28">
        <v>12</v>
      </c>
      <c r="D89" s="29">
        <v>19</v>
      </c>
    </row>
    <row r="90" spans="1:4" ht="18" customHeight="1" x14ac:dyDescent="0.2">
      <c r="A90" s="31" t="s">
        <v>63</v>
      </c>
      <c r="B90" s="27">
        <v>31</v>
      </c>
      <c r="C90" s="28">
        <v>46</v>
      </c>
      <c r="D90" s="29">
        <v>77</v>
      </c>
    </row>
    <row r="91" spans="1:4" ht="18" customHeight="1" x14ac:dyDescent="0.2">
      <c r="A91" s="31">
        <v>70</v>
      </c>
      <c r="B91" s="27">
        <v>14</v>
      </c>
      <c r="C91" s="28">
        <v>12</v>
      </c>
      <c r="D91" s="29">
        <v>26</v>
      </c>
    </row>
    <row r="92" spans="1:4" ht="18" customHeight="1" x14ac:dyDescent="0.2">
      <c r="A92" s="31">
        <v>71</v>
      </c>
      <c r="B92" s="27">
        <v>12</v>
      </c>
      <c r="C92" s="28">
        <v>10</v>
      </c>
      <c r="D92" s="29">
        <v>22</v>
      </c>
    </row>
    <row r="93" spans="1:4" ht="18" customHeight="1" x14ac:dyDescent="0.2">
      <c r="A93" s="31">
        <v>72</v>
      </c>
      <c r="B93" s="27">
        <v>7</v>
      </c>
      <c r="C93" s="28">
        <v>13</v>
      </c>
      <c r="D93" s="29">
        <v>20</v>
      </c>
    </row>
    <row r="94" spans="1:4" ht="18" customHeight="1" x14ac:dyDescent="0.2">
      <c r="A94" s="31">
        <v>73</v>
      </c>
      <c r="B94" s="27">
        <v>7</v>
      </c>
      <c r="C94" s="28">
        <v>9</v>
      </c>
      <c r="D94" s="29">
        <v>16</v>
      </c>
    </row>
    <row r="95" spans="1:4" ht="18" customHeight="1" x14ac:dyDescent="0.2">
      <c r="A95" s="31">
        <v>74</v>
      </c>
      <c r="B95" s="27">
        <v>4</v>
      </c>
      <c r="C95" s="28">
        <v>10</v>
      </c>
      <c r="D95" s="29">
        <v>14</v>
      </c>
    </row>
    <row r="96" spans="1:4" ht="18" customHeight="1" x14ac:dyDescent="0.2">
      <c r="A96" s="31" t="s">
        <v>64</v>
      </c>
      <c r="B96" s="27">
        <v>44</v>
      </c>
      <c r="C96" s="28">
        <v>54</v>
      </c>
      <c r="D96" s="29">
        <v>98</v>
      </c>
    </row>
    <row r="97" spans="1:4" ht="18" customHeight="1" x14ac:dyDescent="0.2">
      <c r="A97" s="31">
        <v>75</v>
      </c>
      <c r="B97" s="27">
        <v>7</v>
      </c>
      <c r="C97" s="28">
        <v>6</v>
      </c>
      <c r="D97" s="29">
        <v>13</v>
      </c>
    </row>
    <row r="98" spans="1:4" ht="18" customHeight="1" x14ac:dyDescent="0.2">
      <c r="A98" s="31">
        <v>76</v>
      </c>
      <c r="B98" s="27">
        <v>8</v>
      </c>
      <c r="C98" s="28">
        <v>14</v>
      </c>
      <c r="D98" s="29">
        <v>22</v>
      </c>
    </row>
    <row r="99" spans="1:4" ht="18" customHeight="1" x14ac:dyDescent="0.2">
      <c r="A99" s="31">
        <v>77</v>
      </c>
      <c r="B99" s="27">
        <v>6</v>
      </c>
      <c r="C99" s="28">
        <v>10</v>
      </c>
      <c r="D99" s="29">
        <v>16</v>
      </c>
    </row>
    <row r="100" spans="1:4" ht="18" customHeight="1" x14ac:dyDescent="0.2">
      <c r="A100" s="31">
        <v>78</v>
      </c>
      <c r="B100" s="27">
        <v>10</v>
      </c>
      <c r="C100" s="28">
        <v>10</v>
      </c>
      <c r="D100" s="29">
        <v>20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65</v>
      </c>
      <c r="B102" s="27">
        <v>34</v>
      </c>
      <c r="C102" s="28">
        <v>47</v>
      </c>
      <c r="D102" s="29">
        <v>81</v>
      </c>
    </row>
    <row r="103" spans="1:4" ht="18" customHeight="1" x14ac:dyDescent="0.2">
      <c r="A103" s="31">
        <v>80</v>
      </c>
      <c r="B103" s="27">
        <v>10</v>
      </c>
      <c r="C103" s="28">
        <v>9</v>
      </c>
      <c r="D103" s="29">
        <v>19</v>
      </c>
    </row>
    <row r="104" spans="1:4" ht="18" customHeight="1" x14ac:dyDescent="0.2">
      <c r="A104" s="31">
        <v>81</v>
      </c>
      <c r="B104" s="27">
        <v>4</v>
      </c>
      <c r="C104" s="28">
        <v>10</v>
      </c>
      <c r="D104" s="29">
        <v>14</v>
      </c>
    </row>
    <row r="105" spans="1:4" ht="18" customHeight="1" x14ac:dyDescent="0.2">
      <c r="A105" s="31">
        <v>82</v>
      </c>
      <c r="B105" s="27">
        <v>5</v>
      </c>
      <c r="C105" s="28">
        <v>8</v>
      </c>
      <c r="D105" s="29">
        <v>13</v>
      </c>
    </row>
    <row r="106" spans="1:4" ht="18" customHeight="1" x14ac:dyDescent="0.2">
      <c r="A106" s="31">
        <v>83</v>
      </c>
      <c r="B106" s="27">
        <v>6</v>
      </c>
      <c r="C106" s="28">
        <v>10</v>
      </c>
      <c r="D106" s="29">
        <v>16</v>
      </c>
    </row>
    <row r="107" spans="1:4" ht="18" customHeight="1" x14ac:dyDescent="0.2">
      <c r="A107" s="31">
        <v>84</v>
      </c>
      <c r="B107" s="27">
        <v>13</v>
      </c>
      <c r="C107" s="28">
        <v>12</v>
      </c>
      <c r="D107" s="29">
        <v>25</v>
      </c>
    </row>
    <row r="108" spans="1:4" ht="18" customHeight="1" x14ac:dyDescent="0.2">
      <c r="A108" s="31" t="s">
        <v>66</v>
      </c>
      <c r="B108" s="27">
        <v>38</v>
      </c>
      <c r="C108" s="28">
        <v>49</v>
      </c>
      <c r="D108" s="29">
        <v>87</v>
      </c>
    </row>
    <row r="109" spans="1:4" ht="18" customHeight="1" x14ac:dyDescent="0.2">
      <c r="A109" s="31">
        <v>85</v>
      </c>
      <c r="B109" s="27">
        <v>6</v>
      </c>
      <c r="C109" s="28">
        <v>14</v>
      </c>
      <c r="D109" s="29">
        <v>20</v>
      </c>
    </row>
    <row r="110" spans="1:4" ht="18" customHeight="1" x14ac:dyDescent="0.2">
      <c r="A110" s="31">
        <v>86</v>
      </c>
      <c r="B110" s="27">
        <v>8</v>
      </c>
      <c r="C110" s="28">
        <v>12</v>
      </c>
      <c r="D110" s="29">
        <v>20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5</v>
      </c>
      <c r="C112" s="28">
        <v>8</v>
      </c>
      <c r="D112" s="29">
        <v>13</v>
      </c>
    </row>
    <row r="113" spans="1:4" ht="18" customHeight="1" x14ac:dyDescent="0.2">
      <c r="A113" s="31">
        <v>89</v>
      </c>
      <c r="B113" s="27">
        <v>7</v>
      </c>
      <c r="C113" s="28">
        <v>11</v>
      </c>
      <c r="D113" s="29">
        <v>18</v>
      </c>
    </row>
    <row r="114" spans="1:4" ht="18" customHeight="1" x14ac:dyDescent="0.2">
      <c r="A114" s="31" t="s">
        <v>67</v>
      </c>
      <c r="B114" s="27">
        <v>30</v>
      </c>
      <c r="C114" s="28">
        <v>51</v>
      </c>
      <c r="D114" s="29">
        <v>81</v>
      </c>
    </row>
    <row r="115" spans="1:4" ht="18" customHeight="1" x14ac:dyDescent="0.2">
      <c r="A115" s="31">
        <v>90</v>
      </c>
      <c r="B115" s="27">
        <v>3</v>
      </c>
      <c r="C115" s="28">
        <v>4</v>
      </c>
      <c r="D115" s="29">
        <v>7</v>
      </c>
    </row>
    <row r="116" spans="1:4" ht="18" customHeight="1" x14ac:dyDescent="0.2">
      <c r="A116" s="31">
        <v>91</v>
      </c>
      <c r="B116" s="27">
        <v>3</v>
      </c>
      <c r="C116" s="28">
        <v>2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8</v>
      </c>
      <c r="C120" s="28">
        <v>14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85</v>
      </c>
      <c r="C130" s="5">
        <v>269</v>
      </c>
      <c r="D130" s="6">
        <v>454</v>
      </c>
    </row>
    <row r="131" spans="1:4" ht="18" customHeight="1" x14ac:dyDescent="0.2">
      <c r="A131" s="33" t="s">
        <v>47</v>
      </c>
      <c r="B131" s="7">
        <v>411</v>
      </c>
      <c r="C131" s="8">
        <v>489</v>
      </c>
      <c r="D131" s="9">
        <v>90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3</v>
      </c>
      <c r="C5" s="37">
        <v>14</v>
      </c>
      <c r="D5" s="39">
        <v>27</v>
      </c>
    </row>
    <row r="6" spans="1:10" ht="18" customHeight="1" x14ac:dyDescent="0.2">
      <c r="A6" s="31">
        <v>1</v>
      </c>
      <c r="B6" s="35">
        <v>17</v>
      </c>
      <c r="C6" s="28">
        <v>19</v>
      </c>
      <c r="D6" s="29">
        <v>36</v>
      </c>
    </row>
    <row r="7" spans="1:10" ht="18" customHeight="1" x14ac:dyDescent="0.2">
      <c r="A7" s="31">
        <v>2</v>
      </c>
      <c r="B7" s="35">
        <v>19</v>
      </c>
      <c r="C7" s="28">
        <v>9</v>
      </c>
      <c r="D7" s="29">
        <v>28</v>
      </c>
    </row>
    <row r="8" spans="1:10" ht="18" customHeight="1" x14ac:dyDescent="0.2">
      <c r="A8" s="31">
        <v>3</v>
      </c>
      <c r="B8" s="35">
        <v>14</v>
      </c>
      <c r="C8" s="28">
        <v>17</v>
      </c>
      <c r="D8" s="29">
        <v>31</v>
      </c>
    </row>
    <row r="9" spans="1:10" ht="18" customHeight="1" x14ac:dyDescent="0.2">
      <c r="A9" s="31">
        <v>4</v>
      </c>
      <c r="B9" s="36">
        <v>22</v>
      </c>
      <c r="C9" s="38">
        <v>18</v>
      </c>
      <c r="D9" s="40">
        <v>40</v>
      </c>
    </row>
    <row r="10" spans="1:10" ht="18" customHeight="1" x14ac:dyDescent="0.2">
      <c r="A10" s="31" t="s">
        <v>48</v>
      </c>
      <c r="B10" s="27">
        <v>85</v>
      </c>
      <c r="C10" s="28">
        <v>77</v>
      </c>
      <c r="D10" s="29">
        <v>162</v>
      </c>
    </row>
    <row r="11" spans="1:10" ht="18" customHeight="1" x14ac:dyDescent="0.2">
      <c r="A11" s="31">
        <v>5</v>
      </c>
      <c r="B11" s="35">
        <v>17</v>
      </c>
      <c r="C11" s="28">
        <v>20</v>
      </c>
      <c r="D11" s="29">
        <v>37</v>
      </c>
    </row>
    <row r="12" spans="1:10" ht="18" customHeight="1" x14ac:dyDescent="0.2">
      <c r="A12" s="31">
        <v>6</v>
      </c>
      <c r="B12" s="35">
        <v>24</v>
      </c>
      <c r="C12" s="28">
        <v>15</v>
      </c>
      <c r="D12" s="29">
        <v>39</v>
      </c>
    </row>
    <row r="13" spans="1:10" ht="18" customHeight="1" x14ac:dyDescent="0.2">
      <c r="A13" s="31">
        <v>7</v>
      </c>
      <c r="B13" s="35">
        <v>25</v>
      </c>
      <c r="C13" s="28">
        <v>20</v>
      </c>
      <c r="D13" s="29">
        <v>45</v>
      </c>
    </row>
    <row r="14" spans="1:10" ht="18" customHeight="1" x14ac:dyDescent="0.2">
      <c r="A14" s="31">
        <v>8</v>
      </c>
      <c r="B14" s="35">
        <v>22</v>
      </c>
      <c r="C14" s="28">
        <v>14</v>
      </c>
      <c r="D14" s="29">
        <v>36</v>
      </c>
    </row>
    <row r="15" spans="1:10" ht="18" customHeight="1" x14ac:dyDescent="0.2">
      <c r="A15" s="31">
        <v>9</v>
      </c>
      <c r="B15" s="35">
        <v>29</v>
      </c>
      <c r="C15" s="28">
        <v>21</v>
      </c>
      <c r="D15" s="29">
        <v>50</v>
      </c>
    </row>
    <row r="16" spans="1:10" ht="18" customHeight="1" x14ac:dyDescent="0.2">
      <c r="A16" s="31" t="s">
        <v>49</v>
      </c>
      <c r="B16" s="27">
        <v>117</v>
      </c>
      <c r="C16" s="28">
        <v>90</v>
      </c>
      <c r="D16" s="29">
        <v>207</v>
      </c>
    </row>
    <row r="17" spans="1:4" ht="18" customHeight="1" x14ac:dyDescent="0.2">
      <c r="A17" s="31">
        <v>10</v>
      </c>
      <c r="B17" s="27">
        <v>25</v>
      </c>
      <c r="C17" s="28">
        <v>27</v>
      </c>
      <c r="D17" s="29">
        <v>52</v>
      </c>
    </row>
    <row r="18" spans="1:4" ht="18" customHeight="1" x14ac:dyDescent="0.2">
      <c r="A18" s="31">
        <v>11</v>
      </c>
      <c r="B18" s="27">
        <v>24</v>
      </c>
      <c r="C18" s="28">
        <v>32</v>
      </c>
      <c r="D18" s="29">
        <v>56</v>
      </c>
    </row>
    <row r="19" spans="1:4" ht="18" customHeight="1" x14ac:dyDescent="0.2">
      <c r="A19" s="31">
        <v>12</v>
      </c>
      <c r="B19" s="27">
        <v>24</v>
      </c>
      <c r="C19" s="28">
        <v>23</v>
      </c>
      <c r="D19" s="29">
        <v>47</v>
      </c>
    </row>
    <row r="20" spans="1:4" ht="18" customHeight="1" x14ac:dyDescent="0.2">
      <c r="A20" s="31">
        <v>13</v>
      </c>
      <c r="B20" s="27">
        <v>30</v>
      </c>
      <c r="C20" s="28">
        <v>26</v>
      </c>
      <c r="D20" s="29">
        <v>56</v>
      </c>
    </row>
    <row r="21" spans="1:4" ht="18" customHeight="1" x14ac:dyDescent="0.2">
      <c r="A21" s="31">
        <v>14</v>
      </c>
      <c r="B21" s="27">
        <v>32</v>
      </c>
      <c r="C21" s="28">
        <v>32</v>
      </c>
      <c r="D21" s="29">
        <v>64</v>
      </c>
    </row>
    <row r="22" spans="1:4" ht="18" customHeight="1" x14ac:dyDescent="0.2">
      <c r="A22" s="31" t="s">
        <v>50</v>
      </c>
      <c r="B22" s="27">
        <v>135</v>
      </c>
      <c r="C22" s="28">
        <v>140</v>
      </c>
      <c r="D22" s="29">
        <v>275</v>
      </c>
    </row>
    <row r="23" spans="1:4" ht="18" customHeight="1" x14ac:dyDescent="0.2">
      <c r="A23" s="31" t="s">
        <v>51</v>
      </c>
      <c r="B23" s="27">
        <v>337</v>
      </c>
      <c r="C23" s="28">
        <v>307</v>
      </c>
      <c r="D23" s="29">
        <v>644</v>
      </c>
    </row>
    <row r="24" spans="1:4" ht="18" customHeight="1" x14ac:dyDescent="0.2">
      <c r="A24" s="31">
        <v>15</v>
      </c>
      <c r="B24" s="27">
        <v>36</v>
      </c>
      <c r="C24" s="28">
        <v>28</v>
      </c>
      <c r="D24" s="29">
        <v>64</v>
      </c>
    </row>
    <row r="25" spans="1:4" ht="18" customHeight="1" x14ac:dyDescent="0.2">
      <c r="A25" s="31">
        <v>16</v>
      </c>
      <c r="B25" s="27">
        <v>30</v>
      </c>
      <c r="C25" s="28">
        <v>40</v>
      </c>
      <c r="D25" s="29">
        <v>70</v>
      </c>
    </row>
    <row r="26" spans="1:4" ht="18" customHeight="1" x14ac:dyDescent="0.2">
      <c r="A26" s="31">
        <v>17</v>
      </c>
      <c r="B26" s="27">
        <v>35</v>
      </c>
      <c r="C26" s="28">
        <v>35</v>
      </c>
      <c r="D26" s="29">
        <v>70</v>
      </c>
    </row>
    <row r="27" spans="1:4" ht="18" customHeight="1" x14ac:dyDescent="0.2">
      <c r="A27" s="31">
        <v>18</v>
      </c>
      <c r="B27" s="27">
        <v>33</v>
      </c>
      <c r="C27" s="28">
        <v>24</v>
      </c>
      <c r="D27" s="29">
        <v>57</v>
      </c>
    </row>
    <row r="28" spans="1:4" ht="18" customHeight="1" x14ac:dyDescent="0.2">
      <c r="A28" s="31">
        <v>19</v>
      </c>
      <c r="B28" s="27">
        <v>29</v>
      </c>
      <c r="C28" s="28">
        <v>27</v>
      </c>
      <c r="D28" s="29">
        <v>56</v>
      </c>
    </row>
    <row r="29" spans="1:4" ht="18" customHeight="1" x14ac:dyDescent="0.2">
      <c r="A29" s="31" t="s">
        <v>52</v>
      </c>
      <c r="B29" s="27">
        <v>163</v>
      </c>
      <c r="C29" s="28">
        <v>154</v>
      </c>
      <c r="D29" s="29">
        <v>317</v>
      </c>
    </row>
    <row r="30" spans="1:4" ht="18" customHeight="1" x14ac:dyDescent="0.2">
      <c r="A30" s="31">
        <v>20</v>
      </c>
      <c r="B30" s="27">
        <v>32</v>
      </c>
      <c r="C30" s="28">
        <v>35</v>
      </c>
      <c r="D30" s="29">
        <v>67</v>
      </c>
    </row>
    <row r="31" spans="1:4" ht="18" customHeight="1" x14ac:dyDescent="0.2">
      <c r="A31" s="31">
        <v>21</v>
      </c>
      <c r="B31" s="27">
        <v>38</v>
      </c>
      <c r="C31" s="28">
        <v>31</v>
      </c>
      <c r="D31" s="29">
        <v>69</v>
      </c>
    </row>
    <row r="32" spans="1:4" ht="18" customHeight="1" x14ac:dyDescent="0.2">
      <c r="A32" s="31">
        <v>22</v>
      </c>
      <c r="B32" s="27">
        <v>38</v>
      </c>
      <c r="C32" s="28">
        <v>25</v>
      </c>
      <c r="D32" s="29">
        <v>63</v>
      </c>
    </row>
    <row r="33" spans="1:4" ht="18" customHeight="1" x14ac:dyDescent="0.2">
      <c r="A33" s="31">
        <v>23</v>
      </c>
      <c r="B33" s="27">
        <v>32</v>
      </c>
      <c r="C33" s="28">
        <v>30</v>
      </c>
      <c r="D33" s="29">
        <v>62</v>
      </c>
    </row>
    <row r="34" spans="1:4" ht="18" customHeight="1" x14ac:dyDescent="0.2">
      <c r="A34" s="31">
        <v>24</v>
      </c>
      <c r="B34" s="27">
        <v>34</v>
      </c>
      <c r="C34" s="28">
        <v>24</v>
      </c>
      <c r="D34" s="29">
        <v>58</v>
      </c>
    </row>
    <row r="35" spans="1:4" ht="18" customHeight="1" x14ac:dyDescent="0.2">
      <c r="A35" s="31" t="s">
        <v>53</v>
      </c>
      <c r="B35" s="27">
        <v>174</v>
      </c>
      <c r="C35" s="28">
        <v>145</v>
      </c>
      <c r="D35" s="29">
        <v>319</v>
      </c>
    </row>
    <row r="36" spans="1:4" ht="18" customHeight="1" x14ac:dyDescent="0.2">
      <c r="A36" s="31">
        <v>25</v>
      </c>
      <c r="B36" s="27">
        <v>25</v>
      </c>
      <c r="C36" s="28">
        <v>22</v>
      </c>
      <c r="D36" s="29">
        <v>47</v>
      </c>
    </row>
    <row r="37" spans="1:4" ht="18" customHeight="1" x14ac:dyDescent="0.2">
      <c r="A37" s="31">
        <v>26</v>
      </c>
      <c r="B37" s="27">
        <v>19</v>
      </c>
      <c r="C37" s="28">
        <v>22</v>
      </c>
      <c r="D37" s="29">
        <v>41</v>
      </c>
    </row>
    <row r="38" spans="1:4" ht="18" customHeight="1" x14ac:dyDescent="0.2">
      <c r="A38" s="31">
        <v>27</v>
      </c>
      <c r="B38" s="27">
        <v>13</v>
      </c>
      <c r="C38" s="28">
        <v>14</v>
      </c>
      <c r="D38" s="29">
        <v>27</v>
      </c>
    </row>
    <row r="39" spans="1:4" ht="18" customHeight="1" x14ac:dyDescent="0.2">
      <c r="A39" s="31">
        <v>28</v>
      </c>
      <c r="B39" s="27">
        <v>14</v>
      </c>
      <c r="C39" s="28">
        <v>16</v>
      </c>
      <c r="D39" s="29">
        <v>30</v>
      </c>
    </row>
    <row r="40" spans="1:4" ht="18" customHeight="1" x14ac:dyDescent="0.2">
      <c r="A40" s="31">
        <v>29</v>
      </c>
      <c r="B40" s="27">
        <v>24</v>
      </c>
      <c r="C40" s="28">
        <v>17</v>
      </c>
      <c r="D40" s="29">
        <v>41</v>
      </c>
    </row>
    <row r="41" spans="1:4" ht="18" customHeight="1" x14ac:dyDescent="0.2">
      <c r="A41" s="31" t="s">
        <v>54</v>
      </c>
      <c r="B41" s="27">
        <v>95</v>
      </c>
      <c r="C41" s="28">
        <v>91</v>
      </c>
      <c r="D41" s="29">
        <v>186</v>
      </c>
    </row>
    <row r="42" spans="1:4" ht="18" customHeight="1" x14ac:dyDescent="0.2">
      <c r="A42" s="31">
        <v>30</v>
      </c>
      <c r="B42" s="27">
        <v>13</v>
      </c>
      <c r="C42" s="28">
        <v>12</v>
      </c>
      <c r="D42" s="29">
        <v>25</v>
      </c>
    </row>
    <row r="43" spans="1:4" ht="18" customHeight="1" x14ac:dyDescent="0.2">
      <c r="A43" s="31">
        <v>31</v>
      </c>
      <c r="B43" s="27">
        <v>16</v>
      </c>
      <c r="C43" s="28">
        <v>21</v>
      </c>
      <c r="D43" s="29">
        <v>37</v>
      </c>
    </row>
    <row r="44" spans="1:4" ht="18" customHeight="1" x14ac:dyDescent="0.2">
      <c r="A44" s="31">
        <v>32</v>
      </c>
      <c r="B44" s="27">
        <v>13</v>
      </c>
      <c r="C44" s="28">
        <v>9</v>
      </c>
      <c r="D44" s="29">
        <v>22</v>
      </c>
    </row>
    <row r="45" spans="1:4" ht="18" customHeight="1" x14ac:dyDescent="0.2">
      <c r="A45" s="31">
        <v>33</v>
      </c>
      <c r="B45" s="27">
        <v>18</v>
      </c>
      <c r="C45" s="28">
        <v>18</v>
      </c>
      <c r="D45" s="29">
        <v>36</v>
      </c>
    </row>
    <row r="46" spans="1:4" ht="18" customHeight="1" x14ac:dyDescent="0.2">
      <c r="A46" s="31">
        <v>34</v>
      </c>
      <c r="B46" s="27">
        <v>23</v>
      </c>
      <c r="C46" s="28">
        <v>22</v>
      </c>
      <c r="D46" s="29">
        <v>45</v>
      </c>
    </row>
    <row r="47" spans="1:4" ht="18" customHeight="1" x14ac:dyDescent="0.2">
      <c r="A47" s="31" t="s">
        <v>55</v>
      </c>
      <c r="B47" s="27">
        <v>83</v>
      </c>
      <c r="C47" s="28">
        <v>82</v>
      </c>
      <c r="D47" s="29">
        <v>165</v>
      </c>
    </row>
    <row r="48" spans="1:4" ht="18" customHeight="1" x14ac:dyDescent="0.2">
      <c r="A48" s="31">
        <v>35</v>
      </c>
      <c r="B48" s="27">
        <v>29</v>
      </c>
      <c r="C48" s="28">
        <v>25</v>
      </c>
      <c r="D48" s="29">
        <v>54</v>
      </c>
    </row>
    <row r="49" spans="1:4" ht="18" customHeight="1" x14ac:dyDescent="0.2">
      <c r="A49" s="31">
        <v>36</v>
      </c>
      <c r="B49" s="27">
        <v>21</v>
      </c>
      <c r="C49" s="28">
        <v>25</v>
      </c>
      <c r="D49" s="29">
        <v>46</v>
      </c>
    </row>
    <row r="50" spans="1:4" ht="18" customHeight="1" x14ac:dyDescent="0.2">
      <c r="A50" s="31">
        <v>37</v>
      </c>
      <c r="B50" s="27">
        <v>20</v>
      </c>
      <c r="C50" s="28">
        <v>32</v>
      </c>
      <c r="D50" s="29">
        <v>52</v>
      </c>
    </row>
    <row r="51" spans="1:4" ht="18" customHeight="1" x14ac:dyDescent="0.2">
      <c r="A51" s="31">
        <v>38</v>
      </c>
      <c r="B51" s="27">
        <v>32</v>
      </c>
      <c r="C51" s="28">
        <v>29</v>
      </c>
      <c r="D51" s="29">
        <v>61</v>
      </c>
    </row>
    <row r="52" spans="1:4" ht="18" customHeight="1" x14ac:dyDescent="0.2">
      <c r="A52" s="31">
        <v>39</v>
      </c>
      <c r="B52" s="27">
        <v>35</v>
      </c>
      <c r="C52" s="28">
        <v>28</v>
      </c>
      <c r="D52" s="29">
        <v>63</v>
      </c>
    </row>
    <row r="53" spans="1:4" ht="18" customHeight="1" x14ac:dyDescent="0.2">
      <c r="A53" s="31" t="s">
        <v>56</v>
      </c>
      <c r="B53" s="27">
        <v>137</v>
      </c>
      <c r="C53" s="28">
        <v>139</v>
      </c>
      <c r="D53" s="29">
        <v>276</v>
      </c>
    </row>
    <row r="54" spans="1:4" ht="18" customHeight="1" x14ac:dyDescent="0.2">
      <c r="A54" s="31">
        <v>40</v>
      </c>
      <c r="B54" s="27">
        <v>33</v>
      </c>
      <c r="C54" s="28">
        <v>32</v>
      </c>
      <c r="D54" s="29">
        <v>65</v>
      </c>
    </row>
    <row r="55" spans="1:4" ht="18" customHeight="1" x14ac:dyDescent="0.2">
      <c r="A55" s="31">
        <v>41</v>
      </c>
      <c r="B55" s="27">
        <v>36</v>
      </c>
      <c r="C55" s="28">
        <v>37</v>
      </c>
      <c r="D55" s="29">
        <v>73</v>
      </c>
    </row>
    <row r="56" spans="1:4" ht="18" customHeight="1" x14ac:dyDescent="0.2">
      <c r="A56" s="31">
        <v>42</v>
      </c>
      <c r="B56" s="27">
        <v>45</v>
      </c>
      <c r="C56" s="28">
        <v>35</v>
      </c>
      <c r="D56" s="29">
        <v>80</v>
      </c>
    </row>
    <row r="57" spans="1:4" ht="18" customHeight="1" x14ac:dyDescent="0.2">
      <c r="A57" s="31">
        <v>43</v>
      </c>
      <c r="B57" s="27">
        <v>44</v>
      </c>
      <c r="C57" s="28">
        <v>45</v>
      </c>
      <c r="D57" s="29">
        <v>89</v>
      </c>
    </row>
    <row r="58" spans="1:4" ht="18" customHeight="1" x14ac:dyDescent="0.2">
      <c r="A58" s="31">
        <v>44</v>
      </c>
      <c r="B58" s="27">
        <v>54</v>
      </c>
      <c r="C58" s="28">
        <v>51</v>
      </c>
      <c r="D58" s="29">
        <v>105</v>
      </c>
    </row>
    <row r="59" spans="1:4" ht="18" customHeight="1" x14ac:dyDescent="0.2">
      <c r="A59" s="31" t="s">
        <v>57</v>
      </c>
      <c r="B59" s="27">
        <v>212</v>
      </c>
      <c r="C59" s="28">
        <v>200</v>
      </c>
      <c r="D59" s="29">
        <v>412</v>
      </c>
    </row>
    <row r="60" spans="1:4" ht="18" customHeight="1" x14ac:dyDescent="0.2">
      <c r="A60" s="31">
        <v>45</v>
      </c>
      <c r="B60" s="27">
        <v>51</v>
      </c>
      <c r="C60" s="28">
        <v>55</v>
      </c>
      <c r="D60" s="29">
        <v>106</v>
      </c>
    </row>
    <row r="61" spans="1:4" ht="18" customHeight="1" x14ac:dyDescent="0.2">
      <c r="A61" s="31">
        <v>46</v>
      </c>
      <c r="B61" s="27">
        <v>48</v>
      </c>
      <c r="C61" s="28">
        <v>53</v>
      </c>
      <c r="D61" s="29">
        <v>101</v>
      </c>
    </row>
    <row r="62" spans="1:4" ht="18" customHeight="1" x14ac:dyDescent="0.2">
      <c r="A62" s="31">
        <v>47</v>
      </c>
      <c r="B62" s="27">
        <v>59</v>
      </c>
      <c r="C62" s="28">
        <v>60</v>
      </c>
      <c r="D62" s="29">
        <v>119</v>
      </c>
    </row>
    <row r="63" spans="1:4" ht="18" customHeight="1" x14ac:dyDescent="0.2">
      <c r="A63" s="31">
        <v>48</v>
      </c>
      <c r="B63" s="27">
        <v>47</v>
      </c>
      <c r="C63" s="28">
        <v>54</v>
      </c>
      <c r="D63" s="29">
        <v>101</v>
      </c>
    </row>
    <row r="64" spans="1:4" ht="18" customHeight="1" x14ac:dyDescent="0.2">
      <c r="A64" s="31">
        <v>49</v>
      </c>
      <c r="B64" s="27">
        <v>52</v>
      </c>
      <c r="C64" s="28">
        <v>37</v>
      </c>
      <c r="D64" s="29">
        <v>89</v>
      </c>
    </row>
    <row r="65" spans="1:4" ht="18" customHeight="1" x14ac:dyDescent="0.2">
      <c r="A65" s="31" t="s">
        <v>58</v>
      </c>
      <c r="B65" s="27">
        <v>257</v>
      </c>
      <c r="C65" s="28">
        <v>259</v>
      </c>
      <c r="D65" s="29">
        <v>516</v>
      </c>
    </row>
    <row r="66" spans="1:4" ht="18" customHeight="1" x14ac:dyDescent="0.2">
      <c r="A66" s="31">
        <v>50</v>
      </c>
      <c r="B66" s="27">
        <v>43</v>
      </c>
      <c r="C66" s="28">
        <v>48</v>
      </c>
      <c r="D66" s="29">
        <v>91</v>
      </c>
    </row>
    <row r="67" spans="1:4" ht="18" customHeight="1" x14ac:dyDescent="0.2">
      <c r="A67" s="31">
        <v>51</v>
      </c>
      <c r="B67" s="27">
        <v>45</v>
      </c>
      <c r="C67" s="28">
        <v>38</v>
      </c>
      <c r="D67" s="29">
        <v>83</v>
      </c>
    </row>
    <row r="68" spans="1:4" ht="18" customHeight="1" x14ac:dyDescent="0.2">
      <c r="A68" s="31">
        <v>52</v>
      </c>
      <c r="B68" s="27">
        <v>43</v>
      </c>
      <c r="C68" s="28">
        <v>31</v>
      </c>
      <c r="D68" s="29">
        <v>74</v>
      </c>
    </row>
    <row r="69" spans="1:4" ht="18" customHeight="1" x14ac:dyDescent="0.2">
      <c r="A69" s="31">
        <v>53</v>
      </c>
      <c r="B69" s="27">
        <v>29</v>
      </c>
      <c r="C69" s="28">
        <v>32</v>
      </c>
      <c r="D69" s="29">
        <v>61</v>
      </c>
    </row>
    <row r="70" spans="1:4" ht="18" customHeight="1" x14ac:dyDescent="0.2">
      <c r="A70" s="31">
        <v>54</v>
      </c>
      <c r="B70" s="27">
        <v>31</v>
      </c>
      <c r="C70" s="28">
        <v>31</v>
      </c>
      <c r="D70" s="29">
        <v>62</v>
      </c>
    </row>
    <row r="71" spans="1:4" ht="18" customHeight="1" x14ac:dyDescent="0.2">
      <c r="A71" s="31" t="s">
        <v>59</v>
      </c>
      <c r="B71" s="27">
        <v>191</v>
      </c>
      <c r="C71" s="28">
        <v>180</v>
      </c>
      <c r="D71" s="29">
        <v>371</v>
      </c>
    </row>
    <row r="72" spans="1:4" ht="18" customHeight="1" x14ac:dyDescent="0.2">
      <c r="A72" s="31">
        <v>55</v>
      </c>
      <c r="B72" s="27">
        <v>45</v>
      </c>
      <c r="C72" s="28">
        <v>32</v>
      </c>
      <c r="D72" s="29">
        <v>77</v>
      </c>
    </row>
    <row r="73" spans="1:4" ht="18" customHeight="1" x14ac:dyDescent="0.2">
      <c r="A73" s="31">
        <v>56</v>
      </c>
      <c r="B73" s="27">
        <v>33</v>
      </c>
      <c r="C73" s="28">
        <v>36</v>
      </c>
      <c r="D73" s="29">
        <v>69</v>
      </c>
    </row>
    <row r="74" spans="1:4" ht="18" customHeight="1" x14ac:dyDescent="0.2">
      <c r="A74" s="31">
        <v>57</v>
      </c>
      <c r="B74" s="27">
        <v>29</v>
      </c>
      <c r="C74" s="28">
        <v>33</v>
      </c>
      <c r="D74" s="29">
        <v>62</v>
      </c>
    </row>
    <row r="75" spans="1:4" ht="18" customHeight="1" x14ac:dyDescent="0.2">
      <c r="A75" s="31">
        <v>58</v>
      </c>
      <c r="B75" s="27">
        <v>27</v>
      </c>
      <c r="C75" s="28">
        <v>30</v>
      </c>
      <c r="D75" s="29">
        <v>57</v>
      </c>
    </row>
    <row r="76" spans="1:4" ht="18" customHeight="1" x14ac:dyDescent="0.2">
      <c r="A76" s="31">
        <v>59</v>
      </c>
      <c r="B76" s="27">
        <v>26</v>
      </c>
      <c r="C76" s="28">
        <v>30</v>
      </c>
      <c r="D76" s="29">
        <v>56</v>
      </c>
    </row>
    <row r="77" spans="1:4" ht="18" customHeight="1" x14ac:dyDescent="0.2">
      <c r="A77" s="31" t="s">
        <v>60</v>
      </c>
      <c r="B77" s="27">
        <v>160</v>
      </c>
      <c r="C77" s="28">
        <v>161</v>
      </c>
      <c r="D77" s="29">
        <v>321</v>
      </c>
    </row>
    <row r="78" spans="1:4" ht="18" customHeight="1" x14ac:dyDescent="0.2">
      <c r="A78" s="31">
        <v>60</v>
      </c>
      <c r="B78" s="27">
        <v>35</v>
      </c>
      <c r="C78" s="28">
        <v>31</v>
      </c>
      <c r="D78" s="29">
        <v>66</v>
      </c>
    </row>
    <row r="79" spans="1:4" ht="18" customHeight="1" x14ac:dyDescent="0.2">
      <c r="A79" s="31">
        <v>61</v>
      </c>
      <c r="B79" s="27">
        <v>31</v>
      </c>
      <c r="C79" s="28">
        <v>26</v>
      </c>
      <c r="D79" s="29">
        <v>57</v>
      </c>
    </row>
    <row r="80" spans="1:4" ht="18" customHeight="1" x14ac:dyDescent="0.2">
      <c r="A80" s="31">
        <v>62</v>
      </c>
      <c r="B80" s="27">
        <v>28</v>
      </c>
      <c r="C80" s="28">
        <v>27</v>
      </c>
      <c r="D80" s="29">
        <v>55</v>
      </c>
    </row>
    <row r="81" spans="1:4" ht="18" customHeight="1" x14ac:dyDescent="0.2">
      <c r="A81" s="31">
        <v>63</v>
      </c>
      <c r="B81" s="27">
        <v>35</v>
      </c>
      <c r="C81" s="28">
        <v>33</v>
      </c>
      <c r="D81" s="29">
        <v>68</v>
      </c>
    </row>
    <row r="82" spans="1:4" ht="18" customHeight="1" x14ac:dyDescent="0.2">
      <c r="A82" s="31">
        <v>64</v>
      </c>
      <c r="B82" s="27">
        <v>36</v>
      </c>
      <c r="C82" s="28">
        <v>33</v>
      </c>
      <c r="D82" s="29">
        <v>69</v>
      </c>
    </row>
    <row r="83" spans="1:4" ht="18" customHeight="1" x14ac:dyDescent="0.2">
      <c r="A83" s="31" t="s">
        <v>61</v>
      </c>
      <c r="B83" s="27">
        <v>165</v>
      </c>
      <c r="C83" s="28">
        <v>150</v>
      </c>
      <c r="D83" s="29">
        <v>315</v>
      </c>
    </row>
    <row r="84" spans="1:4" ht="18" customHeight="1" x14ac:dyDescent="0.2">
      <c r="A84" s="31" t="s">
        <v>62</v>
      </c>
      <c r="B84" s="27">
        <v>1637</v>
      </c>
      <c r="C84" s="28">
        <v>1561</v>
      </c>
      <c r="D84" s="29">
        <v>3198</v>
      </c>
    </row>
    <row r="85" spans="1:4" ht="18" customHeight="1" x14ac:dyDescent="0.2">
      <c r="A85" s="31">
        <v>65</v>
      </c>
      <c r="B85" s="27">
        <v>32</v>
      </c>
      <c r="C85" s="28">
        <v>38</v>
      </c>
      <c r="D85" s="29">
        <v>70</v>
      </c>
    </row>
    <row r="86" spans="1:4" ht="18" customHeight="1" x14ac:dyDescent="0.2">
      <c r="A86" s="31">
        <v>66</v>
      </c>
      <c r="B86" s="27">
        <v>33</v>
      </c>
      <c r="C86" s="28">
        <v>29</v>
      </c>
      <c r="D86" s="29">
        <v>62</v>
      </c>
    </row>
    <row r="87" spans="1:4" ht="18" customHeight="1" x14ac:dyDescent="0.2">
      <c r="A87" s="31">
        <v>67</v>
      </c>
      <c r="B87" s="27">
        <v>36</v>
      </c>
      <c r="C87" s="28">
        <v>37</v>
      </c>
      <c r="D87" s="29">
        <v>73</v>
      </c>
    </row>
    <row r="88" spans="1:4" ht="18" customHeight="1" x14ac:dyDescent="0.2">
      <c r="A88" s="31">
        <v>68</v>
      </c>
      <c r="B88" s="27">
        <v>34</v>
      </c>
      <c r="C88" s="28">
        <v>41</v>
      </c>
      <c r="D88" s="29">
        <v>75</v>
      </c>
    </row>
    <row r="89" spans="1:4" ht="18" customHeight="1" x14ac:dyDescent="0.2">
      <c r="A89" s="31">
        <v>69</v>
      </c>
      <c r="B89" s="27">
        <v>37</v>
      </c>
      <c r="C89" s="28">
        <v>44</v>
      </c>
      <c r="D89" s="29">
        <v>81</v>
      </c>
    </row>
    <row r="90" spans="1:4" ht="18" customHeight="1" x14ac:dyDescent="0.2">
      <c r="A90" s="31" t="s">
        <v>63</v>
      </c>
      <c r="B90" s="27">
        <v>172</v>
      </c>
      <c r="C90" s="28">
        <v>189</v>
      </c>
      <c r="D90" s="29">
        <v>361</v>
      </c>
    </row>
    <row r="91" spans="1:4" ht="18" customHeight="1" x14ac:dyDescent="0.2">
      <c r="A91" s="31">
        <v>70</v>
      </c>
      <c r="B91" s="27">
        <v>48</v>
      </c>
      <c r="C91" s="28">
        <v>52</v>
      </c>
      <c r="D91" s="29">
        <v>100</v>
      </c>
    </row>
    <row r="92" spans="1:4" ht="18" customHeight="1" x14ac:dyDescent="0.2">
      <c r="A92" s="31">
        <v>71</v>
      </c>
      <c r="B92" s="27">
        <v>51</v>
      </c>
      <c r="C92" s="28">
        <v>57</v>
      </c>
      <c r="D92" s="29">
        <v>108</v>
      </c>
    </row>
    <row r="93" spans="1:4" ht="18" customHeight="1" x14ac:dyDescent="0.2">
      <c r="A93" s="31">
        <v>72</v>
      </c>
      <c r="B93" s="27">
        <v>33</v>
      </c>
      <c r="C93" s="28">
        <v>32</v>
      </c>
      <c r="D93" s="29">
        <v>65</v>
      </c>
    </row>
    <row r="94" spans="1:4" ht="18" customHeight="1" x14ac:dyDescent="0.2">
      <c r="A94" s="31">
        <v>73</v>
      </c>
      <c r="B94" s="27">
        <v>21</v>
      </c>
      <c r="C94" s="28">
        <v>21</v>
      </c>
      <c r="D94" s="29">
        <v>42</v>
      </c>
    </row>
    <row r="95" spans="1:4" ht="18" customHeight="1" x14ac:dyDescent="0.2">
      <c r="A95" s="31">
        <v>74</v>
      </c>
      <c r="B95" s="27">
        <v>23</v>
      </c>
      <c r="C95" s="28">
        <v>42</v>
      </c>
      <c r="D95" s="29">
        <v>65</v>
      </c>
    </row>
    <row r="96" spans="1:4" ht="18" customHeight="1" x14ac:dyDescent="0.2">
      <c r="A96" s="31" t="s">
        <v>64</v>
      </c>
      <c r="B96" s="27">
        <v>176</v>
      </c>
      <c r="C96" s="28">
        <v>204</v>
      </c>
      <c r="D96" s="29">
        <v>380</v>
      </c>
    </row>
    <row r="97" spans="1:4" ht="18" customHeight="1" x14ac:dyDescent="0.2">
      <c r="A97" s="31">
        <v>75</v>
      </c>
      <c r="B97" s="27">
        <v>28</v>
      </c>
      <c r="C97" s="28">
        <v>26</v>
      </c>
      <c r="D97" s="29">
        <v>54</v>
      </c>
    </row>
    <row r="98" spans="1:4" ht="18" customHeight="1" x14ac:dyDescent="0.2">
      <c r="A98" s="31">
        <v>76</v>
      </c>
      <c r="B98" s="27">
        <v>29</v>
      </c>
      <c r="C98" s="28">
        <v>23</v>
      </c>
      <c r="D98" s="29">
        <v>52</v>
      </c>
    </row>
    <row r="99" spans="1:4" ht="18" customHeight="1" x14ac:dyDescent="0.2">
      <c r="A99" s="31">
        <v>77</v>
      </c>
      <c r="B99" s="27">
        <v>18</v>
      </c>
      <c r="C99" s="28">
        <v>32</v>
      </c>
      <c r="D99" s="29">
        <v>50</v>
      </c>
    </row>
    <row r="100" spans="1:4" ht="18" customHeight="1" x14ac:dyDescent="0.2">
      <c r="A100" s="31">
        <v>78</v>
      </c>
      <c r="B100" s="27">
        <v>23</v>
      </c>
      <c r="C100" s="28">
        <v>23</v>
      </c>
      <c r="D100" s="29">
        <v>46</v>
      </c>
    </row>
    <row r="101" spans="1:4" ht="18" customHeight="1" x14ac:dyDescent="0.2">
      <c r="A101" s="31">
        <v>79</v>
      </c>
      <c r="B101" s="27">
        <v>16</v>
      </c>
      <c r="C101" s="28">
        <v>27</v>
      </c>
      <c r="D101" s="29">
        <v>43</v>
      </c>
    </row>
    <row r="102" spans="1:4" ht="18" customHeight="1" x14ac:dyDescent="0.2">
      <c r="A102" s="31" t="s">
        <v>65</v>
      </c>
      <c r="B102" s="27">
        <v>114</v>
      </c>
      <c r="C102" s="28">
        <v>131</v>
      </c>
      <c r="D102" s="29">
        <v>245</v>
      </c>
    </row>
    <row r="103" spans="1:4" ht="18" customHeight="1" x14ac:dyDescent="0.2">
      <c r="A103" s="31">
        <v>80</v>
      </c>
      <c r="B103" s="27">
        <v>17</v>
      </c>
      <c r="C103" s="28">
        <v>17</v>
      </c>
      <c r="D103" s="29">
        <v>34</v>
      </c>
    </row>
    <row r="104" spans="1:4" ht="18" customHeight="1" x14ac:dyDescent="0.2">
      <c r="A104" s="31">
        <v>81</v>
      </c>
      <c r="B104" s="27">
        <v>13</v>
      </c>
      <c r="C104" s="28">
        <v>16</v>
      </c>
      <c r="D104" s="29">
        <v>29</v>
      </c>
    </row>
    <row r="105" spans="1:4" ht="18" customHeight="1" x14ac:dyDescent="0.2">
      <c r="A105" s="31">
        <v>82</v>
      </c>
      <c r="B105" s="27">
        <v>15</v>
      </c>
      <c r="C105" s="28">
        <v>23</v>
      </c>
      <c r="D105" s="29">
        <v>38</v>
      </c>
    </row>
    <row r="106" spans="1:4" ht="18" customHeight="1" x14ac:dyDescent="0.2">
      <c r="A106" s="31">
        <v>83</v>
      </c>
      <c r="B106" s="27">
        <v>10</v>
      </c>
      <c r="C106" s="28">
        <v>20</v>
      </c>
      <c r="D106" s="29">
        <v>30</v>
      </c>
    </row>
    <row r="107" spans="1:4" ht="18" customHeight="1" x14ac:dyDescent="0.2">
      <c r="A107" s="31">
        <v>84</v>
      </c>
      <c r="B107" s="27">
        <v>9</v>
      </c>
      <c r="C107" s="28">
        <v>17</v>
      </c>
      <c r="D107" s="29">
        <v>26</v>
      </c>
    </row>
    <row r="108" spans="1:4" ht="18" customHeight="1" x14ac:dyDescent="0.2">
      <c r="A108" s="31" t="s">
        <v>66</v>
      </c>
      <c r="B108" s="27">
        <v>64</v>
      </c>
      <c r="C108" s="28">
        <v>93</v>
      </c>
      <c r="D108" s="29">
        <v>157</v>
      </c>
    </row>
    <row r="109" spans="1:4" ht="18" customHeight="1" x14ac:dyDescent="0.2">
      <c r="A109" s="31">
        <v>85</v>
      </c>
      <c r="B109" s="27">
        <v>10</v>
      </c>
      <c r="C109" s="28">
        <v>25</v>
      </c>
      <c r="D109" s="29">
        <v>35</v>
      </c>
    </row>
    <row r="110" spans="1:4" ht="18" customHeight="1" x14ac:dyDescent="0.2">
      <c r="A110" s="31">
        <v>86</v>
      </c>
      <c r="B110" s="27">
        <v>9</v>
      </c>
      <c r="C110" s="28">
        <v>15</v>
      </c>
      <c r="D110" s="29">
        <v>24</v>
      </c>
    </row>
    <row r="111" spans="1:4" ht="18" customHeight="1" x14ac:dyDescent="0.2">
      <c r="A111" s="31">
        <v>87</v>
      </c>
      <c r="B111" s="27">
        <v>14</v>
      </c>
      <c r="C111" s="28">
        <v>7</v>
      </c>
      <c r="D111" s="29">
        <v>21</v>
      </c>
    </row>
    <row r="112" spans="1:4" ht="18" customHeight="1" x14ac:dyDescent="0.2">
      <c r="A112" s="31">
        <v>88</v>
      </c>
      <c r="B112" s="27">
        <v>7</v>
      </c>
      <c r="C112" s="28">
        <v>5</v>
      </c>
      <c r="D112" s="29">
        <v>12</v>
      </c>
    </row>
    <row r="113" spans="1:4" ht="18" customHeight="1" x14ac:dyDescent="0.2">
      <c r="A113" s="31">
        <v>89</v>
      </c>
      <c r="B113" s="27">
        <v>1</v>
      </c>
      <c r="C113" s="28">
        <v>15</v>
      </c>
      <c r="D113" s="29">
        <v>16</v>
      </c>
    </row>
    <row r="114" spans="1:4" ht="18" customHeight="1" x14ac:dyDescent="0.2">
      <c r="A114" s="31" t="s">
        <v>67</v>
      </c>
      <c r="B114" s="27">
        <v>41</v>
      </c>
      <c r="C114" s="28">
        <v>67</v>
      </c>
      <c r="D114" s="29">
        <v>108</v>
      </c>
    </row>
    <row r="115" spans="1:4" ht="18" customHeight="1" x14ac:dyDescent="0.2">
      <c r="A115" s="31">
        <v>90</v>
      </c>
      <c r="B115" s="27">
        <v>5</v>
      </c>
      <c r="C115" s="28">
        <v>12</v>
      </c>
      <c r="D115" s="29">
        <v>17</v>
      </c>
    </row>
    <row r="116" spans="1:4" ht="18" customHeight="1" x14ac:dyDescent="0.2">
      <c r="A116" s="31">
        <v>91</v>
      </c>
      <c r="B116" s="27">
        <v>4</v>
      </c>
      <c r="C116" s="28">
        <v>10</v>
      </c>
      <c r="D116" s="29">
        <v>14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3</v>
      </c>
      <c r="C118" s="28">
        <v>14</v>
      </c>
      <c r="D118" s="29">
        <v>17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16</v>
      </c>
      <c r="C120" s="28">
        <v>51</v>
      </c>
      <c r="D120" s="29">
        <v>67</v>
      </c>
    </row>
    <row r="121" spans="1:4" ht="18" customHeight="1" x14ac:dyDescent="0.2">
      <c r="A121" s="31">
        <v>95</v>
      </c>
      <c r="B121" s="27">
        <v>2</v>
      </c>
      <c r="C121" s="28">
        <v>4</v>
      </c>
      <c r="D121" s="29">
        <v>6</v>
      </c>
    </row>
    <row r="122" spans="1:4" ht="18" customHeight="1" x14ac:dyDescent="0.2">
      <c r="A122" s="31">
        <v>96</v>
      </c>
      <c r="B122" s="27">
        <v>2</v>
      </c>
      <c r="C122" s="28">
        <v>12</v>
      </c>
      <c r="D122" s="29">
        <v>1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20</v>
      </c>
      <c r="D126" s="29">
        <v>25</v>
      </c>
    </row>
    <row r="127" spans="1:4" ht="18" customHeight="1" x14ac:dyDescent="0.2">
      <c r="A127" s="31">
        <v>100</v>
      </c>
      <c r="B127" s="27">
        <v>1</v>
      </c>
      <c r="C127" s="28">
        <v>1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589</v>
      </c>
      <c r="C130" s="5">
        <v>758</v>
      </c>
      <c r="D130" s="6">
        <v>1347</v>
      </c>
    </row>
    <row r="131" spans="1:4" ht="18" customHeight="1" x14ac:dyDescent="0.2">
      <c r="A131" s="33" t="s">
        <v>47</v>
      </c>
      <c r="B131" s="7">
        <v>2563</v>
      </c>
      <c r="C131" s="8">
        <v>2626</v>
      </c>
      <c r="D131" s="9">
        <v>518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10" ht="18" customHeight="1" x14ac:dyDescent="0.2">
      <c r="A6" s="31">
        <v>1</v>
      </c>
      <c r="B6" s="35">
        <v>7</v>
      </c>
      <c r="C6" s="28">
        <v>3</v>
      </c>
      <c r="D6" s="29">
        <v>10</v>
      </c>
    </row>
    <row r="7" spans="1:10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10" ht="18" customHeight="1" x14ac:dyDescent="0.2">
      <c r="A8" s="31">
        <v>3</v>
      </c>
      <c r="B8" s="35">
        <v>4</v>
      </c>
      <c r="C8" s="28">
        <v>4</v>
      </c>
      <c r="D8" s="29">
        <v>8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14</v>
      </c>
      <c r="C10" s="28">
        <v>10</v>
      </c>
      <c r="D10" s="29">
        <v>24</v>
      </c>
    </row>
    <row r="11" spans="1:10" ht="18" customHeight="1" x14ac:dyDescent="0.2">
      <c r="A11" s="31">
        <v>5</v>
      </c>
      <c r="B11" s="35">
        <v>2</v>
      </c>
      <c r="C11" s="28">
        <v>3</v>
      </c>
      <c r="D11" s="29">
        <v>5</v>
      </c>
    </row>
    <row r="12" spans="1:10" ht="18" customHeight="1" x14ac:dyDescent="0.2">
      <c r="A12" s="31">
        <v>6</v>
      </c>
      <c r="B12" s="35">
        <v>5</v>
      </c>
      <c r="C12" s="28">
        <v>3</v>
      </c>
      <c r="D12" s="29">
        <v>8</v>
      </c>
    </row>
    <row r="13" spans="1:10" ht="18" customHeight="1" x14ac:dyDescent="0.2">
      <c r="A13" s="31">
        <v>7</v>
      </c>
      <c r="B13" s="35">
        <v>3</v>
      </c>
      <c r="C13" s="28">
        <v>4</v>
      </c>
      <c r="D13" s="29">
        <v>7</v>
      </c>
    </row>
    <row r="14" spans="1:10" ht="18" customHeight="1" x14ac:dyDescent="0.2">
      <c r="A14" s="31">
        <v>8</v>
      </c>
      <c r="B14" s="35">
        <v>4</v>
      </c>
      <c r="C14" s="28">
        <v>2</v>
      </c>
      <c r="D14" s="29">
        <v>6</v>
      </c>
    </row>
    <row r="15" spans="1:10" ht="18" customHeight="1" x14ac:dyDescent="0.2">
      <c r="A15" s="31">
        <v>9</v>
      </c>
      <c r="B15" s="35">
        <v>4</v>
      </c>
      <c r="C15" s="28">
        <v>3</v>
      </c>
      <c r="D15" s="29">
        <v>7</v>
      </c>
    </row>
    <row r="16" spans="1:10" ht="18" customHeight="1" x14ac:dyDescent="0.2">
      <c r="A16" s="31" t="s">
        <v>49</v>
      </c>
      <c r="B16" s="27">
        <v>18</v>
      </c>
      <c r="C16" s="28">
        <v>15</v>
      </c>
      <c r="D16" s="29">
        <v>33</v>
      </c>
    </row>
    <row r="17" spans="1:4" ht="18" customHeight="1" x14ac:dyDescent="0.2">
      <c r="A17" s="31">
        <v>10</v>
      </c>
      <c r="B17" s="27">
        <v>2</v>
      </c>
      <c r="C17" s="28">
        <v>4</v>
      </c>
      <c r="D17" s="29">
        <v>6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5</v>
      </c>
      <c r="C20" s="28">
        <v>1</v>
      </c>
      <c r="D20" s="29">
        <v>6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50</v>
      </c>
      <c r="B22" s="27">
        <v>13</v>
      </c>
      <c r="C22" s="28">
        <v>12</v>
      </c>
      <c r="D22" s="29">
        <v>25</v>
      </c>
    </row>
    <row r="23" spans="1:4" ht="18" customHeight="1" x14ac:dyDescent="0.2">
      <c r="A23" s="31" t="s">
        <v>51</v>
      </c>
      <c r="B23" s="27">
        <v>45</v>
      </c>
      <c r="C23" s="28">
        <v>37</v>
      </c>
      <c r="D23" s="29">
        <v>82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5</v>
      </c>
      <c r="D25" s="29">
        <v>6</v>
      </c>
    </row>
    <row r="26" spans="1:4" ht="18" customHeight="1" x14ac:dyDescent="0.2">
      <c r="A26" s="31">
        <v>17</v>
      </c>
      <c r="B26" s="27">
        <v>3</v>
      </c>
      <c r="C26" s="28">
        <v>3</v>
      </c>
      <c r="D26" s="29">
        <v>6</v>
      </c>
    </row>
    <row r="27" spans="1:4" ht="18" customHeight="1" x14ac:dyDescent="0.2">
      <c r="A27" s="31">
        <v>18</v>
      </c>
      <c r="B27" s="27">
        <v>6</v>
      </c>
      <c r="C27" s="28">
        <v>5</v>
      </c>
      <c r="D27" s="29">
        <v>11</v>
      </c>
    </row>
    <row r="28" spans="1:4" ht="18" customHeight="1" x14ac:dyDescent="0.2">
      <c r="A28" s="31">
        <v>19</v>
      </c>
      <c r="B28" s="27">
        <v>11</v>
      </c>
      <c r="C28" s="28">
        <v>6</v>
      </c>
      <c r="D28" s="29">
        <v>17</v>
      </c>
    </row>
    <row r="29" spans="1:4" ht="18" customHeight="1" x14ac:dyDescent="0.2">
      <c r="A29" s="31" t="s">
        <v>52</v>
      </c>
      <c r="B29" s="27">
        <v>22</v>
      </c>
      <c r="C29" s="28">
        <v>21</v>
      </c>
      <c r="D29" s="29">
        <v>43</v>
      </c>
    </row>
    <row r="30" spans="1:4" ht="18" customHeight="1" x14ac:dyDescent="0.2">
      <c r="A30" s="31">
        <v>20</v>
      </c>
      <c r="B30" s="27">
        <v>5</v>
      </c>
      <c r="C30" s="28">
        <v>11</v>
      </c>
      <c r="D30" s="29">
        <v>16</v>
      </c>
    </row>
    <row r="31" spans="1:4" ht="18" customHeight="1" x14ac:dyDescent="0.2">
      <c r="A31" s="31">
        <v>21</v>
      </c>
      <c r="B31" s="27">
        <v>7</v>
      </c>
      <c r="C31" s="28">
        <v>21</v>
      </c>
      <c r="D31" s="29">
        <v>28</v>
      </c>
    </row>
    <row r="32" spans="1:4" ht="18" customHeight="1" x14ac:dyDescent="0.2">
      <c r="A32" s="31">
        <v>22</v>
      </c>
      <c r="B32" s="27">
        <v>6</v>
      </c>
      <c r="C32" s="28">
        <v>7</v>
      </c>
      <c r="D32" s="29">
        <v>13</v>
      </c>
    </row>
    <row r="33" spans="1:4" ht="18" customHeight="1" x14ac:dyDescent="0.2">
      <c r="A33" s="31">
        <v>23</v>
      </c>
      <c r="B33" s="27">
        <v>9</v>
      </c>
      <c r="C33" s="28">
        <v>9</v>
      </c>
      <c r="D33" s="29">
        <v>18</v>
      </c>
    </row>
    <row r="34" spans="1:4" ht="18" customHeight="1" x14ac:dyDescent="0.2">
      <c r="A34" s="31">
        <v>24</v>
      </c>
      <c r="B34" s="27">
        <v>3</v>
      </c>
      <c r="C34" s="28">
        <v>5</v>
      </c>
      <c r="D34" s="29">
        <v>8</v>
      </c>
    </row>
    <row r="35" spans="1:4" ht="18" customHeight="1" x14ac:dyDescent="0.2">
      <c r="A35" s="31" t="s">
        <v>53</v>
      </c>
      <c r="B35" s="27">
        <v>30</v>
      </c>
      <c r="C35" s="28">
        <v>53</v>
      </c>
      <c r="D35" s="29">
        <v>83</v>
      </c>
    </row>
    <row r="36" spans="1:4" ht="18" customHeight="1" x14ac:dyDescent="0.2">
      <c r="A36" s="31">
        <v>25</v>
      </c>
      <c r="B36" s="27">
        <v>8</v>
      </c>
      <c r="C36" s="28">
        <v>3</v>
      </c>
      <c r="D36" s="29">
        <v>11</v>
      </c>
    </row>
    <row r="37" spans="1:4" ht="18" customHeight="1" x14ac:dyDescent="0.2">
      <c r="A37" s="31">
        <v>26</v>
      </c>
      <c r="B37" s="27">
        <v>3</v>
      </c>
      <c r="C37" s="28">
        <v>3</v>
      </c>
      <c r="D37" s="29">
        <v>6</v>
      </c>
    </row>
    <row r="38" spans="1:4" ht="18" customHeight="1" x14ac:dyDescent="0.2">
      <c r="A38" s="31">
        <v>27</v>
      </c>
      <c r="B38" s="27">
        <v>2</v>
      </c>
      <c r="C38" s="28">
        <v>3</v>
      </c>
      <c r="D38" s="29">
        <v>5</v>
      </c>
    </row>
    <row r="39" spans="1:4" ht="18" customHeight="1" x14ac:dyDescent="0.2">
      <c r="A39" s="31">
        <v>28</v>
      </c>
      <c r="B39" s="27">
        <v>3</v>
      </c>
      <c r="C39" s="28">
        <v>3</v>
      </c>
      <c r="D39" s="29">
        <v>6</v>
      </c>
    </row>
    <row r="40" spans="1:4" ht="18" customHeight="1" x14ac:dyDescent="0.2">
      <c r="A40" s="31">
        <v>29</v>
      </c>
      <c r="B40" s="27">
        <v>11</v>
      </c>
      <c r="C40" s="28">
        <v>5</v>
      </c>
      <c r="D40" s="29">
        <v>16</v>
      </c>
    </row>
    <row r="41" spans="1:4" ht="18" customHeight="1" x14ac:dyDescent="0.2">
      <c r="A41" s="31" t="s">
        <v>54</v>
      </c>
      <c r="B41" s="27">
        <v>27</v>
      </c>
      <c r="C41" s="28">
        <v>17</v>
      </c>
      <c r="D41" s="29">
        <v>44</v>
      </c>
    </row>
    <row r="42" spans="1:4" ht="18" customHeight="1" x14ac:dyDescent="0.2">
      <c r="A42" s="31">
        <v>30</v>
      </c>
      <c r="B42" s="27">
        <v>6</v>
      </c>
      <c r="C42" s="28">
        <v>0</v>
      </c>
      <c r="D42" s="29">
        <v>6</v>
      </c>
    </row>
    <row r="43" spans="1:4" ht="18" customHeight="1" x14ac:dyDescent="0.2">
      <c r="A43" s="31">
        <v>31</v>
      </c>
      <c r="B43" s="27">
        <v>6</v>
      </c>
      <c r="C43" s="28">
        <v>2</v>
      </c>
      <c r="D43" s="29">
        <v>8</v>
      </c>
    </row>
    <row r="44" spans="1:4" ht="18" customHeight="1" x14ac:dyDescent="0.2">
      <c r="A44" s="31">
        <v>32</v>
      </c>
      <c r="B44" s="27">
        <v>3</v>
      </c>
      <c r="C44" s="28">
        <v>4</v>
      </c>
      <c r="D44" s="29">
        <v>7</v>
      </c>
    </row>
    <row r="45" spans="1:4" ht="18" customHeight="1" x14ac:dyDescent="0.2">
      <c r="A45" s="31">
        <v>33</v>
      </c>
      <c r="B45" s="27">
        <v>2</v>
      </c>
      <c r="C45" s="28">
        <v>2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4</v>
      </c>
      <c r="D46" s="29">
        <v>5</v>
      </c>
    </row>
    <row r="47" spans="1:4" ht="18" customHeight="1" x14ac:dyDescent="0.2">
      <c r="A47" s="31" t="s">
        <v>55</v>
      </c>
      <c r="B47" s="27">
        <v>18</v>
      </c>
      <c r="C47" s="28">
        <v>12</v>
      </c>
      <c r="D47" s="29">
        <v>30</v>
      </c>
    </row>
    <row r="48" spans="1:4" ht="18" customHeight="1" x14ac:dyDescent="0.2">
      <c r="A48" s="31">
        <v>35</v>
      </c>
      <c r="B48" s="27">
        <v>4</v>
      </c>
      <c r="C48" s="28">
        <v>6</v>
      </c>
      <c r="D48" s="29">
        <v>10</v>
      </c>
    </row>
    <row r="49" spans="1:4" ht="18" customHeight="1" x14ac:dyDescent="0.2">
      <c r="A49" s="31">
        <v>36</v>
      </c>
      <c r="B49" s="27">
        <v>5</v>
      </c>
      <c r="C49" s="28">
        <v>2</v>
      </c>
      <c r="D49" s="29">
        <v>7</v>
      </c>
    </row>
    <row r="50" spans="1:4" ht="18" customHeight="1" x14ac:dyDescent="0.2">
      <c r="A50" s="31">
        <v>37</v>
      </c>
      <c r="B50" s="27">
        <v>3</v>
      </c>
      <c r="C50" s="28">
        <v>5</v>
      </c>
      <c r="D50" s="29">
        <v>8</v>
      </c>
    </row>
    <row r="51" spans="1:4" ht="18" customHeight="1" x14ac:dyDescent="0.2">
      <c r="A51" s="31">
        <v>38</v>
      </c>
      <c r="B51" s="27">
        <v>2</v>
      </c>
      <c r="C51" s="28">
        <v>4</v>
      </c>
      <c r="D51" s="29">
        <v>6</v>
      </c>
    </row>
    <row r="52" spans="1:4" ht="18" customHeight="1" x14ac:dyDescent="0.2">
      <c r="A52" s="31">
        <v>39</v>
      </c>
      <c r="B52" s="27">
        <v>3</v>
      </c>
      <c r="C52" s="28">
        <v>7</v>
      </c>
      <c r="D52" s="29">
        <v>10</v>
      </c>
    </row>
    <row r="53" spans="1:4" ht="18" customHeight="1" x14ac:dyDescent="0.2">
      <c r="A53" s="31" t="s">
        <v>56</v>
      </c>
      <c r="B53" s="27">
        <v>17</v>
      </c>
      <c r="C53" s="28">
        <v>24</v>
      </c>
      <c r="D53" s="29">
        <v>41</v>
      </c>
    </row>
    <row r="54" spans="1:4" ht="18" customHeight="1" x14ac:dyDescent="0.2">
      <c r="A54" s="31">
        <v>40</v>
      </c>
      <c r="B54" s="27">
        <v>8</v>
      </c>
      <c r="C54" s="28">
        <v>2</v>
      </c>
      <c r="D54" s="29">
        <v>10</v>
      </c>
    </row>
    <row r="55" spans="1:4" ht="18" customHeight="1" x14ac:dyDescent="0.2">
      <c r="A55" s="31">
        <v>41</v>
      </c>
      <c r="B55" s="27">
        <v>4</v>
      </c>
      <c r="C55" s="28">
        <v>1</v>
      </c>
      <c r="D55" s="29">
        <v>5</v>
      </c>
    </row>
    <row r="56" spans="1:4" ht="18" customHeight="1" x14ac:dyDescent="0.2">
      <c r="A56" s="31">
        <v>42</v>
      </c>
      <c r="B56" s="27">
        <v>6</v>
      </c>
      <c r="C56" s="28">
        <v>8</v>
      </c>
      <c r="D56" s="29">
        <v>14</v>
      </c>
    </row>
    <row r="57" spans="1:4" ht="18" customHeight="1" x14ac:dyDescent="0.2">
      <c r="A57" s="31">
        <v>43</v>
      </c>
      <c r="B57" s="27">
        <v>4</v>
      </c>
      <c r="C57" s="28">
        <v>6</v>
      </c>
      <c r="D57" s="29">
        <v>10</v>
      </c>
    </row>
    <row r="58" spans="1:4" ht="18" customHeight="1" x14ac:dyDescent="0.2">
      <c r="A58" s="31">
        <v>44</v>
      </c>
      <c r="B58" s="27">
        <v>7</v>
      </c>
      <c r="C58" s="28">
        <v>5</v>
      </c>
      <c r="D58" s="29">
        <v>12</v>
      </c>
    </row>
    <row r="59" spans="1:4" ht="18" customHeight="1" x14ac:dyDescent="0.2">
      <c r="A59" s="31" t="s">
        <v>57</v>
      </c>
      <c r="B59" s="27">
        <v>29</v>
      </c>
      <c r="C59" s="28">
        <v>22</v>
      </c>
      <c r="D59" s="29">
        <v>51</v>
      </c>
    </row>
    <row r="60" spans="1:4" ht="18" customHeight="1" x14ac:dyDescent="0.2">
      <c r="A60" s="31">
        <v>45</v>
      </c>
      <c r="B60" s="27">
        <v>4</v>
      </c>
      <c r="C60" s="28">
        <v>7</v>
      </c>
      <c r="D60" s="29">
        <v>11</v>
      </c>
    </row>
    <row r="61" spans="1:4" ht="18" customHeight="1" x14ac:dyDescent="0.2">
      <c r="A61" s="31">
        <v>46</v>
      </c>
      <c r="B61" s="27">
        <v>4</v>
      </c>
      <c r="C61" s="28">
        <v>6</v>
      </c>
      <c r="D61" s="29">
        <v>10</v>
      </c>
    </row>
    <row r="62" spans="1:4" ht="18" customHeight="1" x14ac:dyDescent="0.2">
      <c r="A62" s="31">
        <v>47</v>
      </c>
      <c r="B62" s="27">
        <v>1</v>
      </c>
      <c r="C62" s="28">
        <v>4</v>
      </c>
      <c r="D62" s="29">
        <v>5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7</v>
      </c>
      <c r="C64" s="28">
        <v>5</v>
      </c>
      <c r="D64" s="29">
        <v>12</v>
      </c>
    </row>
    <row r="65" spans="1:4" ht="18" customHeight="1" x14ac:dyDescent="0.2">
      <c r="A65" s="31" t="s">
        <v>58</v>
      </c>
      <c r="B65" s="27">
        <v>20</v>
      </c>
      <c r="C65" s="28">
        <v>24</v>
      </c>
      <c r="D65" s="29">
        <v>44</v>
      </c>
    </row>
    <row r="66" spans="1:4" ht="18" customHeight="1" x14ac:dyDescent="0.2">
      <c r="A66" s="31">
        <v>50</v>
      </c>
      <c r="B66" s="27">
        <v>7</v>
      </c>
      <c r="C66" s="28">
        <v>7</v>
      </c>
      <c r="D66" s="29">
        <v>14</v>
      </c>
    </row>
    <row r="67" spans="1:4" ht="18" customHeight="1" x14ac:dyDescent="0.2">
      <c r="A67" s="31">
        <v>51</v>
      </c>
      <c r="B67" s="27">
        <v>7</v>
      </c>
      <c r="C67" s="28">
        <v>11</v>
      </c>
      <c r="D67" s="29">
        <v>18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6</v>
      </c>
      <c r="C69" s="28">
        <v>6</v>
      </c>
      <c r="D69" s="29">
        <v>12</v>
      </c>
    </row>
    <row r="70" spans="1:4" ht="18" customHeight="1" x14ac:dyDescent="0.2">
      <c r="A70" s="31">
        <v>54</v>
      </c>
      <c r="B70" s="27">
        <v>5</v>
      </c>
      <c r="C70" s="28">
        <v>4</v>
      </c>
      <c r="D70" s="29">
        <v>9</v>
      </c>
    </row>
    <row r="71" spans="1:4" ht="18" customHeight="1" x14ac:dyDescent="0.2">
      <c r="A71" s="31" t="s">
        <v>59</v>
      </c>
      <c r="B71" s="27">
        <v>27</v>
      </c>
      <c r="C71" s="28">
        <v>32</v>
      </c>
      <c r="D71" s="29">
        <v>59</v>
      </c>
    </row>
    <row r="72" spans="1:4" ht="18" customHeight="1" x14ac:dyDescent="0.2">
      <c r="A72" s="31">
        <v>55</v>
      </c>
      <c r="B72" s="27">
        <v>8</v>
      </c>
      <c r="C72" s="28">
        <v>8</v>
      </c>
      <c r="D72" s="29">
        <v>16</v>
      </c>
    </row>
    <row r="73" spans="1:4" ht="18" customHeight="1" x14ac:dyDescent="0.2">
      <c r="A73" s="31">
        <v>56</v>
      </c>
      <c r="B73" s="27">
        <v>10</v>
      </c>
      <c r="C73" s="28">
        <v>6</v>
      </c>
      <c r="D73" s="29">
        <v>16</v>
      </c>
    </row>
    <row r="74" spans="1:4" ht="18" customHeight="1" x14ac:dyDescent="0.2">
      <c r="A74" s="31">
        <v>57</v>
      </c>
      <c r="B74" s="27">
        <v>5</v>
      </c>
      <c r="C74" s="28">
        <v>10</v>
      </c>
      <c r="D74" s="29">
        <v>15</v>
      </c>
    </row>
    <row r="75" spans="1:4" ht="18" customHeight="1" x14ac:dyDescent="0.2">
      <c r="A75" s="31">
        <v>58</v>
      </c>
      <c r="B75" s="27">
        <v>9</v>
      </c>
      <c r="C75" s="28">
        <v>7</v>
      </c>
      <c r="D75" s="29">
        <v>16</v>
      </c>
    </row>
    <row r="76" spans="1:4" ht="18" customHeight="1" x14ac:dyDescent="0.2">
      <c r="A76" s="31">
        <v>59</v>
      </c>
      <c r="B76" s="27">
        <v>11</v>
      </c>
      <c r="C76" s="28">
        <v>3</v>
      </c>
      <c r="D76" s="29">
        <v>14</v>
      </c>
    </row>
    <row r="77" spans="1:4" ht="18" customHeight="1" x14ac:dyDescent="0.2">
      <c r="A77" s="31" t="s">
        <v>60</v>
      </c>
      <c r="B77" s="27">
        <v>43</v>
      </c>
      <c r="C77" s="28">
        <v>34</v>
      </c>
      <c r="D77" s="29">
        <v>77</v>
      </c>
    </row>
    <row r="78" spans="1:4" ht="18" customHeight="1" x14ac:dyDescent="0.2">
      <c r="A78" s="31">
        <v>60</v>
      </c>
      <c r="B78" s="27">
        <v>7</v>
      </c>
      <c r="C78" s="28">
        <v>7</v>
      </c>
      <c r="D78" s="29">
        <v>14</v>
      </c>
    </row>
    <row r="79" spans="1:4" ht="18" customHeight="1" x14ac:dyDescent="0.2">
      <c r="A79" s="31">
        <v>61</v>
      </c>
      <c r="B79" s="27">
        <v>8</v>
      </c>
      <c r="C79" s="28">
        <v>6</v>
      </c>
      <c r="D79" s="29">
        <v>14</v>
      </c>
    </row>
    <row r="80" spans="1:4" ht="18" customHeight="1" x14ac:dyDescent="0.2">
      <c r="A80" s="31">
        <v>62</v>
      </c>
      <c r="B80" s="27">
        <v>5</v>
      </c>
      <c r="C80" s="28">
        <v>4</v>
      </c>
      <c r="D80" s="29">
        <v>9</v>
      </c>
    </row>
    <row r="81" spans="1:4" ht="18" customHeight="1" x14ac:dyDescent="0.2">
      <c r="A81" s="31">
        <v>63</v>
      </c>
      <c r="B81" s="27">
        <v>10</v>
      </c>
      <c r="C81" s="28">
        <v>2</v>
      </c>
      <c r="D81" s="29">
        <v>12</v>
      </c>
    </row>
    <row r="82" spans="1:4" ht="18" customHeight="1" x14ac:dyDescent="0.2">
      <c r="A82" s="31">
        <v>64</v>
      </c>
      <c r="B82" s="27">
        <v>9</v>
      </c>
      <c r="C82" s="28">
        <v>6</v>
      </c>
      <c r="D82" s="29">
        <v>15</v>
      </c>
    </row>
    <row r="83" spans="1:4" ht="18" customHeight="1" x14ac:dyDescent="0.2">
      <c r="A83" s="31" t="s">
        <v>61</v>
      </c>
      <c r="B83" s="27">
        <v>39</v>
      </c>
      <c r="C83" s="28">
        <v>25</v>
      </c>
      <c r="D83" s="29">
        <v>64</v>
      </c>
    </row>
    <row r="84" spans="1:4" ht="18" customHeight="1" x14ac:dyDescent="0.2">
      <c r="A84" s="31" t="s">
        <v>62</v>
      </c>
      <c r="B84" s="27">
        <v>272</v>
      </c>
      <c r="C84" s="28">
        <v>264</v>
      </c>
      <c r="D84" s="29">
        <v>536</v>
      </c>
    </row>
    <row r="85" spans="1:4" ht="18" customHeight="1" x14ac:dyDescent="0.2">
      <c r="A85" s="31">
        <v>65</v>
      </c>
      <c r="B85" s="27">
        <v>6</v>
      </c>
      <c r="C85" s="28">
        <v>11</v>
      </c>
      <c r="D85" s="29">
        <v>17</v>
      </c>
    </row>
    <row r="86" spans="1:4" ht="18" customHeight="1" x14ac:dyDescent="0.2">
      <c r="A86" s="31">
        <v>66</v>
      </c>
      <c r="B86" s="27">
        <v>8</v>
      </c>
      <c r="C86" s="28">
        <v>3</v>
      </c>
      <c r="D86" s="29">
        <v>11</v>
      </c>
    </row>
    <row r="87" spans="1:4" ht="18" customHeight="1" x14ac:dyDescent="0.2">
      <c r="A87" s="31">
        <v>67</v>
      </c>
      <c r="B87" s="27">
        <v>9</v>
      </c>
      <c r="C87" s="28">
        <v>7</v>
      </c>
      <c r="D87" s="29">
        <v>16</v>
      </c>
    </row>
    <row r="88" spans="1:4" ht="18" customHeight="1" x14ac:dyDescent="0.2">
      <c r="A88" s="31">
        <v>68</v>
      </c>
      <c r="B88" s="27">
        <v>9</v>
      </c>
      <c r="C88" s="28">
        <v>14</v>
      </c>
      <c r="D88" s="29">
        <v>23</v>
      </c>
    </row>
    <row r="89" spans="1:4" ht="18" customHeight="1" x14ac:dyDescent="0.2">
      <c r="A89" s="31">
        <v>69</v>
      </c>
      <c r="B89" s="27">
        <v>9</v>
      </c>
      <c r="C89" s="28">
        <v>7</v>
      </c>
      <c r="D89" s="29">
        <v>16</v>
      </c>
    </row>
    <row r="90" spans="1:4" ht="18" customHeight="1" x14ac:dyDescent="0.2">
      <c r="A90" s="31" t="s">
        <v>63</v>
      </c>
      <c r="B90" s="27">
        <v>41</v>
      </c>
      <c r="C90" s="28">
        <v>42</v>
      </c>
      <c r="D90" s="29">
        <v>83</v>
      </c>
    </row>
    <row r="91" spans="1:4" ht="18" customHeight="1" x14ac:dyDescent="0.2">
      <c r="A91" s="31">
        <v>70</v>
      </c>
      <c r="B91" s="27">
        <v>7</v>
      </c>
      <c r="C91" s="28">
        <v>8</v>
      </c>
      <c r="D91" s="29">
        <v>15</v>
      </c>
    </row>
    <row r="92" spans="1:4" ht="18" customHeight="1" x14ac:dyDescent="0.2">
      <c r="A92" s="31">
        <v>71</v>
      </c>
      <c r="B92" s="27">
        <v>12</v>
      </c>
      <c r="C92" s="28">
        <v>14</v>
      </c>
      <c r="D92" s="29">
        <v>26</v>
      </c>
    </row>
    <row r="93" spans="1:4" ht="18" customHeight="1" x14ac:dyDescent="0.2">
      <c r="A93" s="31">
        <v>72</v>
      </c>
      <c r="B93" s="27">
        <v>7</v>
      </c>
      <c r="C93" s="28">
        <v>6</v>
      </c>
      <c r="D93" s="29">
        <v>13</v>
      </c>
    </row>
    <row r="94" spans="1:4" ht="18" customHeight="1" x14ac:dyDescent="0.2">
      <c r="A94" s="31">
        <v>73</v>
      </c>
      <c r="B94" s="27">
        <v>1</v>
      </c>
      <c r="C94" s="28">
        <v>5</v>
      </c>
      <c r="D94" s="29">
        <v>6</v>
      </c>
    </row>
    <row r="95" spans="1:4" ht="18" customHeight="1" x14ac:dyDescent="0.2">
      <c r="A95" s="31">
        <v>74</v>
      </c>
      <c r="B95" s="27">
        <v>6</v>
      </c>
      <c r="C95" s="28">
        <v>8</v>
      </c>
      <c r="D95" s="29">
        <v>14</v>
      </c>
    </row>
    <row r="96" spans="1:4" ht="18" customHeight="1" x14ac:dyDescent="0.2">
      <c r="A96" s="31" t="s">
        <v>64</v>
      </c>
      <c r="B96" s="27">
        <v>33</v>
      </c>
      <c r="C96" s="28">
        <v>41</v>
      </c>
      <c r="D96" s="29">
        <v>74</v>
      </c>
    </row>
    <row r="97" spans="1:4" ht="18" customHeight="1" x14ac:dyDescent="0.2">
      <c r="A97" s="31">
        <v>75</v>
      </c>
      <c r="B97" s="27">
        <v>10</v>
      </c>
      <c r="C97" s="28">
        <v>7</v>
      </c>
      <c r="D97" s="29">
        <v>17</v>
      </c>
    </row>
    <row r="98" spans="1:4" ht="18" customHeight="1" x14ac:dyDescent="0.2">
      <c r="A98" s="31">
        <v>76</v>
      </c>
      <c r="B98" s="27">
        <v>4</v>
      </c>
      <c r="C98" s="28">
        <v>7</v>
      </c>
      <c r="D98" s="29">
        <v>11</v>
      </c>
    </row>
    <row r="99" spans="1:4" ht="18" customHeight="1" x14ac:dyDescent="0.2">
      <c r="A99" s="31">
        <v>77</v>
      </c>
      <c r="B99" s="27">
        <v>10</v>
      </c>
      <c r="C99" s="28">
        <v>6</v>
      </c>
      <c r="D99" s="29">
        <v>16</v>
      </c>
    </row>
    <row r="100" spans="1:4" ht="18" customHeight="1" x14ac:dyDescent="0.2">
      <c r="A100" s="31">
        <v>78</v>
      </c>
      <c r="B100" s="27">
        <v>5</v>
      </c>
      <c r="C100" s="28">
        <v>5</v>
      </c>
      <c r="D100" s="29">
        <v>10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65</v>
      </c>
      <c r="B102" s="27">
        <v>32</v>
      </c>
      <c r="C102" s="28">
        <v>32</v>
      </c>
      <c r="D102" s="29">
        <v>64</v>
      </c>
    </row>
    <row r="103" spans="1:4" ht="18" customHeight="1" x14ac:dyDescent="0.2">
      <c r="A103" s="31">
        <v>80</v>
      </c>
      <c r="B103" s="27">
        <v>6</v>
      </c>
      <c r="C103" s="28">
        <v>13</v>
      </c>
      <c r="D103" s="29">
        <v>19</v>
      </c>
    </row>
    <row r="104" spans="1:4" ht="18" customHeight="1" x14ac:dyDescent="0.2">
      <c r="A104" s="31">
        <v>81</v>
      </c>
      <c r="B104" s="27">
        <v>5</v>
      </c>
      <c r="C104" s="28">
        <v>12</v>
      </c>
      <c r="D104" s="29">
        <v>17</v>
      </c>
    </row>
    <row r="105" spans="1:4" ht="18" customHeight="1" x14ac:dyDescent="0.2">
      <c r="A105" s="31">
        <v>82</v>
      </c>
      <c r="B105" s="27">
        <v>1</v>
      </c>
      <c r="C105" s="28">
        <v>10</v>
      </c>
      <c r="D105" s="29">
        <v>11</v>
      </c>
    </row>
    <row r="106" spans="1:4" ht="18" customHeight="1" x14ac:dyDescent="0.2">
      <c r="A106" s="31">
        <v>83</v>
      </c>
      <c r="B106" s="27">
        <v>8</v>
      </c>
      <c r="C106" s="28">
        <v>7</v>
      </c>
      <c r="D106" s="29">
        <v>15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66</v>
      </c>
      <c r="B108" s="27">
        <v>22</v>
      </c>
      <c r="C108" s="28">
        <v>45</v>
      </c>
      <c r="D108" s="29">
        <v>67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5</v>
      </c>
      <c r="D110" s="29">
        <v>6</v>
      </c>
    </row>
    <row r="111" spans="1:4" ht="18" customHeight="1" x14ac:dyDescent="0.2">
      <c r="A111" s="31">
        <v>87</v>
      </c>
      <c r="B111" s="27">
        <v>2</v>
      </c>
      <c r="C111" s="28">
        <v>4</v>
      </c>
      <c r="D111" s="29">
        <v>6</v>
      </c>
    </row>
    <row r="112" spans="1:4" ht="18" customHeight="1" x14ac:dyDescent="0.2">
      <c r="A112" s="31">
        <v>88</v>
      </c>
      <c r="B112" s="27">
        <v>4</v>
      </c>
      <c r="C112" s="28">
        <v>3</v>
      </c>
      <c r="D112" s="29">
        <v>7</v>
      </c>
    </row>
    <row r="113" spans="1:4" ht="18" customHeight="1" x14ac:dyDescent="0.2">
      <c r="A113" s="31">
        <v>89</v>
      </c>
      <c r="B113" s="27">
        <v>0</v>
      </c>
      <c r="C113" s="28">
        <v>5</v>
      </c>
      <c r="D113" s="29">
        <v>5</v>
      </c>
    </row>
    <row r="114" spans="1:4" ht="18" customHeight="1" x14ac:dyDescent="0.2">
      <c r="A114" s="31" t="s">
        <v>67</v>
      </c>
      <c r="B114" s="27">
        <v>9</v>
      </c>
      <c r="C114" s="28">
        <v>20</v>
      </c>
      <c r="D114" s="29">
        <v>29</v>
      </c>
    </row>
    <row r="115" spans="1:4" ht="18" customHeight="1" x14ac:dyDescent="0.2">
      <c r="A115" s="31">
        <v>90</v>
      </c>
      <c r="B115" s="27">
        <v>4</v>
      </c>
      <c r="C115" s="28">
        <v>1</v>
      </c>
      <c r="D115" s="29">
        <v>5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7</v>
      </c>
      <c r="C120" s="28">
        <v>13</v>
      </c>
      <c r="D120" s="29">
        <v>20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45</v>
      </c>
      <c r="C130" s="5">
        <v>200</v>
      </c>
      <c r="D130" s="6">
        <v>345</v>
      </c>
    </row>
    <row r="131" spans="1:4" ht="18" customHeight="1" x14ac:dyDescent="0.2">
      <c r="A131" s="33" t="s">
        <v>47</v>
      </c>
      <c r="B131" s="7">
        <v>462</v>
      </c>
      <c r="C131" s="8">
        <v>501</v>
      </c>
      <c r="D131" s="9">
        <v>96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1</v>
      </c>
      <c r="C5" s="37">
        <v>18</v>
      </c>
      <c r="D5" s="39">
        <v>39</v>
      </c>
    </row>
    <row r="6" spans="1:10" ht="18" customHeight="1" x14ac:dyDescent="0.2">
      <c r="A6" s="31">
        <v>1</v>
      </c>
      <c r="B6" s="35">
        <v>30</v>
      </c>
      <c r="C6" s="28">
        <v>28</v>
      </c>
      <c r="D6" s="29">
        <v>58</v>
      </c>
    </row>
    <row r="7" spans="1:10" ht="18" customHeight="1" x14ac:dyDescent="0.2">
      <c r="A7" s="31">
        <v>2</v>
      </c>
      <c r="B7" s="35">
        <v>32</v>
      </c>
      <c r="C7" s="28">
        <v>21</v>
      </c>
      <c r="D7" s="29">
        <v>53</v>
      </c>
    </row>
    <row r="8" spans="1:10" ht="18" customHeight="1" x14ac:dyDescent="0.2">
      <c r="A8" s="31">
        <v>3</v>
      </c>
      <c r="B8" s="35">
        <v>27</v>
      </c>
      <c r="C8" s="28">
        <v>27</v>
      </c>
      <c r="D8" s="29">
        <v>54</v>
      </c>
    </row>
    <row r="9" spans="1:10" ht="18" customHeight="1" x14ac:dyDescent="0.2">
      <c r="A9" s="31">
        <v>4</v>
      </c>
      <c r="B9" s="36">
        <v>37</v>
      </c>
      <c r="C9" s="38">
        <v>24</v>
      </c>
      <c r="D9" s="40">
        <v>61</v>
      </c>
    </row>
    <row r="10" spans="1:10" ht="18" customHeight="1" x14ac:dyDescent="0.2">
      <c r="A10" s="31" t="s">
        <v>48</v>
      </c>
      <c r="B10" s="27">
        <v>147</v>
      </c>
      <c r="C10" s="28">
        <v>118</v>
      </c>
      <c r="D10" s="29">
        <v>265</v>
      </c>
    </row>
    <row r="11" spans="1:10" ht="18" customHeight="1" x14ac:dyDescent="0.2">
      <c r="A11" s="31">
        <v>5</v>
      </c>
      <c r="B11" s="35">
        <v>21</v>
      </c>
      <c r="C11" s="28">
        <v>26</v>
      </c>
      <c r="D11" s="29">
        <v>47</v>
      </c>
    </row>
    <row r="12" spans="1:10" ht="18" customHeight="1" x14ac:dyDescent="0.2">
      <c r="A12" s="31">
        <v>6</v>
      </c>
      <c r="B12" s="35">
        <v>39</v>
      </c>
      <c r="C12" s="28">
        <v>27</v>
      </c>
      <c r="D12" s="29">
        <v>66</v>
      </c>
    </row>
    <row r="13" spans="1:10" ht="18" customHeight="1" x14ac:dyDescent="0.2">
      <c r="A13" s="31">
        <v>7</v>
      </c>
      <c r="B13" s="35">
        <v>35</v>
      </c>
      <c r="C13" s="28">
        <v>36</v>
      </c>
      <c r="D13" s="29">
        <v>71</v>
      </c>
    </row>
    <row r="14" spans="1:10" ht="18" customHeight="1" x14ac:dyDescent="0.2">
      <c r="A14" s="31">
        <v>8</v>
      </c>
      <c r="B14" s="35">
        <v>37</v>
      </c>
      <c r="C14" s="28">
        <v>23</v>
      </c>
      <c r="D14" s="29">
        <v>60</v>
      </c>
    </row>
    <row r="15" spans="1:10" ht="18" customHeight="1" x14ac:dyDescent="0.2">
      <c r="A15" s="31">
        <v>9</v>
      </c>
      <c r="B15" s="35">
        <v>38</v>
      </c>
      <c r="C15" s="28">
        <v>30</v>
      </c>
      <c r="D15" s="29">
        <v>68</v>
      </c>
    </row>
    <row r="16" spans="1:10" ht="18" customHeight="1" x14ac:dyDescent="0.2">
      <c r="A16" s="31" t="s">
        <v>49</v>
      </c>
      <c r="B16" s="27">
        <v>170</v>
      </c>
      <c r="C16" s="28">
        <v>142</v>
      </c>
      <c r="D16" s="29">
        <v>312</v>
      </c>
    </row>
    <row r="17" spans="1:4" ht="18" customHeight="1" x14ac:dyDescent="0.2">
      <c r="A17" s="31">
        <v>10</v>
      </c>
      <c r="B17" s="27">
        <v>35</v>
      </c>
      <c r="C17" s="28">
        <v>38</v>
      </c>
      <c r="D17" s="29">
        <v>73</v>
      </c>
    </row>
    <row r="18" spans="1:4" ht="18" customHeight="1" x14ac:dyDescent="0.2">
      <c r="A18" s="31">
        <v>11</v>
      </c>
      <c r="B18" s="27">
        <v>34</v>
      </c>
      <c r="C18" s="28">
        <v>47</v>
      </c>
      <c r="D18" s="29">
        <v>81</v>
      </c>
    </row>
    <row r="19" spans="1:4" ht="18" customHeight="1" x14ac:dyDescent="0.2">
      <c r="A19" s="31">
        <v>12</v>
      </c>
      <c r="B19" s="27">
        <v>44</v>
      </c>
      <c r="C19" s="28">
        <v>38</v>
      </c>
      <c r="D19" s="29">
        <v>82</v>
      </c>
    </row>
    <row r="20" spans="1:4" ht="18" customHeight="1" x14ac:dyDescent="0.2">
      <c r="A20" s="31">
        <v>13</v>
      </c>
      <c r="B20" s="27">
        <v>50</v>
      </c>
      <c r="C20" s="28">
        <v>39</v>
      </c>
      <c r="D20" s="29">
        <v>89</v>
      </c>
    </row>
    <row r="21" spans="1:4" ht="18" customHeight="1" x14ac:dyDescent="0.2">
      <c r="A21" s="31">
        <v>14</v>
      </c>
      <c r="B21" s="27">
        <v>47</v>
      </c>
      <c r="C21" s="28">
        <v>48</v>
      </c>
      <c r="D21" s="29">
        <v>95</v>
      </c>
    </row>
    <row r="22" spans="1:4" ht="18" customHeight="1" x14ac:dyDescent="0.2">
      <c r="A22" s="31" t="s">
        <v>50</v>
      </c>
      <c r="B22" s="27">
        <v>210</v>
      </c>
      <c r="C22" s="28">
        <v>210</v>
      </c>
      <c r="D22" s="29">
        <v>420</v>
      </c>
    </row>
    <row r="23" spans="1:4" ht="18" customHeight="1" x14ac:dyDescent="0.2">
      <c r="A23" s="31" t="s">
        <v>51</v>
      </c>
      <c r="B23" s="27">
        <v>527</v>
      </c>
      <c r="C23" s="28">
        <v>470</v>
      </c>
      <c r="D23" s="29">
        <v>997</v>
      </c>
    </row>
    <row r="24" spans="1:4" ht="18" customHeight="1" x14ac:dyDescent="0.2">
      <c r="A24" s="31">
        <v>15</v>
      </c>
      <c r="B24" s="27">
        <v>51</v>
      </c>
      <c r="C24" s="28">
        <v>50</v>
      </c>
      <c r="D24" s="29">
        <v>101</v>
      </c>
    </row>
    <row r="25" spans="1:4" ht="18" customHeight="1" x14ac:dyDescent="0.2">
      <c r="A25" s="31">
        <v>16</v>
      </c>
      <c r="B25" s="27">
        <v>46</v>
      </c>
      <c r="C25" s="28">
        <v>62</v>
      </c>
      <c r="D25" s="29">
        <v>108</v>
      </c>
    </row>
    <row r="26" spans="1:4" ht="18" customHeight="1" x14ac:dyDescent="0.2">
      <c r="A26" s="31">
        <v>17</v>
      </c>
      <c r="B26" s="27">
        <v>60</v>
      </c>
      <c r="C26" s="28">
        <v>54</v>
      </c>
      <c r="D26" s="29">
        <v>114</v>
      </c>
    </row>
    <row r="27" spans="1:4" ht="18" customHeight="1" x14ac:dyDescent="0.2">
      <c r="A27" s="31">
        <v>18</v>
      </c>
      <c r="B27" s="27">
        <v>48</v>
      </c>
      <c r="C27" s="28">
        <v>46</v>
      </c>
      <c r="D27" s="29">
        <v>94</v>
      </c>
    </row>
    <row r="28" spans="1:4" ht="18" customHeight="1" x14ac:dyDescent="0.2">
      <c r="A28" s="31">
        <v>19</v>
      </c>
      <c r="B28" s="27">
        <v>68</v>
      </c>
      <c r="C28" s="28">
        <v>51</v>
      </c>
      <c r="D28" s="29">
        <v>119</v>
      </c>
    </row>
    <row r="29" spans="1:4" ht="18" customHeight="1" x14ac:dyDescent="0.2">
      <c r="A29" s="31" t="s">
        <v>52</v>
      </c>
      <c r="B29" s="27">
        <v>273</v>
      </c>
      <c r="C29" s="28">
        <v>263</v>
      </c>
      <c r="D29" s="29">
        <v>536</v>
      </c>
    </row>
    <row r="30" spans="1:4" ht="18" customHeight="1" x14ac:dyDescent="0.2">
      <c r="A30" s="31">
        <v>20</v>
      </c>
      <c r="B30" s="27">
        <v>49</v>
      </c>
      <c r="C30" s="28">
        <v>60</v>
      </c>
      <c r="D30" s="29">
        <v>109</v>
      </c>
    </row>
    <row r="31" spans="1:4" ht="18" customHeight="1" x14ac:dyDescent="0.2">
      <c r="A31" s="31">
        <v>21</v>
      </c>
      <c r="B31" s="27">
        <v>68</v>
      </c>
      <c r="C31" s="28">
        <v>65</v>
      </c>
      <c r="D31" s="29">
        <v>133</v>
      </c>
    </row>
    <row r="32" spans="1:4" ht="18" customHeight="1" x14ac:dyDescent="0.2">
      <c r="A32" s="31">
        <v>22</v>
      </c>
      <c r="B32" s="27">
        <v>64</v>
      </c>
      <c r="C32" s="28">
        <v>45</v>
      </c>
      <c r="D32" s="29">
        <v>109</v>
      </c>
    </row>
    <row r="33" spans="1:4" ht="18" customHeight="1" x14ac:dyDescent="0.2">
      <c r="A33" s="31">
        <v>23</v>
      </c>
      <c r="B33" s="27">
        <v>62</v>
      </c>
      <c r="C33" s="28">
        <v>54</v>
      </c>
      <c r="D33" s="29">
        <v>116</v>
      </c>
    </row>
    <row r="34" spans="1:4" ht="18" customHeight="1" x14ac:dyDescent="0.2">
      <c r="A34" s="31">
        <v>24</v>
      </c>
      <c r="B34" s="27">
        <v>62</v>
      </c>
      <c r="C34" s="28">
        <v>40</v>
      </c>
      <c r="D34" s="29">
        <v>102</v>
      </c>
    </row>
    <row r="35" spans="1:4" ht="18" customHeight="1" x14ac:dyDescent="0.2">
      <c r="A35" s="31" t="s">
        <v>53</v>
      </c>
      <c r="B35" s="27">
        <v>305</v>
      </c>
      <c r="C35" s="28">
        <v>264</v>
      </c>
      <c r="D35" s="29">
        <v>569</v>
      </c>
    </row>
    <row r="36" spans="1:4" ht="18" customHeight="1" x14ac:dyDescent="0.2">
      <c r="A36" s="31">
        <v>25</v>
      </c>
      <c r="B36" s="27">
        <v>53</v>
      </c>
      <c r="C36" s="28">
        <v>40</v>
      </c>
      <c r="D36" s="29">
        <v>93</v>
      </c>
    </row>
    <row r="37" spans="1:4" ht="18" customHeight="1" x14ac:dyDescent="0.2">
      <c r="A37" s="31">
        <v>26</v>
      </c>
      <c r="B37" s="27">
        <v>37</v>
      </c>
      <c r="C37" s="28">
        <v>39</v>
      </c>
      <c r="D37" s="29">
        <v>76</v>
      </c>
    </row>
    <row r="38" spans="1:4" ht="18" customHeight="1" x14ac:dyDescent="0.2">
      <c r="A38" s="31">
        <v>27</v>
      </c>
      <c r="B38" s="27">
        <v>28</v>
      </c>
      <c r="C38" s="28">
        <v>28</v>
      </c>
      <c r="D38" s="29">
        <v>56</v>
      </c>
    </row>
    <row r="39" spans="1:4" ht="18" customHeight="1" x14ac:dyDescent="0.2">
      <c r="A39" s="31">
        <v>28</v>
      </c>
      <c r="B39" s="27">
        <v>32</v>
      </c>
      <c r="C39" s="28">
        <v>30</v>
      </c>
      <c r="D39" s="29">
        <v>62</v>
      </c>
    </row>
    <row r="40" spans="1:4" ht="18" customHeight="1" x14ac:dyDescent="0.2">
      <c r="A40" s="31">
        <v>29</v>
      </c>
      <c r="B40" s="27">
        <v>48</v>
      </c>
      <c r="C40" s="28">
        <v>34</v>
      </c>
      <c r="D40" s="29">
        <v>82</v>
      </c>
    </row>
    <row r="41" spans="1:4" ht="18" customHeight="1" x14ac:dyDescent="0.2">
      <c r="A41" s="31" t="s">
        <v>54</v>
      </c>
      <c r="B41" s="27">
        <v>198</v>
      </c>
      <c r="C41" s="28">
        <v>171</v>
      </c>
      <c r="D41" s="29">
        <v>369</v>
      </c>
    </row>
    <row r="42" spans="1:4" ht="18" customHeight="1" x14ac:dyDescent="0.2">
      <c r="A42" s="31">
        <v>30</v>
      </c>
      <c r="B42" s="27">
        <v>29</v>
      </c>
      <c r="C42" s="28">
        <v>19</v>
      </c>
      <c r="D42" s="29">
        <v>48</v>
      </c>
    </row>
    <row r="43" spans="1:4" ht="18" customHeight="1" x14ac:dyDescent="0.2">
      <c r="A43" s="31">
        <v>31</v>
      </c>
      <c r="B43" s="27">
        <v>37</v>
      </c>
      <c r="C43" s="28">
        <v>36</v>
      </c>
      <c r="D43" s="29">
        <v>73</v>
      </c>
    </row>
    <row r="44" spans="1:4" ht="18" customHeight="1" x14ac:dyDescent="0.2">
      <c r="A44" s="31">
        <v>32</v>
      </c>
      <c r="B44" s="27">
        <v>33</v>
      </c>
      <c r="C44" s="28">
        <v>25</v>
      </c>
      <c r="D44" s="29">
        <v>58</v>
      </c>
    </row>
    <row r="45" spans="1:4" ht="18" customHeight="1" x14ac:dyDescent="0.2">
      <c r="A45" s="31">
        <v>33</v>
      </c>
      <c r="B45" s="27">
        <v>32</v>
      </c>
      <c r="C45" s="28">
        <v>32</v>
      </c>
      <c r="D45" s="29">
        <v>64</v>
      </c>
    </row>
    <row r="46" spans="1:4" ht="18" customHeight="1" x14ac:dyDescent="0.2">
      <c r="A46" s="31">
        <v>34</v>
      </c>
      <c r="B46" s="27">
        <v>50</v>
      </c>
      <c r="C46" s="28">
        <v>39</v>
      </c>
      <c r="D46" s="29">
        <v>89</v>
      </c>
    </row>
    <row r="47" spans="1:4" ht="18" customHeight="1" x14ac:dyDescent="0.2">
      <c r="A47" s="31" t="s">
        <v>55</v>
      </c>
      <c r="B47" s="27">
        <v>181</v>
      </c>
      <c r="C47" s="28">
        <v>151</v>
      </c>
      <c r="D47" s="29">
        <v>332</v>
      </c>
    </row>
    <row r="48" spans="1:4" ht="18" customHeight="1" x14ac:dyDescent="0.2">
      <c r="A48" s="31">
        <v>35</v>
      </c>
      <c r="B48" s="27">
        <v>51</v>
      </c>
      <c r="C48" s="28">
        <v>49</v>
      </c>
      <c r="D48" s="29">
        <v>100</v>
      </c>
    </row>
    <row r="49" spans="1:4" ht="18" customHeight="1" x14ac:dyDescent="0.2">
      <c r="A49" s="31">
        <v>36</v>
      </c>
      <c r="B49" s="27">
        <v>37</v>
      </c>
      <c r="C49" s="28">
        <v>45</v>
      </c>
      <c r="D49" s="29">
        <v>82</v>
      </c>
    </row>
    <row r="50" spans="1:4" ht="18" customHeight="1" x14ac:dyDescent="0.2">
      <c r="A50" s="31">
        <v>37</v>
      </c>
      <c r="B50" s="27">
        <v>34</v>
      </c>
      <c r="C50" s="28">
        <v>51</v>
      </c>
      <c r="D50" s="29">
        <v>85</v>
      </c>
    </row>
    <row r="51" spans="1:4" ht="18" customHeight="1" x14ac:dyDescent="0.2">
      <c r="A51" s="31">
        <v>38</v>
      </c>
      <c r="B51" s="27">
        <v>45</v>
      </c>
      <c r="C51" s="28">
        <v>42</v>
      </c>
      <c r="D51" s="29">
        <v>87</v>
      </c>
    </row>
    <row r="52" spans="1:4" ht="18" customHeight="1" x14ac:dyDescent="0.2">
      <c r="A52" s="31">
        <v>39</v>
      </c>
      <c r="B52" s="27">
        <v>53</v>
      </c>
      <c r="C52" s="28">
        <v>48</v>
      </c>
      <c r="D52" s="29">
        <v>101</v>
      </c>
    </row>
    <row r="53" spans="1:4" ht="18" customHeight="1" x14ac:dyDescent="0.2">
      <c r="A53" s="31" t="s">
        <v>56</v>
      </c>
      <c r="B53" s="27">
        <v>220</v>
      </c>
      <c r="C53" s="28">
        <v>235</v>
      </c>
      <c r="D53" s="29">
        <v>455</v>
      </c>
    </row>
    <row r="54" spans="1:4" ht="18" customHeight="1" x14ac:dyDescent="0.2">
      <c r="A54" s="31">
        <v>40</v>
      </c>
      <c r="B54" s="27">
        <v>60</v>
      </c>
      <c r="C54" s="28">
        <v>57</v>
      </c>
      <c r="D54" s="29">
        <v>117</v>
      </c>
    </row>
    <row r="55" spans="1:4" ht="18" customHeight="1" x14ac:dyDescent="0.2">
      <c r="A55" s="31">
        <v>41</v>
      </c>
      <c r="B55" s="27">
        <v>60</v>
      </c>
      <c r="C55" s="28">
        <v>56</v>
      </c>
      <c r="D55" s="29">
        <v>116</v>
      </c>
    </row>
    <row r="56" spans="1:4" ht="18" customHeight="1" x14ac:dyDescent="0.2">
      <c r="A56" s="31">
        <v>42</v>
      </c>
      <c r="B56" s="27">
        <v>75</v>
      </c>
      <c r="C56" s="28">
        <v>61</v>
      </c>
      <c r="D56" s="29">
        <v>136</v>
      </c>
    </row>
    <row r="57" spans="1:4" ht="18" customHeight="1" x14ac:dyDescent="0.2">
      <c r="A57" s="31">
        <v>43</v>
      </c>
      <c r="B57" s="27">
        <v>74</v>
      </c>
      <c r="C57" s="28">
        <v>70</v>
      </c>
      <c r="D57" s="29">
        <v>144</v>
      </c>
    </row>
    <row r="58" spans="1:4" ht="18" customHeight="1" x14ac:dyDescent="0.2">
      <c r="A58" s="31">
        <v>44</v>
      </c>
      <c r="B58" s="27">
        <v>76</v>
      </c>
      <c r="C58" s="28">
        <v>79</v>
      </c>
      <c r="D58" s="29">
        <v>155</v>
      </c>
    </row>
    <row r="59" spans="1:4" ht="18" customHeight="1" x14ac:dyDescent="0.2">
      <c r="A59" s="31" t="s">
        <v>57</v>
      </c>
      <c r="B59" s="27">
        <v>345</v>
      </c>
      <c r="C59" s="28">
        <v>323</v>
      </c>
      <c r="D59" s="29">
        <v>668</v>
      </c>
    </row>
    <row r="60" spans="1:4" ht="18" customHeight="1" x14ac:dyDescent="0.2">
      <c r="A60" s="31">
        <v>45</v>
      </c>
      <c r="B60" s="27">
        <v>82</v>
      </c>
      <c r="C60" s="28">
        <v>89</v>
      </c>
      <c r="D60" s="29">
        <v>171</v>
      </c>
    </row>
    <row r="61" spans="1:4" ht="18" customHeight="1" x14ac:dyDescent="0.2">
      <c r="A61" s="31">
        <v>46</v>
      </c>
      <c r="B61" s="27">
        <v>79</v>
      </c>
      <c r="C61" s="28">
        <v>90</v>
      </c>
      <c r="D61" s="29">
        <v>169</v>
      </c>
    </row>
    <row r="62" spans="1:4" ht="18" customHeight="1" x14ac:dyDescent="0.2">
      <c r="A62" s="31">
        <v>47</v>
      </c>
      <c r="B62" s="27">
        <v>97</v>
      </c>
      <c r="C62" s="28">
        <v>90</v>
      </c>
      <c r="D62" s="29">
        <v>187</v>
      </c>
    </row>
    <row r="63" spans="1:4" ht="18" customHeight="1" x14ac:dyDescent="0.2">
      <c r="A63" s="31">
        <v>48</v>
      </c>
      <c r="B63" s="27">
        <v>83</v>
      </c>
      <c r="C63" s="28">
        <v>79</v>
      </c>
      <c r="D63" s="29">
        <v>162</v>
      </c>
    </row>
    <row r="64" spans="1:4" ht="18" customHeight="1" x14ac:dyDescent="0.2">
      <c r="A64" s="31">
        <v>49</v>
      </c>
      <c r="B64" s="27">
        <v>76</v>
      </c>
      <c r="C64" s="28">
        <v>69</v>
      </c>
      <c r="D64" s="29">
        <v>145</v>
      </c>
    </row>
    <row r="65" spans="1:4" ht="18" customHeight="1" x14ac:dyDescent="0.2">
      <c r="A65" s="31" t="s">
        <v>58</v>
      </c>
      <c r="B65" s="27">
        <v>417</v>
      </c>
      <c r="C65" s="28">
        <v>417</v>
      </c>
      <c r="D65" s="29">
        <v>834</v>
      </c>
    </row>
    <row r="66" spans="1:4" ht="18" customHeight="1" x14ac:dyDescent="0.2">
      <c r="A66" s="31">
        <v>50</v>
      </c>
      <c r="B66" s="27">
        <v>76</v>
      </c>
      <c r="C66" s="28">
        <v>84</v>
      </c>
      <c r="D66" s="29">
        <v>160</v>
      </c>
    </row>
    <row r="67" spans="1:4" ht="18" customHeight="1" x14ac:dyDescent="0.2">
      <c r="A67" s="31">
        <v>51</v>
      </c>
      <c r="B67" s="27">
        <v>68</v>
      </c>
      <c r="C67" s="28">
        <v>73</v>
      </c>
      <c r="D67" s="29">
        <v>141</v>
      </c>
    </row>
    <row r="68" spans="1:4" ht="18" customHeight="1" x14ac:dyDescent="0.2">
      <c r="A68" s="31">
        <v>52</v>
      </c>
      <c r="B68" s="27">
        <v>60</v>
      </c>
      <c r="C68" s="28">
        <v>50</v>
      </c>
      <c r="D68" s="29">
        <v>110</v>
      </c>
    </row>
    <row r="69" spans="1:4" ht="18" customHeight="1" x14ac:dyDescent="0.2">
      <c r="A69" s="31">
        <v>53</v>
      </c>
      <c r="B69" s="27">
        <v>52</v>
      </c>
      <c r="C69" s="28">
        <v>60</v>
      </c>
      <c r="D69" s="29">
        <v>112</v>
      </c>
    </row>
    <row r="70" spans="1:4" ht="18" customHeight="1" x14ac:dyDescent="0.2">
      <c r="A70" s="31">
        <v>54</v>
      </c>
      <c r="B70" s="27">
        <v>56</v>
      </c>
      <c r="C70" s="28">
        <v>56</v>
      </c>
      <c r="D70" s="29">
        <v>112</v>
      </c>
    </row>
    <row r="71" spans="1:4" ht="18" customHeight="1" x14ac:dyDescent="0.2">
      <c r="A71" s="31" t="s">
        <v>59</v>
      </c>
      <c r="B71" s="27">
        <v>312</v>
      </c>
      <c r="C71" s="28">
        <v>323</v>
      </c>
      <c r="D71" s="29">
        <v>635</v>
      </c>
    </row>
    <row r="72" spans="1:4" ht="18" customHeight="1" x14ac:dyDescent="0.2">
      <c r="A72" s="31">
        <v>55</v>
      </c>
      <c r="B72" s="27">
        <v>77</v>
      </c>
      <c r="C72" s="28">
        <v>62</v>
      </c>
      <c r="D72" s="29">
        <v>139</v>
      </c>
    </row>
    <row r="73" spans="1:4" ht="18" customHeight="1" x14ac:dyDescent="0.2">
      <c r="A73" s="31">
        <v>56</v>
      </c>
      <c r="B73" s="27">
        <v>65</v>
      </c>
      <c r="C73" s="28">
        <v>58</v>
      </c>
      <c r="D73" s="29">
        <v>123</v>
      </c>
    </row>
    <row r="74" spans="1:4" ht="18" customHeight="1" x14ac:dyDescent="0.2">
      <c r="A74" s="31">
        <v>57</v>
      </c>
      <c r="B74" s="27">
        <v>56</v>
      </c>
      <c r="C74" s="28">
        <v>65</v>
      </c>
      <c r="D74" s="29">
        <v>121</v>
      </c>
    </row>
    <row r="75" spans="1:4" ht="18" customHeight="1" x14ac:dyDescent="0.2">
      <c r="A75" s="31">
        <v>58</v>
      </c>
      <c r="B75" s="27">
        <v>60</v>
      </c>
      <c r="C75" s="28">
        <v>52</v>
      </c>
      <c r="D75" s="29">
        <v>112</v>
      </c>
    </row>
    <row r="76" spans="1:4" ht="18" customHeight="1" x14ac:dyDescent="0.2">
      <c r="A76" s="31">
        <v>59</v>
      </c>
      <c r="B76" s="27">
        <v>63</v>
      </c>
      <c r="C76" s="28">
        <v>67</v>
      </c>
      <c r="D76" s="29">
        <v>130</v>
      </c>
    </row>
    <row r="77" spans="1:4" ht="18" customHeight="1" x14ac:dyDescent="0.2">
      <c r="A77" s="31" t="s">
        <v>60</v>
      </c>
      <c r="B77" s="27">
        <v>321</v>
      </c>
      <c r="C77" s="28">
        <v>304</v>
      </c>
      <c r="D77" s="29">
        <v>625</v>
      </c>
    </row>
    <row r="78" spans="1:4" ht="18" customHeight="1" x14ac:dyDescent="0.2">
      <c r="A78" s="31">
        <v>60</v>
      </c>
      <c r="B78" s="27">
        <v>66</v>
      </c>
      <c r="C78" s="28">
        <v>67</v>
      </c>
      <c r="D78" s="29">
        <v>133</v>
      </c>
    </row>
    <row r="79" spans="1:4" ht="18" customHeight="1" x14ac:dyDescent="0.2">
      <c r="A79" s="31">
        <v>61</v>
      </c>
      <c r="B79" s="27">
        <v>68</v>
      </c>
      <c r="C79" s="28">
        <v>57</v>
      </c>
      <c r="D79" s="29">
        <v>125</v>
      </c>
    </row>
    <row r="80" spans="1:4" ht="18" customHeight="1" x14ac:dyDescent="0.2">
      <c r="A80" s="31">
        <v>62</v>
      </c>
      <c r="B80" s="27">
        <v>54</v>
      </c>
      <c r="C80" s="28">
        <v>62</v>
      </c>
      <c r="D80" s="29">
        <v>116</v>
      </c>
    </row>
    <row r="81" spans="1:4" ht="18" customHeight="1" x14ac:dyDescent="0.2">
      <c r="A81" s="31">
        <v>63</v>
      </c>
      <c r="B81" s="27">
        <v>64</v>
      </c>
      <c r="C81" s="28">
        <v>62</v>
      </c>
      <c r="D81" s="29">
        <v>126</v>
      </c>
    </row>
    <row r="82" spans="1:4" ht="18" customHeight="1" x14ac:dyDescent="0.2">
      <c r="A82" s="31">
        <v>64</v>
      </c>
      <c r="B82" s="27">
        <v>67</v>
      </c>
      <c r="C82" s="28">
        <v>73</v>
      </c>
      <c r="D82" s="29">
        <v>140</v>
      </c>
    </row>
    <row r="83" spans="1:4" ht="18" customHeight="1" x14ac:dyDescent="0.2">
      <c r="A83" s="31" t="s">
        <v>61</v>
      </c>
      <c r="B83" s="27">
        <v>319</v>
      </c>
      <c r="C83" s="28">
        <v>321</v>
      </c>
      <c r="D83" s="29">
        <v>640</v>
      </c>
    </row>
    <row r="84" spans="1:4" ht="18" customHeight="1" x14ac:dyDescent="0.2">
      <c r="A84" s="31" t="s">
        <v>62</v>
      </c>
      <c r="B84" s="27">
        <v>2891</v>
      </c>
      <c r="C84" s="28">
        <v>2772</v>
      </c>
      <c r="D84" s="29">
        <v>5663</v>
      </c>
    </row>
    <row r="85" spans="1:4" ht="18" customHeight="1" x14ac:dyDescent="0.2">
      <c r="A85" s="31">
        <v>65</v>
      </c>
      <c r="B85" s="27">
        <v>63</v>
      </c>
      <c r="C85" s="28">
        <v>80</v>
      </c>
      <c r="D85" s="29">
        <v>143</v>
      </c>
    </row>
    <row r="86" spans="1:4" ht="18" customHeight="1" x14ac:dyDescent="0.2">
      <c r="A86" s="31">
        <v>66</v>
      </c>
      <c r="B86" s="27">
        <v>65</v>
      </c>
      <c r="C86" s="28">
        <v>60</v>
      </c>
      <c r="D86" s="29">
        <v>125</v>
      </c>
    </row>
    <row r="87" spans="1:4" ht="18" customHeight="1" x14ac:dyDescent="0.2">
      <c r="A87" s="31">
        <v>67</v>
      </c>
      <c r="B87" s="27">
        <v>83</v>
      </c>
      <c r="C87" s="28">
        <v>87</v>
      </c>
      <c r="D87" s="29">
        <v>170</v>
      </c>
    </row>
    <row r="88" spans="1:4" ht="18" customHeight="1" x14ac:dyDescent="0.2">
      <c r="A88" s="31">
        <v>68</v>
      </c>
      <c r="B88" s="27">
        <v>82</v>
      </c>
      <c r="C88" s="28">
        <v>93</v>
      </c>
      <c r="D88" s="29">
        <v>175</v>
      </c>
    </row>
    <row r="89" spans="1:4" ht="18" customHeight="1" x14ac:dyDescent="0.2">
      <c r="A89" s="31">
        <v>69</v>
      </c>
      <c r="B89" s="27">
        <v>89</v>
      </c>
      <c r="C89" s="28">
        <v>96</v>
      </c>
      <c r="D89" s="29">
        <v>185</v>
      </c>
    </row>
    <row r="90" spans="1:4" ht="18" customHeight="1" x14ac:dyDescent="0.2">
      <c r="A90" s="31" t="s">
        <v>63</v>
      </c>
      <c r="B90" s="27">
        <v>382</v>
      </c>
      <c r="C90" s="28">
        <v>416</v>
      </c>
      <c r="D90" s="29">
        <v>798</v>
      </c>
    </row>
    <row r="91" spans="1:4" ht="18" customHeight="1" x14ac:dyDescent="0.2">
      <c r="A91" s="31">
        <v>70</v>
      </c>
      <c r="B91" s="27">
        <v>100</v>
      </c>
      <c r="C91" s="28">
        <v>102</v>
      </c>
      <c r="D91" s="29">
        <v>202</v>
      </c>
    </row>
    <row r="92" spans="1:4" ht="18" customHeight="1" x14ac:dyDescent="0.2">
      <c r="A92" s="31">
        <v>71</v>
      </c>
      <c r="B92" s="27">
        <v>124</v>
      </c>
      <c r="C92" s="28">
        <v>117</v>
      </c>
      <c r="D92" s="29">
        <v>241</v>
      </c>
    </row>
    <row r="93" spans="1:4" ht="18" customHeight="1" x14ac:dyDescent="0.2">
      <c r="A93" s="31">
        <v>72</v>
      </c>
      <c r="B93" s="27">
        <v>57</v>
      </c>
      <c r="C93" s="28">
        <v>71</v>
      </c>
      <c r="D93" s="29">
        <v>128</v>
      </c>
    </row>
    <row r="94" spans="1:4" ht="18" customHeight="1" x14ac:dyDescent="0.2">
      <c r="A94" s="31">
        <v>73</v>
      </c>
      <c r="B94" s="27">
        <v>42</v>
      </c>
      <c r="C94" s="28">
        <v>50</v>
      </c>
      <c r="D94" s="29">
        <v>92</v>
      </c>
    </row>
    <row r="95" spans="1:4" ht="18" customHeight="1" x14ac:dyDescent="0.2">
      <c r="A95" s="31">
        <v>74</v>
      </c>
      <c r="B95" s="27">
        <v>58</v>
      </c>
      <c r="C95" s="28">
        <v>97</v>
      </c>
      <c r="D95" s="29">
        <v>155</v>
      </c>
    </row>
    <row r="96" spans="1:4" ht="18" customHeight="1" x14ac:dyDescent="0.2">
      <c r="A96" s="31" t="s">
        <v>64</v>
      </c>
      <c r="B96" s="27">
        <v>381</v>
      </c>
      <c r="C96" s="28">
        <v>437</v>
      </c>
      <c r="D96" s="29">
        <v>818</v>
      </c>
    </row>
    <row r="97" spans="1:4" ht="18" customHeight="1" x14ac:dyDescent="0.2">
      <c r="A97" s="31">
        <v>75</v>
      </c>
      <c r="B97" s="27">
        <v>66</v>
      </c>
      <c r="C97" s="28">
        <v>62</v>
      </c>
      <c r="D97" s="29">
        <v>128</v>
      </c>
    </row>
    <row r="98" spans="1:4" ht="18" customHeight="1" x14ac:dyDescent="0.2">
      <c r="A98" s="31">
        <v>76</v>
      </c>
      <c r="B98" s="27">
        <v>59</v>
      </c>
      <c r="C98" s="28">
        <v>74</v>
      </c>
      <c r="D98" s="29">
        <v>133</v>
      </c>
    </row>
    <row r="99" spans="1:4" ht="18" customHeight="1" x14ac:dyDescent="0.2">
      <c r="A99" s="31">
        <v>77</v>
      </c>
      <c r="B99" s="27">
        <v>48</v>
      </c>
      <c r="C99" s="28">
        <v>71</v>
      </c>
      <c r="D99" s="29">
        <v>119</v>
      </c>
    </row>
    <row r="100" spans="1:4" ht="18" customHeight="1" x14ac:dyDescent="0.2">
      <c r="A100" s="31">
        <v>78</v>
      </c>
      <c r="B100" s="27">
        <v>51</v>
      </c>
      <c r="C100" s="28">
        <v>57</v>
      </c>
      <c r="D100" s="29">
        <v>108</v>
      </c>
    </row>
    <row r="101" spans="1:4" ht="18" customHeight="1" x14ac:dyDescent="0.2">
      <c r="A101" s="31">
        <v>79</v>
      </c>
      <c r="B101" s="27">
        <v>40</v>
      </c>
      <c r="C101" s="28">
        <v>58</v>
      </c>
      <c r="D101" s="29">
        <v>98</v>
      </c>
    </row>
    <row r="102" spans="1:4" ht="18" customHeight="1" x14ac:dyDescent="0.2">
      <c r="A102" s="31" t="s">
        <v>65</v>
      </c>
      <c r="B102" s="27">
        <v>264</v>
      </c>
      <c r="C102" s="28">
        <v>322</v>
      </c>
      <c r="D102" s="29">
        <v>586</v>
      </c>
    </row>
    <row r="103" spans="1:4" ht="18" customHeight="1" x14ac:dyDescent="0.2">
      <c r="A103" s="31">
        <v>80</v>
      </c>
      <c r="B103" s="27">
        <v>40</v>
      </c>
      <c r="C103" s="28">
        <v>60</v>
      </c>
      <c r="D103" s="29">
        <v>100</v>
      </c>
    </row>
    <row r="104" spans="1:4" ht="18" customHeight="1" x14ac:dyDescent="0.2">
      <c r="A104" s="31">
        <v>81</v>
      </c>
      <c r="B104" s="27">
        <v>44</v>
      </c>
      <c r="C104" s="28">
        <v>67</v>
      </c>
      <c r="D104" s="29">
        <v>111</v>
      </c>
    </row>
    <row r="105" spans="1:4" ht="18" customHeight="1" x14ac:dyDescent="0.2">
      <c r="A105" s="31">
        <v>82</v>
      </c>
      <c r="B105" s="27">
        <v>37</v>
      </c>
      <c r="C105" s="28">
        <v>63</v>
      </c>
      <c r="D105" s="29">
        <v>100</v>
      </c>
    </row>
    <row r="106" spans="1:4" ht="18" customHeight="1" x14ac:dyDescent="0.2">
      <c r="A106" s="31">
        <v>83</v>
      </c>
      <c r="B106" s="27">
        <v>34</v>
      </c>
      <c r="C106" s="28">
        <v>56</v>
      </c>
      <c r="D106" s="29">
        <v>90</v>
      </c>
    </row>
    <row r="107" spans="1:4" ht="18" customHeight="1" x14ac:dyDescent="0.2">
      <c r="A107" s="31">
        <v>84</v>
      </c>
      <c r="B107" s="27">
        <v>41</v>
      </c>
      <c r="C107" s="28">
        <v>54</v>
      </c>
      <c r="D107" s="29">
        <v>95</v>
      </c>
    </row>
    <row r="108" spans="1:4" ht="18" customHeight="1" x14ac:dyDescent="0.2">
      <c r="A108" s="31" t="s">
        <v>66</v>
      </c>
      <c r="B108" s="27">
        <v>196</v>
      </c>
      <c r="C108" s="28">
        <v>300</v>
      </c>
      <c r="D108" s="29">
        <v>496</v>
      </c>
    </row>
    <row r="109" spans="1:4" ht="18" customHeight="1" x14ac:dyDescent="0.2">
      <c r="A109" s="31">
        <v>85</v>
      </c>
      <c r="B109" s="27">
        <v>30</v>
      </c>
      <c r="C109" s="28">
        <v>67</v>
      </c>
      <c r="D109" s="29">
        <v>97</v>
      </c>
    </row>
    <row r="110" spans="1:4" ht="18" customHeight="1" x14ac:dyDescent="0.2">
      <c r="A110" s="31">
        <v>86</v>
      </c>
      <c r="B110" s="27">
        <v>25</v>
      </c>
      <c r="C110" s="28">
        <v>46</v>
      </c>
      <c r="D110" s="29">
        <v>71</v>
      </c>
    </row>
    <row r="111" spans="1:4" ht="18" customHeight="1" x14ac:dyDescent="0.2">
      <c r="A111" s="31">
        <v>87</v>
      </c>
      <c r="B111" s="27">
        <v>30</v>
      </c>
      <c r="C111" s="28">
        <v>31</v>
      </c>
      <c r="D111" s="29">
        <v>61</v>
      </c>
    </row>
    <row r="112" spans="1:4" ht="18" customHeight="1" x14ac:dyDescent="0.2">
      <c r="A112" s="31">
        <v>88</v>
      </c>
      <c r="B112" s="27">
        <v>22</v>
      </c>
      <c r="C112" s="28">
        <v>28</v>
      </c>
      <c r="D112" s="29">
        <v>50</v>
      </c>
    </row>
    <row r="113" spans="1:4" ht="18" customHeight="1" x14ac:dyDescent="0.2">
      <c r="A113" s="31">
        <v>89</v>
      </c>
      <c r="B113" s="27">
        <v>9</v>
      </c>
      <c r="C113" s="28">
        <v>42</v>
      </c>
      <c r="D113" s="29">
        <v>51</v>
      </c>
    </row>
    <row r="114" spans="1:4" ht="18" customHeight="1" x14ac:dyDescent="0.2">
      <c r="A114" s="31" t="s">
        <v>67</v>
      </c>
      <c r="B114" s="27">
        <v>116</v>
      </c>
      <c r="C114" s="28">
        <v>214</v>
      </c>
      <c r="D114" s="29">
        <v>330</v>
      </c>
    </row>
    <row r="115" spans="1:4" ht="18" customHeight="1" x14ac:dyDescent="0.2">
      <c r="A115" s="31">
        <v>90</v>
      </c>
      <c r="B115" s="27">
        <v>15</v>
      </c>
      <c r="C115" s="28">
        <v>26</v>
      </c>
      <c r="D115" s="29">
        <v>41</v>
      </c>
    </row>
    <row r="116" spans="1:4" ht="18" customHeight="1" x14ac:dyDescent="0.2">
      <c r="A116" s="31">
        <v>91</v>
      </c>
      <c r="B116" s="27">
        <v>10</v>
      </c>
      <c r="C116" s="28">
        <v>25</v>
      </c>
      <c r="D116" s="29">
        <v>35</v>
      </c>
    </row>
    <row r="117" spans="1:4" ht="18" customHeight="1" x14ac:dyDescent="0.2">
      <c r="A117" s="31">
        <v>92</v>
      </c>
      <c r="B117" s="27">
        <v>7</v>
      </c>
      <c r="C117" s="28">
        <v>25</v>
      </c>
      <c r="D117" s="29">
        <v>32</v>
      </c>
    </row>
    <row r="118" spans="1:4" ht="18" customHeight="1" x14ac:dyDescent="0.2">
      <c r="A118" s="31">
        <v>93</v>
      </c>
      <c r="B118" s="27">
        <v>6</v>
      </c>
      <c r="C118" s="28">
        <v>33</v>
      </c>
      <c r="D118" s="29">
        <v>39</v>
      </c>
    </row>
    <row r="119" spans="1:4" ht="18" customHeight="1" x14ac:dyDescent="0.2">
      <c r="A119" s="31">
        <v>94</v>
      </c>
      <c r="B119" s="27">
        <v>2</v>
      </c>
      <c r="C119" s="28">
        <v>12</v>
      </c>
      <c r="D119" s="29">
        <v>14</v>
      </c>
    </row>
    <row r="120" spans="1:4" ht="18" customHeight="1" x14ac:dyDescent="0.2">
      <c r="A120" s="31" t="s">
        <v>68</v>
      </c>
      <c r="B120" s="27">
        <v>40</v>
      </c>
      <c r="C120" s="28">
        <v>121</v>
      </c>
      <c r="D120" s="29">
        <v>161</v>
      </c>
    </row>
    <row r="121" spans="1:4" ht="18" customHeight="1" x14ac:dyDescent="0.2">
      <c r="A121" s="31">
        <v>95</v>
      </c>
      <c r="B121" s="27">
        <v>3</v>
      </c>
      <c r="C121" s="28">
        <v>18</v>
      </c>
      <c r="D121" s="29">
        <v>21</v>
      </c>
    </row>
    <row r="122" spans="1:4" ht="18" customHeight="1" x14ac:dyDescent="0.2">
      <c r="A122" s="31">
        <v>96</v>
      </c>
      <c r="B122" s="27">
        <v>4</v>
      </c>
      <c r="C122" s="28">
        <v>18</v>
      </c>
      <c r="D122" s="29">
        <v>22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9</v>
      </c>
      <c r="C126" s="28">
        <v>46</v>
      </c>
      <c r="D126" s="29">
        <v>55</v>
      </c>
    </row>
    <row r="127" spans="1:4" ht="18" customHeight="1" x14ac:dyDescent="0.2">
      <c r="A127" s="31">
        <v>100</v>
      </c>
      <c r="B127" s="27">
        <v>1</v>
      </c>
      <c r="C127" s="28">
        <v>4</v>
      </c>
      <c r="D127" s="29">
        <v>5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6</v>
      </c>
      <c r="D129" s="29">
        <v>7</v>
      </c>
    </row>
    <row r="130" spans="1:4" ht="18" customHeight="1" x14ac:dyDescent="0.2">
      <c r="A130" s="31" t="s">
        <v>72</v>
      </c>
      <c r="B130" s="4">
        <v>1389</v>
      </c>
      <c r="C130" s="5">
        <v>1862</v>
      </c>
      <c r="D130" s="6">
        <v>3251</v>
      </c>
    </row>
    <row r="131" spans="1:4" ht="18" customHeight="1" x14ac:dyDescent="0.2">
      <c r="A131" s="33" t="s">
        <v>47</v>
      </c>
      <c r="B131" s="7">
        <v>4807</v>
      </c>
      <c r="C131" s="8">
        <v>5104</v>
      </c>
      <c r="D131" s="9">
        <v>99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5</v>
      </c>
      <c r="D5" s="39">
        <v>8</v>
      </c>
    </row>
    <row r="6" spans="1:10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10" ht="18" customHeight="1" x14ac:dyDescent="0.2">
      <c r="A7" s="31">
        <v>2</v>
      </c>
      <c r="B7" s="35">
        <v>5</v>
      </c>
      <c r="C7" s="28">
        <v>4</v>
      </c>
      <c r="D7" s="29">
        <v>9</v>
      </c>
    </row>
    <row r="8" spans="1:10" ht="18" customHeight="1" x14ac:dyDescent="0.2">
      <c r="A8" s="31">
        <v>3</v>
      </c>
      <c r="B8" s="35">
        <v>4</v>
      </c>
      <c r="C8" s="28">
        <v>4</v>
      </c>
      <c r="D8" s="29">
        <v>8</v>
      </c>
    </row>
    <row r="9" spans="1:10" ht="18" customHeight="1" x14ac:dyDescent="0.2">
      <c r="A9" s="31">
        <v>4</v>
      </c>
      <c r="B9" s="36">
        <v>6</v>
      </c>
      <c r="C9" s="38">
        <v>6</v>
      </c>
      <c r="D9" s="40">
        <v>12</v>
      </c>
    </row>
    <row r="10" spans="1:10" ht="18" customHeight="1" x14ac:dyDescent="0.2">
      <c r="A10" s="31" t="s">
        <v>48</v>
      </c>
      <c r="B10" s="27">
        <v>22</v>
      </c>
      <c r="C10" s="28">
        <v>23</v>
      </c>
      <c r="D10" s="29">
        <v>45</v>
      </c>
    </row>
    <row r="11" spans="1:10" ht="18" customHeight="1" x14ac:dyDescent="0.2">
      <c r="A11" s="31">
        <v>5</v>
      </c>
      <c r="B11" s="35">
        <v>4</v>
      </c>
      <c r="C11" s="28">
        <v>5</v>
      </c>
      <c r="D11" s="29">
        <v>9</v>
      </c>
    </row>
    <row r="12" spans="1:10" ht="18" customHeight="1" x14ac:dyDescent="0.2">
      <c r="A12" s="31">
        <v>6</v>
      </c>
      <c r="B12" s="35">
        <v>2</v>
      </c>
      <c r="C12" s="28">
        <v>12</v>
      </c>
      <c r="D12" s="29">
        <v>14</v>
      </c>
    </row>
    <row r="13" spans="1:10" ht="18" customHeight="1" x14ac:dyDescent="0.2">
      <c r="A13" s="31">
        <v>7</v>
      </c>
      <c r="B13" s="35">
        <v>6</v>
      </c>
      <c r="C13" s="28">
        <v>8</v>
      </c>
      <c r="D13" s="29">
        <v>14</v>
      </c>
    </row>
    <row r="14" spans="1:10" ht="18" customHeight="1" x14ac:dyDescent="0.2">
      <c r="A14" s="31">
        <v>8</v>
      </c>
      <c r="B14" s="35">
        <v>11</v>
      </c>
      <c r="C14" s="28">
        <v>6</v>
      </c>
      <c r="D14" s="29">
        <v>17</v>
      </c>
    </row>
    <row r="15" spans="1:10" ht="18" customHeight="1" x14ac:dyDescent="0.2">
      <c r="A15" s="31">
        <v>9</v>
      </c>
      <c r="B15" s="35">
        <v>8</v>
      </c>
      <c r="C15" s="28">
        <v>7</v>
      </c>
      <c r="D15" s="29">
        <v>15</v>
      </c>
    </row>
    <row r="16" spans="1:10" ht="18" customHeight="1" x14ac:dyDescent="0.2">
      <c r="A16" s="31" t="s">
        <v>49</v>
      </c>
      <c r="B16" s="27">
        <v>31</v>
      </c>
      <c r="C16" s="28">
        <v>38</v>
      </c>
      <c r="D16" s="29">
        <v>69</v>
      </c>
    </row>
    <row r="17" spans="1:4" ht="18" customHeight="1" x14ac:dyDescent="0.2">
      <c r="A17" s="31">
        <v>10</v>
      </c>
      <c r="B17" s="27">
        <v>8</v>
      </c>
      <c r="C17" s="28">
        <v>6</v>
      </c>
      <c r="D17" s="29">
        <v>14</v>
      </c>
    </row>
    <row r="18" spans="1:4" ht="18" customHeight="1" x14ac:dyDescent="0.2">
      <c r="A18" s="31">
        <v>11</v>
      </c>
      <c r="B18" s="27">
        <v>13</v>
      </c>
      <c r="C18" s="28">
        <v>8</v>
      </c>
      <c r="D18" s="29">
        <v>21</v>
      </c>
    </row>
    <row r="19" spans="1:4" ht="18" customHeight="1" x14ac:dyDescent="0.2">
      <c r="A19" s="31">
        <v>12</v>
      </c>
      <c r="B19" s="27">
        <v>14</v>
      </c>
      <c r="C19" s="28">
        <v>10</v>
      </c>
      <c r="D19" s="29">
        <v>24</v>
      </c>
    </row>
    <row r="20" spans="1:4" ht="18" customHeight="1" x14ac:dyDescent="0.2">
      <c r="A20" s="31">
        <v>13</v>
      </c>
      <c r="B20" s="27">
        <v>10</v>
      </c>
      <c r="C20" s="28">
        <v>8</v>
      </c>
      <c r="D20" s="29">
        <v>18</v>
      </c>
    </row>
    <row r="21" spans="1:4" ht="18" customHeight="1" x14ac:dyDescent="0.2">
      <c r="A21" s="31">
        <v>14</v>
      </c>
      <c r="B21" s="27">
        <v>4</v>
      </c>
      <c r="C21" s="28">
        <v>3</v>
      </c>
      <c r="D21" s="29">
        <v>7</v>
      </c>
    </row>
    <row r="22" spans="1:4" ht="18" customHeight="1" x14ac:dyDescent="0.2">
      <c r="A22" s="31" t="s">
        <v>50</v>
      </c>
      <c r="B22" s="27">
        <v>49</v>
      </c>
      <c r="C22" s="28">
        <v>35</v>
      </c>
      <c r="D22" s="29">
        <v>84</v>
      </c>
    </row>
    <row r="23" spans="1:4" ht="18" customHeight="1" x14ac:dyDescent="0.2">
      <c r="A23" s="31" t="s">
        <v>51</v>
      </c>
      <c r="B23" s="27">
        <v>102</v>
      </c>
      <c r="C23" s="28">
        <v>96</v>
      </c>
      <c r="D23" s="29">
        <v>198</v>
      </c>
    </row>
    <row r="24" spans="1:4" ht="18" customHeight="1" x14ac:dyDescent="0.2">
      <c r="A24" s="31">
        <v>15</v>
      </c>
      <c r="B24" s="27">
        <v>8</v>
      </c>
      <c r="C24" s="28">
        <v>10</v>
      </c>
      <c r="D24" s="29">
        <v>18</v>
      </c>
    </row>
    <row r="25" spans="1:4" ht="18" customHeight="1" x14ac:dyDescent="0.2">
      <c r="A25" s="31">
        <v>16</v>
      </c>
      <c r="B25" s="27">
        <v>11</v>
      </c>
      <c r="C25" s="28">
        <v>16</v>
      </c>
      <c r="D25" s="29">
        <v>27</v>
      </c>
    </row>
    <row r="26" spans="1:4" ht="18" customHeight="1" x14ac:dyDescent="0.2">
      <c r="A26" s="31">
        <v>17</v>
      </c>
      <c r="B26" s="27">
        <v>6</v>
      </c>
      <c r="C26" s="28">
        <v>6</v>
      </c>
      <c r="D26" s="29">
        <v>12</v>
      </c>
    </row>
    <row r="27" spans="1:4" ht="18" customHeight="1" x14ac:dyDescent="0.2">
      <c r="A27" s="31">
        <v>18</v>
      </c>
      <c r="B27" s="27">
        <v>8</v>
      </c>
      <c r="C27" s="28">
        <v>8</v>
      </c>
      <c r="D27" s="29">
        <v>16</v>
      </c>
    </row>
    <row r="28" spans="1:4" ht="18" customHeight="1" x14ac:dyDescent="0.2">
      <c r="A28" s="31">
        <v>19</v>
      </c>
      <c r="B28" s="27">
        <v>6</v>
      </c>
      <c r="C28" s="28">
        <v>7</v>
      </c>
      <c r="D28" s="29">
        <v>13</v>
      </c>
    </row>
    <row r="29" spans="1:4" ht="18" customHeight="1" x14ac:dyDescent="0.2">
      <c r="A29" s="31" t="s">
        <v>52</v>
      </c>
      <c r="B29" s="27">
        <v>39</v>
      </c>
      <c r="C29" s="28">
        <v>47</v>
      </c>
      <c r="D29" s="29">
        <v>86</v>
      </c>
    </row>
    <row r="30" spans="1:4" ht="18" customHeight="1" x14ac:dyDescent="0.2">
      <c r="A30" s="31">
        <v>20</v>
      </c>
      <c r="B30" s="27">
        <v>12</v>
      </c>
      <c r="C30" s="28">
        <v>8</v>
      </c>
      <c r="D30" s="29">
        <v>20</v>
      </c>
    </row>
    <row r="31" spans="1:4" ht="18" customHeight="1" x14ac:dyDescent="0.2">
      <c r="A31" s="31">
        <v>21</v>
      </c>
      <c r="B31" s="27">
        <v>5</v>
      </c>
      <c r="C31" s="28">
        <v>5</v>
      </c>
      <c r="D31" s="29">
        <v>10</v>
      </c>
    </row>
    <row r="32" spans="1:4" ht="18" customHeight="1" x14ac:dyDescent="0.2">
      <c r="A32" s="31">
        <v>22</v>
      </c>
      <c r="B32" s="27">
        <v>12</v>
      </c>
      <c r="C32" s="28">
        <v>12</v>
      </c>
      <c r="D32" s="29">
        <v>24</v>
      </c>
    </row>
    <row r="33" spans="1:4" ht="18" customHeight="1" x14ac:dyDescent="0.2">
      <c r="A33" s="31">
        <v>23</v>
      </c>
      <c r="B33" s="27">
        <v>5</v>
      </c>
      <c r="C33" s="28">
        <v>8</v>
      </c>
      <c r="D33" s="29">
        <v>13</v>
      </c>
    </row>
    <row r="34" spans="1:4" ht="18" customHeight="1" x14ac:dyDescent="0.2">
      <c r="A34" s="31">
        <v>24</v>
      </c>
      <c r="B34" s="27">
        <v>14</v>
      </c>
      <c r="C34" s="28">
        <v>6</v>
      </c>
      <c r="D34" s="29">
        <v>20</v>
      </c>
    </row>
    <row r="35" spans="1:4" ht="18" customHeight="1" x14ac:dyDescent="0.2">
      <c r="A35" s="31" t="s">
        <v>53</v>
      </c>
      <c r="B35" s="27">
        <v>48</v>
      </c>
      <c r="C35" s="28">
        <v>39</v>
      </c>
      <c r="D35" s="29">
        <v>87</v>
      </c>
    </row>
    <row r="36" spans="1:4" ht="18" customHeight="1" x14ac:dyDescent="0.2">
      <c r="A36" s="31">
        <v>25</v>
      </c>
      <c r="B36" s="27">
        <v>7</v>
      </c>
      <c r="C36" s="28">
        <v>6</v>
      </c>
      <c r="D36" s="29">
        <v>13</v>
      </c>
    </row>
    <row r="37" spans="1:4" ht="18" customHeight="1" x14ac:dyDescent="0.2">
      <c r="A37" s="31">
        <v>26</v>
      </c>
      <c r="B37" s="27">
        <v>17</v>
      </c>
      <c r="C37" s="28">
        <v>6</v>
      </c>
      <c r="D37" s="29">
        <v>23</v>
      </c>
    </row>
    <row r="38" spans="1:4" ht="18" customHeight="1" x14ac:dyDescent="0.2">
      <c r="A38" s="31">
        <v>27</v>
      </c>
      <c r="B38" s="27">
        <v>8</v>
      </c>
      <c r="C38" s="28">
        <v>7</v>
      </c>
      <c r="D38" s="29">
        <v>15</v>
      </c>
    </row>
    <row r="39" spans="1:4" ht="18" customHeight="1" x14ac:dyDescent="0.2">
      <c r="A39" s="31">
        <v>28</v>
      </c>
      <c r="B39" s="27">
        <v>8</v>
      </c>
      <c r="C39" s="28">
        <v>5</v>
      </c>
      <c r="D39" s="29">
        <v>13</v>
      </c>
    </row>
    <row r="40" spans="1:4" ht="18" customHeight="1" x14ac:dyDescent="0.2">
      <c r="A40" s="31">
        <v>29</v>
      </c>
      <c r="B40" s="27">
        <v>11</v>
      </c>
      <c r="C40" s="28">
        <v>6</v>
      </c>
      <c r="D40" s="29">
        <v>17</v>
      </c>
    </row>
    <row r="41" spans="1:4" ht="18" customHeight="1" x14ac:dyDescent="0.2">
      <c r="A41" s="31" t="s">
        <v>54</v>
      </c>
      <c r="B41" s="27">
        <v>51</v>
      </c>
      <c r="C41" s="28">
        <v>30</v>
      </c>
      <c r="D41" s="29">
        <v>81</v>
      </c>
    </row>
    <row r="42" spans="1:4" ht="18" customHeight="1" x14ac:dyDescent="0.2">
      <c r="A42" s="31">
        <v>30</v>
      </c>
      <c r="B42" s="27">
        <v>6</v>
      </c>
      <c r="C42" s="28">
        <v>5</v>
      </c>
      <c r="D42" s="29">
        <v>11</v>
      </c>
    </row>
    <row r="43" spans="1:4" ht="18" customHeight="1" x14ac:dyDescent="0.2">
      <c r="A43" s="31">
        <v>31</v>
      </c>
      <c r="B43" s="27">
        <v>6</v>
      </c>
      <c r="C43" s="28">
        <v>6</v>
      </c>
      <c r="D43" s="29">
        <v>12</v>
      </c>
    </row>
    <row r="44" spans="1:4" ht="18" customHeight="1" x14ac:dyDescent="0.2">
      <c r="A44" s="31">
        <v>32</v>
      </c>
      <c r="B44" s="27">
        <v>10</v>
      </c>
      <c r="C44" s="28">
        <v>7</v>
      </c>
      <c r="D44" s="29">
        <v>17</v>
      </c>
    </row>
    <row r="45" spans="1:4" ht="18" customHeight="1" x14ac:dyDescent="0.2">
      <c r="A45" s="31">
        <v>33</v>
      </c>
      <c r="B45" s="27">
        <v>3</v>
      </c>
      <c r="C45" s="28">
        <v>5</v>
      </c>
      <c r="D45" s="29">
        <v>8</v>
      </c>
    </row>
    <row r="46" spans="1:4" ht="18" customHeight="1" x14ac:dyDescent="0.2">
      <c r="A46" s="31">
        <v>34</v>
      </c>
      <c r="B46" s="27">
        <v>16</v>
      </c>
      <c r="C46" s="28">
        <v>10</v>
      </c>
      <c r="D46" s="29">
        <v>26</v>
      </c>
    </row>
    <row r="47" spans="1:4" ht="18" customHeight="1" x14ac:dyDescent="0.2">
      <c r="A47" s="31" t="s">
        <v>55</v>
      </c>
      <c r="B47" s="27">
        <v>41</v>
      </c>
      <c r="C47" s="28">
        <v>33</v>
      </c>
      <c r="D47" s="29">
        <v>74</v>
      </c>
    </row>
    <row r="48" spans="1:4" ht="18" customHeight="1" x14ac:dyDescent="0.2">
      <c r="A48" s="31">
        <v>35</v>
      </c>
      <c r="B48" s="27">
        <v>10</v>
      </c>
      <c r="C48" s="28">
        <v>10</v>
      </c>
      <c r="D48" s="29">
        <v>20</v>
      </c>
    </row>
    <row r="49" spans="1:4" ht="18" customHeight="1" x14ac:dyDescent="0.2">
      <c r="A49" s="31">
        <v>36</v>
      </c>
      <c r="B49" s="27">
        <v>9</v>
      </c>
      <c r="C49" s="28">
        <v>12</v>
      </c>
      <c r="D49" s="29">
        <v>21</v>
      </c>
    </row>
    <row r="50" spans="1:4" ht="18" customHeight="1" x14ac:dyDescent="0.2">
      <c r="A50" s="31">
        <v>37</v>
      </c>
      <c r="B50" s="27">
        <v>12</v>
      </c>
      <c r="C50" s="28">
        <v>8</v>
      </c>
      <c r="D50" s="29">
        <v>20</v>
      </c>
    </row>
    <row r="51" spans="1:4" ht="18" customHeight="1" x14ac:dyDescent="0.2">
      <c r="A51" s="31">
        <v>38</v>
      </c>
      <c r="B51" s="27">
        <v>12</v>
      </c>
      <c r="C51" s="28">
        <v>8</v>
      </c>
      <c r="D51" s="29">
        <v>20</v>
      </c>
    </row>
    <row r="52" spans="1:4" ht="18" customHeight="1" x14ac:dyDescent="0.2">
      <c r="A52" s="31">
        <v>39</v>
      </c>
      <c r="B52" s="27">
        <v>11</v>
      </c>
      <c r="C52" s="28">
        <v>8</v>
      </c>
      <c r="D52" s="29">
        <v>19</v>
      </c>
    </row>
    <row r="53" spans="1:4" ht="18" customHeight="1" x14ac:dyDescent="0.2">
      <c r="A53" s="31" t="s">
        <v>56</v>
      </c>
      <c r="B53" s="27">
        <v>54</v>
      </c>
      <c r="C53" s="28">
        <v>46</v>
      </c>
      <c r="D53" s="29">
        <v>100</v>
      </c>
    </row>
    <row r="54" spans="1:4" ht="18" customHeight="1" x14ac:dyDescent="0.2">
      <c r="A54" s="31">
        <v>40</v>
      </c>
      <c r="B54" s="27">
        <v>9</v>
      </c>
      <c r="C54" s="28">
        <v>14</v>
      </c>
      <c r="D54" s="29">
        <v>23</v>
      </c>
    </row>
    <row r="55" spans="1:4" ht="18" customHeight="1" x14ac:dyDescent="0.2">
      <c r="A55" s="31">
        <v>41</v>
      </c>
      <c r="B55" s="27">
        <v>7</v>
      </c>
      <c r="C55" s="28">
        <v>16</v>
      </c>
      <c r="D55" s="29">
        <v>23</v>
      </c>
    </row>
    <row r="56" spans="1:4" ht="18" customHeight="1" x14ac:dyDescent="0.2">
      <c r="A56" s="31">
        <v>42</v>
      </c>
      <c r="B56" s="27">
        <v>9</v>
      </c>
      <c r="C56" s="28">
        <v>11</v>
      </c>
      <c r="D56" s="29">
        <v>20</v>
      </c>
    </row>
    <row r="57" spans="1:4" ht="18" customHeight="1" x14ac:dyDescent="0.2">
      <c r="A57" s="31">
        <v>43</v>
      </c>
      <c r="B57" s="27">
        <v>13</v>
      </c>
      <c r="C57" s="28">
        <v>8</v>
      </c>
      <c r="D57" s="29">
        <v>21</v>
      </c>
    </row>
    <row r="58" spans="1:4" ht="18" customHeight="1" x14ac:dyDescent="0.2">
      <c r="A58" s="31">
        <v>44</v>
      </c>
      <c r="B58" s="27">
        <v>11</v>
      </c>
      <c r="C58" s="28">
        <v>16</v>
      </c>
      <c r="D58" s="29">
        <v>27</v>
      </c>
    </row>
    <row r="59" spans="1:4" ht="18" customHeight="1" x14ac:dyDescent="0.2">
      <c r="A59" s="31" t="s">
        <v>57</v>
      </c>
      <c r="B59" s="27">
        <v>49</v>
      </c>
      <c r="C59" s="28">
        <v>65</v>
      </c>
      <c r="D59" s="29">
        <v>114</v>
      </c>
    </row>
    <row r="60" spans="1:4" ht="18" customHeight="1" x14ac:dyDescent="0.2">
      <c r="A60" s="31">
        <v>45</v>
      </c>
      <c r="B60" s="27">
        <v>20</v>
      </c>
      <c r="C60" s="28">
        <v>12</v>
      </c>
      <c r="D60" s="29">
        <v>32</v>
      </c>
    </row>
    <row r="61" spans="1:4" ht="18" customHeight="1" x14ac:dyDescent="0.2">
      <c r="A61" s="31">
        <v>46</v>
      </c>
      <c r="B61" s="27">
        <v>14</v>
      </c>
      <c r="C61" s="28">
        <v>16</v>
      </c>
      <c r="D61" s="29">
        <v>30</v>
      </c>
    </row>
    <row r="62" spans="1:4" ht="18" customHeight="1" x14ac:dyDescent="0.2">
      <c r="A62" s="31">
        <v>47</v>
      </c>
      <c r="B62" s="27">
        <v>12</v>
      </c>
      <c r="C62" s="28">
        <v>11</v>
      </c>
      <c r="D62" s="29">
        <v>23</v>
      </c>
    </row>
    <row r="63" spans="1:4" ht="18" customHeight="1" x14ac:dyDescent="0.2">
      <c r="A63" s="31">
        <v>48</v>
      </c>
      <c r="B63" s="27">
        <v>17</v>
      </c>
      <c r="C63" s="28">
        <v>14</v>
      </c>
      <c r="D63" s="29">
        <v>31</v>
      </c>
    </row>
    <row r="64" spans="1:4" ht="18" customHeight="1" x14ac:dyDescent="0.2">
      <c r="A64" s="31">
        <v>49</v>
      </c>
      <c r="B64" s="27">
        <v>13</v>
      </c>
      <c r="C64" s="28">
        <v>11</v>
      </c>
      <c r="D64" s="29">
        <v>24</v>
      </c>
    </row>
    <row r="65" spans="1:4" ht="18" customHeight="1" x14ac:dyDescent="0.2">
      <c r="A65" s="31" t="s">
        <v>58</v>
      </c>
      <c r="B65" s="27">
        <v>76</v>
      </c>
      <c r="C65" s="28">
        <v>64</v>
      </c>
      <c r="D65" s="29">
        <v>140</v>
      </c>
    </row>
    <row r="66" spans="1:4" ht="18" customHeight="1" x14ac:dyDescent="0.2">
      <c r="A66" s="31">
        <v>50</v>
      </c>
      <c r="B66" s="27">
        <v>11</v>
      </c>
      <c r="C66" s="28">
        <v>8</v>
      </c>
      <c r="D66" s="29">
        <v>19</v>
      </c>
    </row>
    <row r="67" spans="1:4" ht="18" customHeight="1" x14ac:dyDescent="0.2">
      <c r="A67" s="31">
        <v>51</v>
      </c>
      <c r="B67" s="27">
        <v>8</v>
      </c>
      <c r="C67" s="28">
        <v>10</v>
      </c>
      <c r="D67" s="29">
        <v>18</v>
      </c>
    </row>
    <row r="68" spans="1:4" ht="18" customHeight="1" x14ac:dyDescent="0.2">
      <c r="A68" s="31">
        <v>52</v>
      </c>
      <c r="B68" s="27">
        <v>5</v>
      </c>
      <c r="C68" s="28">
        <v>8</v>
      </c>
      <c r="D68" s="29">
        <v>13</v>
      </c>
    </row>
    <row r="69" spans="1:4" ht="18" customHeight="1" x14ac:dyDescent="0.2">
      <c r="A69" s="31">
        <v>53</v>
      </c>
      <c r="B69" s="27">
        <v>17</v>
      </c>
      <c r="C69" s="28">
        <v>12</v>
      </c>
      <c r="D69" s="29">
        <v>29</v>
      </c>
    </row>
    <row r="70" spans="1:4" ht="18" customHeight="1" x14ac:dyDescent="0.2">
      <c r="A70" s="31">
        <v>54</v>
      </c>
      <c r="B70" s="27">
        <v>12</v>
      </c>
      <c r="C70" s="28">
        <v>11</v>
      </c>
      <c r="D70" s="29">
        <v>23</v>
      </c>
    </row>
    <row r="71" spans="1:4" ht="18" customHeight="1" x14ac:dyDescent="0.2">
      <c r="A71" s="31" t="s">
        <v>59</v>
      </c>
      <c r="B71" s="27">
        <v>53</v>
      </c>
      <c r="C71" s="28">
        <v>49</v>
      </c>
      <c r="D71" s="29">
        <v>102</v>
      </c>
    </row>
    <row r="72" spans="1:4" ht="18" customHeight="1" x14ac:dyDescent="0.2">
      <c r="A72" s="31">
        <v>55</v>
      </c>
      <c r="B72" s="27">
        <v>8</v>
      </c>
      <c r="C72" s="28">
        <v>10</v>
      </c>
      <c r="D72" s="29">
        <v>18</v>
      </c>
    </row>
    <row r="73" spans="1:4" ht="18" customHeight="1" x14ac:dyDescent="0.2">
      <c r="A73" s="31">
        <v>56</v>
      </c>
      <c r="B73" s="27">
        <v>9</v>
      </c>
      <c r="C73" s="28">
        <v>2</v>
      </c>
      <c r="D73" s="29">
        <v>11</v>
      </c>
    </row>
    <row r="74" spans="1:4" ht="18" customHeight="1" x14ac:dyDescent="0.2">
      <c r="A74" s="31">
        <v>57</v>
      </c>
      <c r="B74" s="27">
        <v>12</v>
      </c>
      <c r="C74" s="28">
        <v>9</v>
      </c>
      <c r="D74" s="29">
        <v>21</v>
      </c>
    </row>
    <row r="75" spans="1:4" ht="18" customHeight="1" x14ac:dyDescent="0.2">
      <c r="A75" s="31">
        <v>58</v>
      </c>
      <c r="B75" s="27">
        <v>12</v>
      </c>
      <c r="C75" s="28">
        <v>11</v>
      </c>
      <c r="D75" s="29">
        <v>23</v>
      </c>
    </row>
    <row r="76" spans="1:4" ht="18" customHeight="1" x14ac:dyDescent="0.2">
      <c r="A76" s="31">
        <v>59</v>
      </c>
      <c r="B76" s="27">
        <v>9</v>
      </c>
      <c r="C76" s="28">
        <v>8</v>
      </c>
      <c r="D76" s="29">
        <v>17</v>
      </c>
    </row>
    <row r="77" spans="1:4" ht="18" customHeight="1" x14ac:dyDescent="0.2">
      <c r="A77" s="31" t="s">
        <v>60</v>
      </c>
      <c r="B77" s="27">
        <v>50</v>
      </c>
      <c r="C77" s="28">
        <v>40</v>
      </c>
      <c r="D77" s="29">
        <v>90</v>
      </c>
    </row>
    <row r="78" spans="1:4" ht="18" customHeight="1" x14ac:dyDescent="0.2">
      <c r="A78" s="31">
        <v>60</v>
      </c>
      <c r="B78" s="27">
        <v>10</v>
      </c>
      <c r="C78" s="28">
        <v>20</v>
      </c>
      <c r="D78" s="29">
        <v>30</v>
      </c>
    </row>
    <row r="79" spans="1:4" ht="18" customHeight="1" x14ac:dyDescent="0.2">
      <c r="A79" s="31">
        <v>61</v>
      </c>
      <c r="B79" s="27">
        <v>14</v>
      </c>
      <c r="C79" s="28">
        <v>15</v>
      </c>
      <c r="D79" s="29">
        <v>29</v>
      </c>
    </row>
    <row r="80" spans="1:4" ht="18" customHeight="1" x14ac:dyDescent="0.2">
      <c r="A80" s="31">
        <v>62</v>
      </c>
      <c r="B80" s="27">
        <v>16</v>
      </c>
      <c r="C80" s="28">
        <v>12</v>
      </c>
      <c r="D80" s="29">
        <v>28</v>
      </c>
    </row>
    <row r="81" spans="1:4" ht="18" customHeight="1" x14ac:dyDescent="0.2">
      <c r="A81" s="31">
        <v>63</v>
      </c>
      <c r="B81" s="27">
        <v>13</v>
      </c>
      <c r="C81" s="28">
        <v>22</v>
      </c>
      <c r="D81" s="29">
        <v>35</v>
      </c>
    </row>
    <row r="82" spans="1:4" ht="18" customHeight="1" x14ac:dyDescent="0.2">
      <c r="A82" s="31">
        <v>64</v>
      </c>
      <c r="B82" s="27">
        <v>20</v>
      </c>
      <c r="C82" s="28">
        <v>22</v>
      </c>
      <c r="D82" s="29">
        <v>42</v>
      </c>
    </row>
    <row r="83" spans="1:4" ht="18" customHeight="1" x14ac:dyDescent="0.2">
      <c r="A83" s="31" t="s">
        <v>61</v>
      </c>
      <c r="B83" s="27">
        <v>73</v>
      </c>
      <c r="C83" s="28">
        <v>91</v>
      </c>
      <c r="D83" s="29">
        <v>164</v>
      </c>
    </row>
    <row r="84" spans="1:4" ht="18" customHeight="1" x14ac:dyDescent="0.2">
      <c r="A84" s="31" t="s">
        <v>62</v>
      </c>
      <c r="B84" s="27">
        <v>534</v>
      </c>
      <c r="C84" s="28">
        <v>504</v>
      </c>
      <c r="D84" s="29">
        <v>1038</v>
      </c>
    </row>
    <row r="85" spans="1:4" ht="18" customHeight="1" x14ac:dyDescent="0.2">
      <c r="A85" s="31">
        <v>65</v>
      </c>
      <c r="B85" s="27">
        <v>14</v>
      </c>
      <c r="C85" s="28">
        <v>11</v>
      </c>
      <c r="D85" s="29">
        <v>25</v>
      </c>
    </row>
    <row r="86" spans="1:4" ht="18" customHeight="1" x14ac:dyDescent="0.2">
      <c r="A86" s="31">
        <v>66</v>
      </c>
      <c r="B86" s="27">
        <v>21</v>
      </c>
      <c r="C86" s="28">
        <v>15</v>
      </c>
      <c r="D86" s="29">
        <v>36</v>
      </c>
    </row>
    <row r="87" spans="1:4" ht="18" customHeight="1" x14ac:dyDescent="0.2">
      <c r="A87" s="31">
        <v>67</v>
      </c>
      <c r="B87" s="27">
        <v>25</v>
      </c>
      <c r="C87" s="28">
        <v>23</v>
      </c>
      <c r="D87" s="29">
        <v>48</v>
      </c>
    </row>
    <row r="88" spans="1:4" ht="18" customHeight="1" x14ac:dyDescent="0.2">
      <c r="A88" s="31">
        <v>68</v>
      </c>
      <c r="B88" s="27">
        <v>19</v>
      </c>
      <c r="C88" s="28">
        <v>13</v>
      </c>
      <c r="D88" s="29">
        <v>32</v>
      </c>
    </row>
    <row r="89" spans="1:4" ht="18" customHeight="1" x14ac:dyDescent="0.2">
      <c r="A89" s="31">
        <v>69</v>
      </c>
      <c r="B89" s="27">
        <v>22</v>
      </c>
      <c r="C89" s="28">
        <v>25</v>
      </c>
      <c r="D89" s="29">
        <v>47</v>
      </c>
    </row>
    <row r="90" spans="1:4" ht="18" customHeight="1" x14ac:dyDescent="0.2">
      <c r="A90" s="31" t="s">
        <v>63</v>
      </c>
      <c r="B90" s="27">
        <v>101</v>
      </c>
      <c r="C90" s="28">
        <v>87</v>
      </c>
      <c r="D90" s="29">
        <v>188</v>
      </c>
    </row>
    <row r="91" spans="1:4" ht="18" customHeight="1" x14ac:dyDescent="0.2">
      <c r="A91" s="31">
        <v>70</v>
      </c>
      <c r="B91" s="27">
        <v>27</v>
      </c>
      <c r="C91" s="28">
        <v>37</v>
      </c>
      <c r="D91" s="29">
        <v>64</v>
      </c>
    </row>
    <row r="92" spans="1:4" ht="18" customHeight="1" x14ac:dyDescent="0.2">
      <c r="A92" s="31">
        <v>71</v>
      </c>
      <c r="B92" s="27">
        <v>32</v>
      </c>
      <c r="C92" s="28">
        <v>26</v>
      </c>
      <c r="D92" s="29">
        <v>58</v>
      </c>
    </row>
    <row r="93" spans="1:4" ht="18" customHeight="1" x14ac:dyDescent="0.2">
      <c r="A93" s="31">
        <v>72</v>
      </c>
      <c r="B93" s="27">
        <v>14</v>
      </c>
      <c r="C93" s="28">
        <v>16</v>
      </c>
      <c r="D93" s="29">
        <v>30</v>
      </c>
    </row>
    <row r="94" spans="1:4" ht="18" customHeight="1" x14ac:dyDescent="0.2">
      <c r="A94" s="31">
        <v>73</v>
      </c>
      <c r="B94" s="27">
        <v>12</v>
      </c>
      <c r="C94" s="28">
        <v>16</v>
      </c>
      <c r="D94" s="29">
        <v>28</v>
      </c>
    </row>
    <row r="95" spans="1:4" ht="18" customHeight="1" x14ac:dyDescent="0.2">
      <c r="A95" s="31">
        <v>74</v>
      </c>
      <c r="B95" s="27">
        <v>16</v>
      </c>
      <c r="C95" s="28">
        <v>24</v>
      </c>
      <c r="D95" s="29">
        <v>40</v>
      </c>
    </row>
    <row r="96" spans="1:4" ht="18" customHeight="1" x14ac:dyDescent="0.2">
      <c r="A96" s="31" t="s">
        <v>64</v>
      </c>
      <c r="B96" s="27">
        <v>101</v>
      </c>
      <c r="C96" s="28">
        <v>119</v>
      </c>
      <c r="D96" s="29">
        <v>220</v>
      </c>
    </row>
    <row r="97" spans="1:4" ht="18" customHeight="1" x14ac:dyDescent="0.2">
      <c r="A97" s="31">
        <v>75</v>
      </c>
      <c r="B97" s="27">
        <v>19</v>
      </c>
      <c r="C97" s="28">
        <v>26</v>
      </c>
      <c r="D97" s="29">
        <v>45</v>
      </c>
    </row>
    <row r="98" spans="1:4" ht="18" customHeight="1" x14ac:dyDescent="0.2">
      <c r="A98" s="31">
        <v>76</v>
      </c>
      <c r="B98" s="27">
        <v>16</v>
      </c>
      <c r="C98" s="28">
        <v>19</v>
      </c>
      <c r="D98" s="29">
        <v>35</v>
      </c>
    </row>
    <row r="99" spans="1:4" ht="18" customHeight="1" x14ac:dyDescent="0.2">
      <c r="A99" s="31">
        <v>77</v>
      </c>
      <c r="B99" s="27">
        <v>25</v>
      </c>
      <c r="C99" s="28">
        <v>26</v>
      </c>
      <c r="D99" s="29">
        <v>51</v>
      </c>
    </row>
    <row r="100" spans="1:4" ht="18" customHeight="1" x14ac:dyDescent="0.2">
      <c r="A100" s="31">
        <v>78</v>
      </c>
      <c r="B100" s="27">
        <v>12</v>
      </c>
      <c r="C100" s="28">
        <v>19</v>
      </c>
      <c r="D100" s="29">
        <v>31</v>
      </c>
    </row>
    <row r="101" spans="1:4" ht="18" customHeight="1" x14ac:dyDescent="0.2">
      <c r="A101" s="31">
        <v>79</v>
      </c>
      <c r="B101" s="27">
        <v>13</v>
      </c>
      <c r="C101" s="28">
        <v>13</v>
      </c>
      <c r="D101" s="29">
        <v>26</v>
      </c>
    </row>
    <row r="102" spans="1:4" ht="18" customHeight="1" x14ac:dyDescent="0.2">
      <c r="A102" s="31" t="s">
        <v>65</v>
      </c>
      <c r="B102" s="27">
        <v>85</v>
      </c>
      <c r="C102" s="28">
        <v>103</v>
      </c>
      <c r="D102" s="29">
        <v>188</v>
      </c>
    </row>
    <row r="103" spans="1:4" ht="18" customHeight="1" x14ac:dyDescent="0.2">
      <c r="A103" s="31">
        <v>80</v>
      </c>
      <c r="B103" s="27">
        <v>9</v>
      </c>
      <c r="C103" s="28">
        <v>21</v>
      </c>
      <c r="D103" s="29">
        <v>30</v>
      </c>
    </row>
    <row r="104" spans="1:4" ht="18" customHeight="1" x14ac:dyDescent="0.2">
      <c r="A104" s="31">
        <v>81</v>
      </c>
      <c r="B104" s="27">
        <v>10</v>
      </c>
      <c r="C104" s="28">
        <v>17</v>
      </c>
      <c r="D104" s="29">
        <v>27</v>
      </c>
    </row>
    <row r="105" spans="1:4" ht="18" customHeight="1" x14ac:dyDescent="0.2">
      <c r="A105" s="31">
        <v>82</v>
      </c>
      <c r="B105" s="27">
        <v>10</v>
      </c>
      <c r="C105" s="28">
        <v>20</v>
      </c>
      <c r="D105" s="29">
        <v>30</v>
      </c>
    </row>
    <row r="106" spans="1:4" ht="18" customHeight="1" x14ac:dyDescent="0.2">
      <c r="A106" s="31">
        <v>83</v>
      </c>
      <c r="B106" s="27">
        <v>6</v>
      </c>
      <c r="C106" s="28">
        <v>16</v>
      </c>
      <c r="D106" s="29">
        <v>22</v>
      </c>
    </row>
    <row r="107" spans="1:4" ht="18" customHeight="1" x14ac:dyDescent="0.2">
      <c r="A107" s="31">
        <v>84</v>
      </c>
      <c r="B107" s="27">
        <v>11</v>
      </c>
      <c r="C107" s="28">
        <v>19</v>
      </c>
      <c r="D107" s="29">
        <v>30</v>
      </c>
    </row>
    <row r="108" spans="1:4" ht="18" customHeight="1" x14ac:dyDescent="0.2">
      <c r="A108" s="31" t="s">
        <v>66</v>
      </c>
      <c r="B108" s="27">
        <v>46</v>
      </c>
      <c r="C108" s="28">
        <v>93</v>
      </c>
      <c r="D108" s="29">
        <v>139</v>
      </c>
    </row>
    <row r="109" spans="1:4" ht="18" customHeight="1" x14ac:dyDescent="0.2">
      <c r="A109" s="31">
        <v>85</v>
      </c>
      <c r="B109" s="27">
        <v>15</v>
      </c>
      <c r="C109" s="28">
        <v>19</v>
      </c>
      <c r="D109" s="29">
        <v>34</v>
      </c>
    </row>
    <row r="110" spans="1:4" ht="18" customHeight="1" x14ac:dyDescent="0.2">
      <c r="A110" s="31">
        <v>86</v>
      </c>
      <c r="B110" s="27">
        <v>6</v>
      </c>
      <c r="C110" s="28">
        <v>21</v>
      </c>
      <c r="D110" s="29">
        <v>27</v>
      </c>
    </row>
    <row r="111" spans="1:4" ht="18" customHeight="1" x14ac:dyDescent="0.2">
      <c r="A111" s="31">
        <v>87</v>
      </c>
      <c r="B111" s="27">
        <v>8</v>
      </c>
      <c r="C111" s="28">
        <v>18</v>
      </c>
      <c r="D111" s="29">
        <v>26</v>
      </c>
    </row>
    <row r="112" spans="1:4" ht="18" customHeight="1" x14ac:dyDescent="0.2">
      <c r="A112" s="31">
        <v>88</v>
      </c>
      <c r="B112" s="27">
        <v>5</v>
      </c>
      <c r="C112" s="28">
        <v>13</v>
      </c>
      <c r="D112" s="29">
        <v>18</v>
      </c>
    </row>
    <row r="113" spans="1:4" ht="18" customHeight="1" x14ac:dyDescent="0.2">
      <c r="A113" s="31">
        <v>89</v>
      </c>
      <c r="B113" s="27">
        <v>12</v>
      </c>
      <c r="C113" s="28">
        <v>16</v>
      </c>
      <c r="D113" s="29">
        <v>28</v>
      </c>
    </row>
    <row r="114" spans="1:4" ht="18" customHeight="1" x14ac:dyDescent="0.2">
      <c r="A114" s="31" t="s">
        <v>67</v>
      </c>
      <c r="B114" s="27">
        <v>46</v>
      </c>
      <c r="C114" s="28">
        <v>87</v>
      </c>
      <c r="D114" s="29">
        <v>133</v>
      </c>
    </row>
    <row r="115" spans="1:4" ht="18" customHeight="1" x14ac:dyDescent="0.2">
      <c r="A115" s="31">
        <v>90</v>
      </c>
      <c r="B115" s="27">
        <v>5</v>
      </c>
      <c r="C115" s="28">
        <v>9</v>
      </c>
      <c r="D115" s="29">
        <v>14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6</v>
      </c>
      <c r="C117" s="28">
        <v>10</v>
      </c>
      <c r="D117" s="29">
        <v>16</v>
      </c>
    </row>
    <row r="118" spans="1:4" ht="18" customHeight="1" x14ac:dyDescent="0.2">
      <c r="A118" s="31">
        <v>93</v>
      </c>
      <c r="B118" s="27">
        <v>1</v>
      </c>
      <c r="C118" s="28">
        <v>10</v>
      </c>
      <c r="D118" s="29">
        <v>11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68</v>
      </c>
      <c r="B120" s="27">
        <v>13</v>
      </c>
      <c r="C120" s="28">
        <v>43</v>
      </c>
      <c r="D120" s="29">
        <v>56</v>
      </c>
    </row>
    <row r="121" spans="1:4" ht="18" customHeight="1" x14ac:dyDescent="0.2">
      <c r="A121" s="31">
        <v>95</v>
      </c>
      <c r="B121" s="27">
        <v>0</v>
      </c>
      <c r="C121" s="28">
        <v>6</v>
      </c>
      <c r="D121" s="29">
        <v>6</v>
      </c>
    </row>
    <row r="122" spans="1:4" ht="18" customHeight="1" x14ac:dyDescent="0.2">
      <c r="A122" s="31">
        <v>96</v>
      </c>
      <c r="B122" s="27">
        <v>3</v>
      </c>
      <c r="C122" s="28">
        <v>3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2</v>
      </c>
      <c r="C124" s="28">
        <v>1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5</v>
      </c>
      <c r="C126" s="28">
        <v>12</v>
      </c>
      <c r="D126" s="29">
        <v>1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398</v>
      </c>
      <c r="C130" s="5">
        <v>547</v>
      </c>
      <c r="D130" s="6">
        <v>945</v>
      </c>
    </row>
    <row r="131" spans="1:4" ht="18" customHeight="1" x14ac:dyDescent="0.2">
      <c r="A131" s="33" t="s">
        <v>47</v>
      </c>
      <c r="B131" s="7">
        <v>1034</v>
      </c>
      <c r="C131" s="8">
        <v>1147</v>
      </c>
      <c r="D131" s="9">
        <v>218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</v>
      </c>
      <c r="C5" s="37">
        <v>19</v>
      </c>
      <c r="D5" s="39">
        <v>37</v>
      </c>
    </row>
    <row r="6" spans="1:10" ht="18" customHeight="1" x14ac:dyDescent="0.2">
      <c r="A6" s="31">
        <v>1</v>
      </c>
      <c r="B6" s="35">
        <v>21</v>
      </c>
      <c r="C6" s="28">
        <v>19</v>
      </c>
      <c r="D6" s="29">
        <v>40</v>
      </c>
    </row>
    <row r="7" spans="1:10" ht="18" customHeight="1" x14ac:dyDescent="0.2">
      <c r="A7" s="31">
        <v>2</v>
      </c>
      <c r="B7" s="35">
        <v>19</v>
      </c>
      <c r="C7" s="28">
        <v>31</v>
      </c>
      <c r="D7" s="29">
        <v>50</v>
      </c>
    </row>
    <row r="8" spans="1:10" ht="18" customHeight="1" x14ac:dyDescent="0.2">
      <c r="A8" s="31">
        <v>3</v>
      </c>
      <c r="B8" s="35">
        <v>22</v>
      </c>
      <c r="C8" s="28">
        <v>28</v>
      </c>
      <c r="D8" s="29">
        <v>50</v>
      </c>
    </row>
    <row r="9" spans="1:10" ht="18" customHeight="1" x14ac:dyDescent="0.2">
      <c r="A9" s="31">
        <v>4</v>
      </c>
      <c r="B9" s="36">
        <v>21</v>
      </c>
      <c r="C9" s="38">
        <v>25</v>
      </c>
      <c r="D9" s="40">
        <v>46</v>
      </c>
    </row>
    <row r="10" spans="1:10" ht="18" customHeight="1" x14ac:dyDescent="0.2">
      <c r="A10" s="31" t="s">
        <v>48</v>
      </c>
      <c r="B10" s="27">
        <v>101</v>
      </c>
      <c r="C10" s="28">
        <v>122</v>
      </c>
      <c r="D10" s="29">
        <v>223</v>
      </c>
    </row>
    <row r="11" spans="1:10" ht="18" customHeight="1" x14ac:dyDescent="0.2">
      <c r="A11" s="31">
        <v>5</v>
      </c>
      <c r="B11" s="35">
        <v>35</v>
      </c>
      <c r="C11" s="28">
        <v>31</v>
      </c>
      <c r="D11" s="29">
        <v>66</v>
      </c>
    </row>
    <row r="12" spans="1:10" ht="18" customHeight="1" x14ac:dyDescent="0.2">
      <c r="A12" s="31">
        <v>6</v>
      </c>
      <c r="B12" s="35">
        <v>25</v>
      </c>
      <c r="C12" s="28">
        <v>25</v>
      </c>
      <c r="D12" s="29">
        <v>50</v>
      </c>
    </row>
    <row r="13" spans="1:10" ht="18" customHeight="1" x14ac:dyDescent="0.2">
      <c r="A13" s="31">
        <v>7</v>
      </c>
      <c r="B13" s="35">
        <v>22</v>
      </c>
      <c r="C13" s="28">
        <v>16</v>
      </c>
      <c r="D13" s="29">
        <v>38</v>
      </c>
    </row>
    <row r="14" spans="1:10" ht="18" customHeight="1" x14ac:dyDescent="0.2">
      <c r="A14" s="31">
        <v>8</v>
      </c>
      <c r="B14" s="35">
        <v>18</v>
      </c>
      <c r="C14" s="28">
        <v>30</v>
      </c>
      <c r="D14" s="29">
        <v>48</v>
      </c>
    </row>
    <row r="15" spans="1:10" ht="18" customHeight="1" x14ac:dyDescent="0.2">
      <c r="A15" s="31">
        <v>9</v>
      </c>
      <c r="B15" s="35">
        <v>31</v>
      </c>
      <c r="C15" s="28">
        <v>22</v>
      </c>
      <c r="D15" s="29">
        <v>53</v>
      </c>
    </row>
    <row r="16" spans="1:10" ht="18" customHeight="1" x14ac:dyDescent="0.2">
      <c r="A16" s="31" t="s">
        <v>49</v>
      </c>
      <c r="B16" s="27">
        <v>131</v>
      </c>
      <c r="C16" s="28">
        <v>124</v>
      </c>
      <c r="D16" s="29">
        <v>255</v>
      </c>
    </row>
    <row r="17" spans="1:4" ht="18" customHeight="1" x14ac:dyDescent="0.2">
      <c r="A17" s="31">
        <v>10</v>
      </c>
      <c r="B17" s="27">
        <v>28</v>
      </c>
      <c r="C17" s="28">
        <v>24</v>
      </c>
      <c r="D17" s="29">
        <v>52</v>
      </c>
    </row>
    <row r="18" spans="1:4" ht="18" customHeight="1" x14ac:dyDescent="0.2">
      <c r="A18" s="31">
        <v>11</v>
      </c>
      <c r="B18" s="27">
        <v>22</v>
      </c>
      <c r="C18" s="28">
        <v>25</v>
      </c>
      <c r="D18" s="29">
        <v>47</v>
      </c>
    </row>
    <row r="19" spans="1:4" ht="18" customHeight="1" x14ac:dyDescent="0.2">
      <c r="A19" s="31">
        <v>12</v>
      </c>
      <c r="B19" s="27">
        <v>46</v>
      </c>
      <c r="C19" s="28">
        <v>25</v>
      </c>
      <c r="D19" s="29">
        <v>71</v>
      </c>
    </row>
    <row r="20" spans="1:4" ht="18" customHeight="1" x14ac:dyDescent="0.2">
      <c r="A20" s="31">
        <v>13</v>
      </c>
      <c r="B20" s="27">
        <v>31</v>
      </c>
      <c r="C20" s="28">
        <v>31</v>
      </c>
      <c r="D20" s="29">
        <v>62</v>
      </c>
    </row>
    <row r="21" spans="1:4" ht="18" customHeight="1" x14ac:dyDescent="0.2">
      <c r="A21" s="31">
        <v>14</v>
      </c>
      <c r="B21" s="27">
        <v>48</v>
      </c>
      <c r="C21" s="28">
        <v>35</v>
      </c>
      <c r="D21" s="29">
        <v>83</v>
      </c>
    </row>
    <row r="22" spans="1:4" ht="18" customHeight="1" x14ac:dyDescent="0.2">
      <c r="A22" s="31" t="s">
        <v>50</v>
      </c>
      <c r="B22" s="27">
        <v>175</v>
      </c>
      <c r="C22" s="28">
        <v>140</v>
      </c>
      <c r="D22" s="29">
        <v>315</v>
      </c>
    </row>
    <row r="23" spans="1:4" ht="18" customHeight="1" x14ac:dyDescent="0.2">
      <c r="A23" s="31" t="s">
        <v>51</v>
      </c>
      <c r="B23" s="27">
        <v>407</v>
      </c>
      <c r="C23" s="28">
        <v>386</v>
      </c>
      <c r="D23" s="29">
        <v>793</v>
      </c>
    </row>
    <row r="24" spans="1:4" ht="18" customHeight="1" x14ac:dyDescent="0.2">
      <c r="A24" s="31">
        <v>15</v>
      </c>
      <c r="B24" s="27">
        <v>33</v>
      </c>
      <c r="C24" s="28">
        <v>32</v>
      </c>
      <c r="D24" s="29">
        <v>65</v>
      </c>
    </row>
    <row r="25" spans="1:4" ht="18" customHeight="1" x14ac:dyDescent="0.2">
      <c r="A25" s="31">
        <v>16</v>
      </c>
      <c r="B25" s="27">
        <v>46</v>
      </c>
      <c r="C25" s="28">
        <v>30</v>
      </c>
      <c r="D25" s="29">
        <v>76</v>
      </c>
    </row>
    <row r="26" spans="1:4" ht="18" customHeight="1" x14ac:dyDescent="0.2">
      <c r="A26" s="31">
        <v>17</v>
      </c>
      <c r="B26" s="27">
        <v>46</v>
      </c>
      <c r="C26" s="28">
        <v>36</v>
      </c>
      <c r="D26" s="29">
        <v>82</v>
      </c>
    </row>
    <row r="27" spans="1:4" ht="18" customHeight="1" x14ac:dyDescent="0.2">
      <c r="A27" s="31">
        <v>18</v>
      </c>
      <c r="B27" s="27">
        <v>34</v>
      </c>
      <c r="C27" s="28">
        <v>42</v>
      </c>
      <c r="D27" s="29">
        <v>76</v>
      </c>
    </row>
    <row r="28" spans="1:4" ht="18" customHeight="1" x14ac:dyDescent="0.2">
      <c r="A28" s="31">
        <v>19</v>
      </c>
      <c r="B28" s="27">
        <v>48</v>
      </c>
      <c r="C28" s="28">
        <v>35</v>
      </c>
      <c r="D28" s="29">
        <v>83</v>
      </c>
    </row>
    <row r="29" spans="1:4" ht="18" customHeight="1" x14ac:dyDescent="0.2">
      <c r="A29" s="31" t="s">
        <v>52</v>
      </c>
      <c r="B29" s="27">
        <v>207</v>
      </c>
      <c r="C29" s="28">
        <v>175</v>
      </c>
      <c r="D29" s="29">
        <v>382</v>
      </c>
    </row>
    <row r="30" spans="1:4" ht="18" customHeight="1" x14ac:dyDescent="0.2">
      <c r="A30" s="31">
        <v>20</v>
      </c>
      <c r="B30" s="27">
        <v>44</v>
      </c>
      <c r="C30" s="28">
        <v>33</v>
      </c>
      <c r="D30" s="29">
        <v>77</v>
      </c>
    </row>
    <row r="31" spans="1:4" ht="18" customHeight="1" x14ac:dyDescent="0.2">
      <c r="A31" s="31">
        <v>21</v>
      </c>
      <c r="B31" s="27">
        <v>37</v>
      </c>
      <c r="C31" s="28">
        <v>38</v>
      </c>
      <c r="D31" s="29">
        <v>75</v>
      </c>
    </row>
    <row r="32" spans="1:4" ht="18" customHeight="1" x14ac:dyDescent="0.2">
      <c r="A32" s="31">
        <v>22</v>
      </c>
      <c r="B32" s="27">
        <v>44</v>
      </c>
      <c r="C32" s="28">
        <v>36</v>
      </c>
      <c r="D32" s="29">
        <v>80</v>
      </c>
    </row>
    <row r="33" spans="1:4" ht="18" customHeight="1" x14ac:dyDescent="0.2">
      <c r="A33" s="31">
        <v>23</v>
      </c>
      <c r="B33" s="27">
        <v>38</v>
      </c>
      <c r="C33" s="28">
        <v>29</v>
      </c>
      <c r="D33" s="29">
        <v>67</v>
      </c>
    </row>
    <row r="34" spans="1:4" ht="18" customHeight="1" x14ac:dyDescent="0.2">
      <c r="A34" s="31">
        <v>24</v>
      </c>
      <c r="B34" s="27">
        <v>46</v>
      </c>
      <c r="C34" s="28">
        <v>30</v>
      </c>
      <c r="D34" s="29">
        <v>76</v>
      </c>
    </row>
    <row r="35" spans="1:4" ht="18" customHeight="1" x14ac:dyDescent="0.2">
      <c r="A35" s="31" t="s">
        <v>53</v>
      </c>
      <c r="B35" s="27">
        <v>209</v>
      </c>
      <c r="C35" s="28">
        <v>166</v>
      </c>
      <c r="D35" s="29">
        <v>375</v>
      </c>
    </row>
    <row r="36" spans="1:4" ht="18" customHeight="1" x14ac:dyDescent="0.2">
      <c r="A36" s="31">
        <v>25</v>
      </c>
      <c r="B36" s="27">
        <v>30</v>
      </c>
      <c r="C36" s="28">
        <v>25</v>
      </c>
      <c r="D36" s="29">
        <v>55</v>
      </c>
    </row>
    <row r="37" spans="1:4" ht="18" customHeight="1" x14ac:dyDescent="0.2">
      <c r="A37" s="31">
        <v>26</v>
      </c>
      <c r="B37" s="27">
        <v>42</v>
      </c>
      <c r="C37" s="28">
        <v>31</v>
      </c>
      <c r="D37" s="29">
        <v>73</v>
      </c>
    </row>
    <row r="38" spans="1:4" ht="18" customHeight="1" x14ac:dyDescent="0.2">
      <c r="A38" s="31">
        <v>27</v>
      </c>
      <c r="B38" s="27">
        <v>45</v>
      </c>
      <c r="C38" s="28">
        <v>27</v>
      </c>
      <c r="D38" s="29">
        <v>72</v>
      </c>
    </row>
    <row r="39" spans="1:4" ht="18" customHeight="1" x14ac:dyDescent="0.2">
      <c r="A39" s="31">
        <v>28</v>
      </c>
      <c r="B39" s="27">
        <v>41</v>
      </c>
      <c r="C39" s="28">
        <v>26</v>
      </c>
      <c r="D39" s="29">
        <v>67</v>
      </c>
    </row>
    <row r="40" spans="1:4" ht="18" customHeight="1" x14ac:dyDescent="0.2">
      <c r="A40" s="31">
        <v>29</v>
      </c>
      <c r="B40" s="27">
        <v>30</v>
      </c>
      <c r="C40" s="28">
        <v>24</v>
      </c>
      <c r="D40" s="29">
        <v>54</v>
      </c>
    </row>
    <row r="41" spans="1:4" ht="18" customHeight="1" x14ac:dyDescent="0.2">
      <c r="A41" s="31" t="s">
        <v>54</v>
      </c>
      <c r="B41" s="27">
        <v>188</v>
      </c>
      <c r="C41" s="28">
        <v>133</v>
      </c>
      <c r="D41" s="29">
        <v>321</v>
      </c>
    </row>
    <row r="42" spans="1:4" ht="18" customHeight="1" x14ac:dyDescent="0.2">
      <c r="A42" s="31">
        <v>30</v>
      </c>
      <c r="B42" s="27">
        <v>42</v>
      </c>
      <c r="C42" s="28">
        <v>26</v>
      </c>
      <c r="D42" s="29">
        <v>68</v>
      </c>
    </row>
    <row r="43" spans="1:4" ht="18" customHeight="1" x14ac:dyDescent="0.2">
      <c r="A43" s="31">
        <v>31</v>
      </c>
      <c r="B43" s="27">
        <v>43</v>
      </c>
      <c r="C43" s="28">
        <v>40</v>
      </c>
      <c r="D43" s="29">
        <v>83</v>
      </c>
    </row>
    <row r="44" spans="1:4" ht="18" customHeight="1" x14ac:dyDescent="0.2">
      <c r="A44" s="31">
        <v>32</v>
      </c>
      <c r="B44" s="27">
        <v>34</v>
      </c>
      <c r="C44" s="28">
        <v>39</v>
      </c>
      <c r="D44" s="29">
        <v>73</v>
      </c>
    </row>
    <row r="45" spans="1:4" ht="18" customHeight="1" x14ac:dyDescent="0.2">
      <c r="A45" s="31">
        <v>33</v>
      </c>
      <c r="B45" s="27">
        <v>32</v>
      </c>
      <c r="C45" s="28">
        <v>39</v>
      </c>
      <c r="D45" s="29">
        <v>71</v>
      </c>
    </row>
    <row r="46" spans="1:4" ht="18" customHeight="1" x14ac:dyDescent="0.2">
      <c r="A46" s="31">
        <v>34</v>
      </c>
      <c r="B46" s="27">
        <v>37</v>
      </c>
      <c r="C46" s="28">
        <v>41</v>
      </c>
      <c r="D46" s="29">
        <v>78</v>
      </c>
    </row>
    <row r="47" spans="1:4" ht="18" customHeight="1" x14ac:dyDescent="0.2">
      <c r="A47" s="31" t="s">
        <v>55</v>
      </c>
      <c r="B47" s="27">
        <v>188</v>
      </c>
      <c r="C47" s="28">
        <v>185</v>
      </c>
      <c r="D47" s="29">
        <v>373</v>
      </c>
    </row>
    <row r="48" spans="1:4" ht="18" customHeight="1" x14ac:dyDescent="0.2">
      <c r="A48" s="31">
        <v>35</v>
      </c>
      <c r="B48" s="27">
        <v>44</v>
      </c>
      <c r="C48" s="28">
        <v>41</v>
      </c>
      <c r="D48" s="29">
        <v>85</v>
      </c>
    </row>
    <row r="49" spans="1:4" ht="18" customHeight="1" x14ac:dyDescent="0.2">
      <c r="A49" s="31">
        <v>36</v>
      </c>
      <c r="B49" s="27">
        <v>31</v>
      </c>
      <c r="C49" s="28">
        <v>40</v>
      </c>
      <c r="D49" s="29">
        <v>71</v>
      </c>
    </row>
    <row r="50" spans="1:4" ht="18" customHeight="1" x14ac:dyDescent="0.2">
      <c r="A50" s="31">
        <v>37</v>
      </c>
      <c r="B50" s="27">
        <v>42</v>
      </c>
      <c r="C50" s="28">
        <v>40</v>
      </c>
      <c r="D50" s="29">
        <v>82</v>
      </c>
    </row>
    <row r="51" spans="1:4" ht="18" customHeight="1" x14ac:dyDescent="0.2">
      <c r="A51" s="31">
        <v>38</v>
      </c>
      <c r="B51" s="27">
        <v>47</v>
      </c>
      <c r="C51" s="28">
        <v>39</v>
      </c>
      <c r="D51" s="29">
        <v>86</v>
      </c>
    </row>
    <row r="52" spans="1:4" ht="18" customHeight="1" x14ac:dyDescent="0.2">
      <c r="A52" s="31">
        <v>39</v>
      </c>
      <c r="B52" s="27">
        <v>51</v>
      </c>
      <c r="C52" s="28">
        <v>47</v>
      </c>
      <c r="D52" s="29">
        <v>98</v>
      </c>
    </row>
    <row r="53" spans="1:4" ht="18" customHeight="1" x14ac:dyDescent="0.2">
      <c r="A53" s="31" t="s">
        <v>56</v>
      </c>
      <c r="B53" s="27">
        <v>215</v>
      </c>
      <c r="C53" s="28">
        <v>207</v>
      </c>
      <c r="D53" s="29">
        <v>422</v>
      </c>
    </row>
    <row r="54" spans="1:4" ht="18" customHeight="1" x14ac:dyDescent="0.2">
      <c r="A54" s="31">
        <v>40</v>
      </c>
      <c r="B54" s="27">
        <v>38</v>
      </c>
      <c r="C54" s="28">
        <v>35</v>
      </c>
      <c r="D54" s="29">
        <v>73</v>
      </c>
    </row>
    <row r="55" spans="1:4" ht="18" customHeight="1" x14ac:dyDescent="0.2">
      <c r="A55" s="31">
        <v>41</v>
      </c>
      <c r="B55" s="27">
        <v>45</v>
      </c>
      <c r="C55" s="28">
        <v>49</v>
      </c>
      <c r="D55" s="29">
        <v>94</v>
      </c>
    </row>
    <row r="56" spans="1:4" ht="18" customHeight="1" x14ac:dyDescent="0.2">
      <c r="A56" s="31">
        <v>42</v>
      </c>
      <c r="B56" s="27">
        <v>55</v>
      </c>
      <c r="C56" s="28">
        <v>39</v>
      </c>
      <c r="D56" s="29">
        <v>94</v>
      </c>
    </row>
    <row r="57" spans="1:4" ht="18" customHeight="1" x14ac:dyDescent="0.2">
      <c r="A57" s="31">
        <v>43</v>
      </c>
      <c r="B57" s="27">
        <v>48</v>
      </c>
      <c r="C57" s="28">
        <v>45</v>
      </c>
      <c r="D57" s="29">
        <v>93</v>
      </c>
    </row>
    <row r="58" spans="1:4" ht="18" customHeight="1" x14ac:dyDescent="0.2">
      <c r="A58" s="31">
        <v>44</v>
      </c>
      <c r="B58" s="27">
        <v>45</v>
      </c>
      <c r="C58" s="28">
        <v>45</v>
      </c>
      <c r="D58" s="29">
        <v>90</v>
      </c>
    </row>
    <row r="59" spans="1:4" ht="18" customHeight="1" x14ac:dyDescent="0.2">
      <c r="A59" s="31" t="s">
        <v>57</v>
      </c>
      <c r="B59" s="27">
        <v>231</v>
      </c>
      <c r="C59" s="28">
        <v>213</v>
      </c>
      <c r="D59" s="29">
        <v>444</v>
      </c>
    </row>
    <row r="60" spans="1:4" ht="18" customHeight="1" x14ac:dyDescent="0.2">
      <c r="A60" s="31">
        <v>45</v>
      </c>
      <c r="B60" s="27">
        <v>52</v>
      </c>
      <c r="C60" s="28">
        <v>50</v>
      </c>
      <c r="D60" s="29">
        <v>102</v>
      </c>
    </row>
    <row r="61" spans="1:4" ht="18" customHeight="1" x14ac:dyDescent="0.2">
      <c r="A61" s="31">
        <v>46</v>
      </c>
      <c r="B61" s="27">
        <v>52</v>
      </c>
      <c r="C61" s="28">
        <v>64</v>
      </c>
      <c r="D61" s="29">
        <v>116</v>
      </c>
    </row>
    <row r="62" spans="1:4" ht="18" customHeight="1" x14ac:dyDescent="0.2">
      <c r="A62" s="31">
        <v>47</v>
      </c>
      <c r="B62" s="27">
        <v>47</v>
      </c>
      <c r="C62" s="28">
        <v>37</v>
      </c>
      <c r="D62" s="29">
        <v>84</v>
      </c>
    </row>
    <row r="63" spans="1:4" ht="18" customHeight="1" x14ac:dyDescent="0.2">
      <c r="A63" s="31">
        <v>48</v>
      </c>
      <c r="B63" s="27">
        <v>73</v>
      </c>
      <c r="C63" s="28">
        <v>51</v>
      </c>
      <c r="D63" s="29">
        <v>124</v>
      </c>
    </row>
    <row r="64" spans="1:4" ht="18" customHeight="1" x14ac:dyDescent="0.2">
      <c r="A64" s="31">
        <v>49</v>
      </c>
      <c r="B64" s="27">
        <v>42</v>
      </c>
      <c r="C64" s="28">
        <v>58</v>
      </c>
      <c r="D64" s="29">
        <v>100</v>
      </c>
    </row>
    <row r="65" spans="1:4" ht="18" customHeight="1" x14ac:dyDescent="0.2">
      <c r="A65" s="31" t="s">
        <v>58</v>
      </c>
      <c r="B65" s="27">
        <v>266</v>
      </c>
      <c r="C65" s="28">
        <v>260</v>
      </c>
      <c r="D65" s="29">
        <v>526</v>
      </c>
    </row>
    <row r="66" spans="1:4" ht="18" customHeight="1" x14ac:dyDescent="0.2">
      <c r="A66" s="31">
        <v>50</v>
      </c>
      <c r="B66" s="27">
        <v>52</v>
      </c>
      <c r="C66" s="28">
        <v>57</v>
      </c>
      <c r="D66" s="29">
        <v>109</v>
      </c>
    </row>
    <row r="67" spans="1:4" ht="18" customHeight="1" x14ac:dyDescent="0.2">
      <c r="A67" s="31">
        <v>51</v>
      </c>
      <c r="B67" s="27">
        <v>55</v>
      </c>
      <c r="C67" s="28">
        <v>51</v>
      </c>
      <c r="D67" s="29">
        <v>106</v>
      </c>
    </row>
    <row r="68" spans="1:4" ht="18" customHeight="1" x14ac:dyDescent="0.2">
      <c r="A68" s="31">
        <v>52</v>
      </c>
      <c r="B68" s="27">
        <v>33</v>
      </c>
      <c r="C68" s="28">
        <v>38</v>
      </c>
      <c r="D68" s="29">
        <v>71</v>
      </c>
    </row>
    <row r="69" spans="1:4" ht="18" customHeight="1" x14ac:dyDescent="0.2">
      <c r="A69" s="31">
        <v>53</v>
      </c>
      <c r="B69" s="27">
        <v>46</v>
      </c>
      <c r="C69" s="28">
        <v>42</v>
      </c>
      <c r="D69" s="29">
        <v>88</v>
      </c>
    </row>
    <row r="70" spans="1:4" ht="18" customHeight="1" x14ac:dyDescent="0.2">
      <c r="A70" s="31">
        <v>54</v>
      </c>
      <c r="B70" s="27">
        <v>50</v>
      </c>
      <c r="C70" s="28">
        <v>44</v>
      </c>
      <c r="D70" s="29">
        <v>94</v>
      </c>
    </row>
    <row r="71" spans="1:4" ht="18" customHeight="1" x14ac:dyDescent="0.2">
      <c r="A71" s="31" t="s">
        <v>59</v>
      </c>
      <c r="B71" s="27">
        <v>236</v>
      </c>
      <c r="C71" s="28">
        <v>232</v>
      </c>
      <c r="D71" s="29">
        <v>468</v>
      </c>
    </row>
    <row r="72" spans="1:4" ht="18" customHeight="1" x14ac:dyDescent="0.2">
      <c r="A72" s="31">
        <v>55</v>
      </c>
      <c r="B72" s="27">
        <v>37</v>
      </c>
      <c r="C72" s="28">
        <v>44</v>
      </c>
      <c r="D72" s="29">
        <v>81</v>
      </c>
    </row>
    <row r="73" spans="1:4" ht="18" customHeight="1" x14ac:dyDescent="0.2">
      <c r="A73" s="31">
        <v>56</v>
      </c>
      <c r="B73" s="27">
        <v>47</v>
      </c>
      <c r="C73" s="28">
        <v>41</v>
      </c>
      <c r="D73" s="29">
        <v>88</v>
      </c>
    </row>
    <row r="74" spans="1:4" ht="18" customHeight="1" x14ac:dyDescent="0.2">
      <c r="A74" s="31">
        <v>57</v>
      </c>
      <c r="B74" s="27">
        <v>40</v>
      </c>
      <c r="C74" s="28">
        <v>58</v>
      </c>
      <c r="D74" s="29">
        <v>98</v>
      </c>
    </row>
    <row r="75" spans="1:4" ht="18" customHeight="1" x14ac:dyDescent="0.2">
      <c r="A75" s="31">
        <v>58</v>
      </c>
      <c r="B75" s="27">
        <v>55</v>
      </c>
      <c r="C75" s="28">
        <v>50</v>
      </c>
      <c r="D75" s="29">
        <v>105</v>
      </c>
    </row>
    <row r="76" spans="1:4" ht="18" customHeight="1" x14ac:dyDescent="0.2">
      <c r="A76" s="31">
        <v>59</v>
      </c>
      <c r="B76" s="27">
        <v>45</v>
      </c>
      <c r="C76" s="28">
        <v>38</v>
      </c>
      <c r="D76" s="29">
        <v>83</v>
      </c>
    </row>
    <row r="77" spans="1:4" ht="18" customHeight="1" x14ac:dyDescent="0.2">
      <c r="A77" s="31" t="s">
        <v>60</v>
      </c>
      <c r="B77" s="27">
        <v>224</v>
      </c>
      <c r="C77" s="28">
        <v>231</v>
      </c>
      <c r="D77" s="29">
        <v>455</v>
      </c>
    </row>
    <row r="78" spans="1:4" ht="18" customHeight="1" x14ac:dyDescent="0.2">
      <c r="A78" s="31">
        <v>60</v>
      </c>
      <c r="B78" s="27">
        <v>41</v>
      </c>
      <c r="C78" s="28">
        <v>41</v>
      </c>
      <c r="D78" s="29">
        <v>82</v>
      </c>
    </row>
    <row r="79" spans="1:4" ht="18" customHeight="1" x14ac:dyDescent="0.2">
      <c r="A79" s="31">
        <v>61</v>
      </c>
      <c r="B79" s="27">
        <v>39</v>
      </c>
      <c r="C79" s="28">
        <v>54</v>
      </c>
      <c r="D79" s="29">
        <v>93</v>
      </c>
    </row>
    <row r="80" spans="1:4" ht="18" customHeight="1" x14ac:dyDescent="0.2">
      <c r="A80" s="31">
        <v>62</v>
      </c>
      <c r="B80" s="27">
        <v>56</v>
      </c>
      <c r="C80" s="28">
        <v>44</v>
      </c>
      <c r="D80" s="29">
        <v>100</v>
      </c>
    </row>
    <row r="81" spans="1:4" ht="18" customHeight="1" x14ac:dyDescent="0.2">
      <c r="A81" s="31">
        <v>63</v>
      </c>
      <c r="B81" s="27">
        <v>52</v>
      </c>
      <c r="C81" s="28">
        <v>41</v>
      </c>
      <c r="D81" s="29">
        <v>93</v>
      </c>
    </row>
    <row r="82" spans="1:4" ht="18" customHeight="1" x14ac:dyDescent="0.2">
      <c r="A82" s="31">
        <v>64</v>
      </c>
      <c r="B82" s="27">
        <v>46</v>
      </c>
      <c r="C82" s="28">
        <v>63</v>
      </c>
      <c r="D82" s="29">
        <v>109</v>
      </c>
    </row>
    <row r="83" spans="1:4" ht="18" customHeight="1" x14ac:dyDescent="0.2">
      <c r="A83" s="31" t="s">
        <v>61</v>
      </c>
      <c r="B83" s="27">
        <v>234</v>
      </c>
      <c r="C83" s="28">
        <v>243</v>
      </c>
      <c r="D83" s="29">
        <v>477</v>
      </c>
    </row>
    <row r="84" spans="1:4" ht="18" customHeight="1" x14ac:dyDescent="0.2">
      <c r="A84" s="31" t="s">
        <v>62</v>
      </c>
      <c r="B84" s="27">
        <v>2198</v>
      </c>
      <c r="C84" s="28">
        <v>2045</v>
      </c>
      <c r="D84" s="29">
        <v>4243</v>
      </c>
    </row>
    <row r="85" spans="1:4" ht="18" customHeight="1" x14ac:dyDescent="0.2">
      <c r="A85" s="31">
        <v>65</v>
      </c>
      <c r="B85" s="27">
        <v>55</v>
      </c>
      <c r="C85" s="28">
        <v>55</v>
      </c>
      <c r="D85" s="29">
        <v>110</v>
      </c>
    </row>
    <row r="86" spans="1:4" ht="18" customHeight="1" x14ac:dyDescent="0.2">
      <c r="A86" s="31">
        <v>66</v>
      </c>
      <c r="B86" s="27">
        <v>65</v>
      </c>
      <c r="C86" s="28">
        <v>51</v>
      </c>
      <c r="D86" s="29">
        <v>116</v>
      </c>
    </row>
    <row r="87" spans="1:4" ht="18" customHeight="1" x14ac:dyDescent="0.2">
      <c r="A87" s="31">
        <v>67</v>
      </c>
      <c r="B87" s="27">
        <v>54</v>
      </c>
      <c r="C87" s="28">
        <v>63</v>
      </c>
      <c r="D87" s="29">
        <v>117</v>
      </c>
    </row>
    <row r="88" spans="1:4" ht="18" customHeight="1" x14ac:dyDescent="0.2">
      <c r="A88" s="31">
        <v>68</v>
      </c>
      <c r="B88" s="27">
        <v>70</v>
      </c>
      <c r="C88" s="28">
        <v>61</v>
      </c>
      <c r="D88" s="29">
        <v>131</v>
      </c>
    </row>
    <row r="89" spans="1:4" ht="18" customHeight="1" x14ac:dyDescent="0.2">
      <c r="A89" s="31">
        <v>69</v>
      </c>
      <c r="B89" s="27">
        <v>70</v>
      </c>
      <c r="C89" s="28">
        <v>49</v>
      </c>
      <c r="D89" s="29">
        <v>119</v>
      </c>
    </row>
    <row r="90" spans="1:4" ht="18" customHeight="1" x14ac:dyDescent="0.2">
      <c r="A90" s="31" t="s">
        <v>63</v>
      </c>
      <c r="B90" s="27">
        <v>314</v>
      </c>
      <c r="C90" s="28">
        <v>279</v>
      </c>
      <c r="D90" s="29">
        <v>593</v>
      </c>
    </row>
    <row r="91" spans="1:4" ht="18" customHeight="1" x14ac:dyDescent="0.2">
      <c r="A91" s="31">
        <v>70</v>
      </c>
      <c r="B91" s="27">
        <v>77</v>
      </c>
      <c r="C91" s="28">
        <v>69</v>
      </c>
      <c r="D91" s="29">
        <v>146</v>
      </c>
    </row>
    <row r="92" spans="1:4" ht="18" customHeight="1" x14ac:dyDescent="0.2">
      <c r="A92" s="31">
        <v>71</v>
      </c>
      <c r="B92" s="27">
        <v>66</v>
      </c>
      <c r="C92" s="28">
        <v>67</v>
      </c>
      <c r="D92" s="29">
        <v>133</v>
      </c>
    </row>
    <row r="93" spans="1:4" ht="18" customHeight="1" x14ac:dyDescent="0.2">
      <c r="A93" s="31">
        <v>72</v>
      </c>
      <c r="B93" s="27">
        <v>37</v>
      </c>
      <c r="C93" s="28">
        <v>40</v>
      </c>
      <c r="D93" s="29">
        <v>77</v>
      </c>
    </row>
    <row r="94" spans="1:4" ht="18" customHeight="1" x14ac:dyDescent="0.2">
      <c r="A94" s="31">
        <v>73</v>
      </c>
      <c r="B94" s="27">
        <v>34</v>
      </c>
      <c r="C94" s="28">
        <v>35</v>
      </c>
      <c r="D94" s="29">
        <v>69</v>
      </c>
    </row>
    <row r="95" spans="1:4" ht="18" customHeight="1" x14ac:dyDescent="0.2">
      <c r="A95" s="31">
        <v>74</v>
      </c>
      <c r="B95" s="27">
        <v>43</v>
      </c>
      <c r="C95" s="28">
        <v>49</v>
      </c>
      <c r="D95" s="29">
        <v>92</v>
      </c>
    </row>
    <row r="96" spans="1:4" ht="18" customHeight="1" x14ac:dyDescent="0.2">
      <c r="A96" s="31" t="s">
        <v>64</v>
      </c>
      <c r="B96" s="27">
        <v>257</v>
      </c>
      <c r="C96" s="28">
        <v>260</v>
      </c>
      <c r="D96" s="29">
        <v>517</v>
      </c>
    </row>
    <row r="97" spans="1:4" ht="18" customHeight="1" x14ac:dyDescent="0.2">
      <c r="A97" s="31">
        <v>75</v>
      </c>
      <c r="B97" s="27">
        <v>40</v>
      </c>
      <c r="C97" s="28">
        <v>46</v>
      </c>
      <c r="D97" s="29">
        <v>86</v>
      </c>
    </row>
    <row r="98" spans="1:4" ht="18" customHeight="1" x14ac:dyDescent="0.2">
      <c r="A98" s="31">
        <v>76</v>
      </c>
      <c r="B98" s="27">
        <v>51</v>
      </c>
      <c r="C98" s="28">
        <v>56</v>
      </c>
      <c r="D98" s="29">
        <v>107</v>
      </c>
    </row>
    <row r="99" spans="1:4" ht="18" customHeight="1" x14ac:dyDescent="0.2">
      <c r="A99" s="31">
        <v>77</v>
      </c>
      <c r="B99" s="27">
        <v>50</v>
      </c>
      <c r="C99" s="28">
        <v>36</v>
      </c>
      <c r="D99" s="29">
        <v>86</v>
      </c>
    </row>
    <row r="100" spans="1:4" ht="18" customHeight="1" x14ac:dyDescent="0.2">
      <c r="A100" s="31">
        <v>78</v>
      </c>
      <c r="B100" s="27">
        <v>28</v>
      </c>
      <c r="C100" s="28">
        <v>37</v>
      </c>
      <c r="D100" s="29">
        <v>65</v>
      </c>
    </row>
    <row r="101" spans="1:4" ht="18" customHeight="1" x14ac:dyDescent="0.2">
      <c r="A101" s="31">
        <v>79</v>
      </c>
      <c r="B101" s="27">
        <v>21</v>
      </c>
      <c r="C101" s="28">
        <v>25</v>
      </c>
      <c r="D101" s="29">
        <v>46</v>
      </c>
    </row>
    <row r="102" spans="1:4" ht="18" customHeight="1" x14ac:dyDescent="0.2">
      <c r="A102" s="31" t="s">
        <v>65</v>
      </c>
      <c r="B102" s="27">
        <v>190</v>
      </c>
      <c r="C102" s="28">
        <v>200</v>
      </c>
      <c r="D102" s="29">
        <v>390</v>
      </c>
    </row>
    <row r="103" spans="1:4" ht="18" customHeight="1" x14ac:dyDescent="0.2">
      <c r="A103" s="31">
        <v>80</v>
      </c>
      <c r="B103" s="27">
        <v>27</v>
      </c>
      <c r="C103" s="28">
        <v>28</v>
      </c>
      <c r="D103" s="29">
        <v>55</v>
      </c>
    </row>
    <row r="104" spans="1:4" ht="18" customHeight="1" x14ac:dyDescent="0.2">
      <c r="A104" s="31">
        <v>81</v>
      </c>
      <c r="B104" s="27">
        <v>31</v>
      </c>
      <c r="C104" s="28">
        <v>45</v>
      </c>
      <c r="D104" s="29">
        <v>76</v>
      </c>
    </row>
    <row r="105" spans="1:4" ht="18" customHeight="1" x14ac:dyDescent="0.2">
      <c r="A105" s="31">
        <v>82</v>
      </c>
      <c r="B105" s="27">
        <v>35</v>
      </c>
      <c r="C105" s="28">
        <v>46</v>
      </c>
      <c r="D105" s="29">
        <v>81</v>
      </c>
    </row>
    <row r="106" spans="1:4" ht="18" customHeight="1" x14ac:dyDescent="0.2">
      <c r="A106" s="31">
        <v>83</v>
      </c>
      <c r="B106" s="27">
        <v>25</v>
      </c>
      <c r="C106" s="28">
        <v>30</v>
      </c>
      <c r="D106" s="29">
        <v>55</v>
      </c>
    </row>
    <row r="107" spans="1:4" ht="18" customHeight="1" x14ac:dyDescent="0.2">
      <c r="A107" s="31">
        <v>84</v>
      </c>
      <c r="B107" s="27">
        <v>22</v>
      </c>
      <c r="C107" s="28">
        <v>35</v>
      </c>
      <c r="D107" s="29">
        <v>57</v>
      </c>
    </row>
    <row r="108" spans="1:4" ht="18" customHeight="1" x14ac:dyDescent="0.2">
      <c r="A108" s="31" t="s">
        <v>66</v>
      </c>
      <c r="B108" s="27">
        <v>140</v>
      </c>
      <c r="C108" s="28">
        <v>184</v>
      </c>
      <c r="D108" s="29">
        <v>324</v>
      </c>
    </row>
    <row r="109" spans="1:4" ht="18" customHeight="1" x14ac:dyDescent="0.2">
      <c r="A109" s="31">
        <v>85</v>
      </c>
      <c r="B109" s="27">
        <v>19</v>
      </c>
      <c r="C109" s="28">
        <v>26</v>
      </c>
      <c r="D109" s="29">
        <v>45</v>
      </c>
    </row>
    <row r="110" spans="1:4" ht="18" customHeight="1" x14ac:dyDescent="0.2">
      <c r="A110" s="31">
        <v>86</v>
      </c>
      <c r="B110" s="27">
        <v>19</v>
      </c>
      <c r="C110" s="28">
        <v>25</v>
      </c>
      <c r="D110" s="29">
        <v>44</v>
      </c>
    </row>
    <row r="111" spans="1:4" ht="18" customHeight="1" x14ac:dyDescent="0.2">
      <c r="A111" s="31">
        <v>87</v>
      </c>
      <c r="B111" s="27">
        <v>10</v>
      </c>
      <c r="C111" s="28">
        <v>36</v>
      </c>
      <c r="D111" s="29">
        <v>46</v>
      </c>
    </row>
    <row r="112" spans="1:4" ht="18" customHeight="1" x14ac:dyDescent="0.2">
      <c r="A112" s="31">
        <v>88</v>
      </c>
      <c r="B112" s="27">
        <v>15</v>
      </c>
      <c r="C112" s="28">
        <v>28</v>
      </c>
      <c r="D112" s="29">
        <v>43</v>
      </c>
    </row>
    <row r="113" spans="1:4" ht="18" customHeight="1" x14ac:dyDescent="0.2">
      <c r="A113" s="31">
        <v>89</v>
      </c>
      <c r="B113" s="27">
        <v>19</v>
      </c>
      <c r="C113" s="28">
        <v>23</v>
      </c>
      <c r="D113" s="29">
        <v>42</v>
      </c>
    </row>
    <row r="114" spans="1:4" ht="18" customHeight="1" x14ac:dyDescent="0.2">
      <c r="A114" s="31" t="s">
        <v>67</v>
      </c>
      <c r="B114" s="27">
        <v>82</v>
      </c>
      <c r="C114" s="28">
        <v>138</v>
      </c>
      <c r="D114" s="29">
        <v>220</v>
      </c>
    </row>
    <row r="115" spans="1:4" ht="18" customHeight="1" x14ac:dyDescent="0.2">
      <c r="A115" s="31">
        <v>90</v>
      </c>
      <c r="B115" s="27">
        <v>9</v>
      </c>
      <c r="C115" s="28">
        <v>31</v>
      </c>
      <c r="D115" s="29">
        <v>40</v>
      </c>
    </row>
    <row r="116" spans="1:4" ht="18" customHeight="1" x14ac:dyDescent="0.2">
      <c r="A116" s="31">
        <v>91</v>
      </c>
      <c r="B116" s="27">
        <v>13</v>
      </c>
      <c r="C116" s="28">
        <v>13</v>
      </c>
      <c r="D116" s="29">
        <v>26</v>
      </c>
    </row>
    <row r="117" spans="1:4" ht="18" customHeight="1" x14ac:dyDescent="0.2">
      <c r="A117" s="31">
        <v>92</v>
      </c>
      <c r="B117" s="27">
        <v>4</v>
      </c>
      <c r="C117" s="28">
        <v>27</v>
      </c>
      <c r="D117" s="29">
        <v>31</v>
      </c>
    </row>
    <row r="118" spans="1:4" ht="18" customHeight="1" x14ac:dyDescent="0.2">
      <c r="A118" s="31">
        <v>93</v>
      </c>
      <c r="B118" s="27">
        <v>3</v>
      </c>
      <c r="C118" s="28">
        <v>14</v>
      </c>
      <c r="D118" s="29">
        <v>17</v>
      </c>
    </row>
    <row r="119" spans="1:4" ht="18" customHeight="1" x14ac:dyDescent="0.2">
      <c r="A119" s="31">
        <v>94</v>
      </c>
      <c r="B119" s="27">
        <v>3</v>
      </c>
      <c r="C119" s="28">
        <v>16</v>
      </c>
      <c r="D119" s="29">
        <v>19</v>
      </c>
    </row>
    <row r="120" spans="1:4" ht="18" customHeight="1" x14ac:dyDescent="0.2">
      <c r="A120" s="31" t="s">
        <v>68</v>
      </c>
      <c r="B120" s="27">
        <v>32</v>
      </c>
      <c r="C120" s="28">
        <v>101</v>
      </c>
      <c r="D120" s="29">
        <v>133</v>
      </c>
    </row>
    <row r="121" spans="1:4" ht="18" customHeight="1" x14ac:dyDescent="0.2">
      <c r="A121" s="31">
        <v>95</v>
      </c>
      <c r="B121" s="27">
        <v>2</v>
      </c>
      <c r="C121" s="28">
        <v>10</v>
      </c>
      <c r="D121" s="29">
        <v>12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7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5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28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019</v>
      </c>
      <c r="C130" s="5">
        <v>1195</v>
      </c>
      <c r="D130" s="6">
        <v>2214</v>
      </c>
    </row>
    <row r="131" spans="1:4" ht="18" customHeight="1" x14ac:dyDescent="0.2">
      <c r="A131" s="33" t="s">
        <v>47</v>
      </c>
      <c r="B131" s="7">
        <v>3624</v>
      </c>
      <c r="C131" s="8">
        <v>3626</v>
      </c>
      <c r="D131" s="9">
        <v>725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6</v>
      </c>
      <c r="C5" s="37">
        <v>17</v>
      </c>
      <c r="D5" s="39">
        <v>33</v>
      </c>
    </row>
    <row r="6" spans="1:10" ht="18" customHeight="1" x14ac:dyDescent="0.2">
      <c r="A6" s="31">
        <v>1</v>
      </c>
      <c r="B6" s="35">
        <v>31</v>
      </c>
      <c r="C6" s="28">
        <v>34</v>
      </c>
      <c r="D6" s="29">
        <v>65</v>
      </c>
    </row>
    <row r="7" spans="1:10" ht="18" customHeight="1" x14ac:dyDescent="0.2">
      <c r="A7" s="31">
        <v>2</v>
      </c>
      <c r="B7" s="35">
        <v>22</v>
      </c>
      <c r="C7" s="28">
        <v>23</v>
      </c>
      <c r="D7" s="29">
        <v>45</v>
      </c>
    </row>
    <row r="8" spans="1:10" ht="18" customHeight="1" x14ac:dyDescent="0.2">
      <c r="A8" s="31">
        <v>3</v>
      </c>
      <c r="B8" s="35">
        <v>26</v>
      </c>
      <c r="C8" s="28">
        <v>21</v>
      </c>
      <c r="D8" s="29">
        <v>47</v>
      </c>
    </row>
    <row r="9" spans="1:10" ht="18" customHeight="1" x14ac:dyDescent="0.2">
      <c r="A9" s="31">
        <v>4</v>
      </c>
      <c r="B9" s="36">
        <v>25</v>
      </c>
      <c r="C9" s="38">
        <v>21</v>
      </c>
      <c r="D9" s="40">
        <v>46</v>
      </c>
    </row>
    <row r="10" spans="1:10" ht="18" customHeight="1" x14ac:dyDescent="0.2">
      <c r="A10" s="31" t="s">
        <v>48</v>
      </c>
      <c r="B10" s="27">
        <v>120</v>
      </c>
      <c r="C10" s="28">
        <v>116</v>
      </c>
      <c r="D10" s="29">
        <v>236</v>
      </c>
    </row>
    <row r="11" spans="1:10" ht="18" customHeight="1" x14ac:dyDescent="0.2">
      <c r="A11" s="31">
        <v>5</v>
      </c>
      <c r="B11" s="35">
        <v>20</v>
      </c>
      <c r="C11" s="28">
        <v>24</v>
      </c>
      <c r="D11" s="29">
        <v>44</v>
      </c>
    </row>
    <row r="12" spans="1:10" ht="18" customHeight="1" x14ac:dyDescent="0.2">
      <c r="A12" s="31">
        <v>6</v>
      </c>
      <c r="B12" s="35">
        <v>23</v>
      </c>
      <c r="C12" s="28">
        <v>18</v>
      </c>
      <c r="D12" s="29">
        <v>41</v>
      </c>
    </row>
    <row r="13" spans="1:10" ht="18" customHeight="1" x14ac:dyDescent="0.2">
      <c r="A13" s="31">
        <v>7</v>
      </c>
      <c r="B13" s="35">
        <v>36</v>
      </c>
      <c r="C13" s="28">
        <v>23</v>
      </c>
      <c r="D13" s="29">
        <v>59</v>
      </c>
    </row>
    <row r="14" spans="1:10" ht="18" customHeight="1" x14ac:dyDescent="0.2">
      <c r="A14" s="31">
        <v>8</v>
      </c>
      <c r="B14" s="35">
        <v>27</v>
      </c>
      <c r="C14" s="28">
        <v>44</v>
      </c>
      <c r="D14" s="29">
        <v>71</v>
      </c>
    </row>
    <row r="15" spans="1:10" ht="18" customHeight="1" x14ac:dyDescent="0.2">
      <c r="A15" s="31">
        <v>9</v>
      </c>
      <c r="B15" s="35">
        <v>34</v>
      </c>
      <c r="C15" s="28">
        <v>31</v>
      </c>
      <c r="D15" s="29">
        <v>65</v>
      </c>
    </row>
    <row r="16" spans="1:10" ht="18" customHeight="1" x14ac:dyDescent="0.2">
      <c r="A16" s="31" t="s">
        <v>49</v>
      </c>
      <c r="B16" s="27">
        <v>140</v>
      </c>
      <c r="C16" s="28">
        <v>140</v>
      </c>
      <c r="D16" s="29">
        <v>280</v>
      </c>
    </row>
    <row r="17" spans="1:4" ht="18" customHeight="1" x14ac:dyDescent="0.2">
      <c r="A17" s="31">
        <v>10</v>
      </c>
      <c r="B17" s="27">
        <v>33</v>
      </c>
      <c r="C17" s="28">
        <v>38</v>
      </c>
      <c r="D17" s="29">
        <v>71</v>
      </c>
    </row>
    <row r="18" spans="1:4" ht="18" customHeight="1" x14ac:dyDescent="0.2">
      <c r="A18" s="31">
        <v>11</v>
      </c>
      <c r="B18" s="27">
        <v>32</v>
      </c>
      <c r="C18" s="28">
        <v>27</v>
      </c>
      <c r="D18" s="29">
        <v>59</v>
      </c>
    </row>
    <row r="19" spans="1:4" ht="18" customHeight="1" x14ac:dyDescent="0.2">
      <c r="A19" s="31">
        <v>12</v>
      </c>
      <c r="B19" s="27">
        <v>37</v>
      </c>
      <c r="C19" s="28">
        <v>35</v>
      </c>
      <c r="D19" s="29">
        <v>72</v>
      </c>
    </row>
    <row r="20" spans="1:4" ht="18" customHeight="1" x14ac:dyDescent="0.2">
      <c r="A20" s="31">
        <v>13</v>
      </c>
      <c r="B20" s="27">
        <v>34</v>
      </c>
      <c r="C20" s="28">
        <v>35</v>
      </c>
      <c r="D20" s="29">
        <v>69</v>
      </c>
    </row>
    <row r="21" spans="1:4" ht="18" customHeight="1" x14ac:dyDescent="0.2">
      <c r="A21" s="31">
        <v>14</v>
      </c>
      <c r="B21" s="27">
        <v>37</v>
      </c>
      <c r="C21" s="28">
        <v>38</v>
      </c>
      <c r="D21" s="29">
        <v>75</v>
      </c>
    </row>
    <row r="22" spans="1:4" ht="18" customHeight="1" x14ac:dyDescent="0.2">
      <c r="A22" s="31" t="s">
        <v>50</v>
      </c>
      <c r="B22" s="27">
        <v>173</v>
      </c>
      <c r="C22" s="28">
        <v>173</v>
      </c>
      <c r="D22" s="29">
        <v>346</v>
      </c>
    </row>
    <row r="23" spans="1:4" ht="18" customHeight="1" x14ac:dyDescent="0.2">
      <c r="A23" s="31" t="s">
        <v>51</v>
      </c>
      <c r="B23" s="27">
        <v>433</v>
      </c>
      <c r="C23" s="28">
        <v>429</v>
      </c>
      <c r="D23" s="29">
        <v>862</v>
      </c>
    </row>
    <row r="24" spans="1:4" ht="18" customHeight="1" x14ac:dyDescent="0.2">
      <c r="A24" s="31">
        <v>15</v>
      </c>
      <c r="B24" s="27">
        <v>33</v>
      </c>
      <c r="C24" s="28">
        <v>43</v>
      </c>
      <c r="D24" s="29">
        <v>76</v>
      </c>
    </row>
    <row r="25" spans="1:4" ht="18" customHeight="1" x14ac:dyDescent="0.2">
      <c r="A25" s="31">
        <v>16</v>
      </c>
      <c r="B25" s="27">
        <v>46</v>
      </c>
      <c r="C25" s="28">
        <v>33</v>
      </c>
      <c r="D25" s="29">
        <v>79</v>
      </c>
    </row>
    <row r="26" spans="1:4" ht="18" customHeight="1" x14ac:dyDescent="0.2">
      <c r="A26" s="31">
        <v>17</v>
      </c>
      <c r="B26" s="27">
        <v>52</v>
      </c>
      <c r="C26" s="28">
        <v>34</v>
      </c>
      <c r="D26" s="29">
        <v>86</v>
      </c>
    </row>
    <row r="27" spans="1:4" ht="18" customHeight="1" x14ac:dyDescent="0.2">
      <c r="A27" s="31">
        <v>18</v>
      </c>
      <c r="B27" s="27">
        <v>38</v>
      </c>
      <c r="C27" s="28">
        <v>39</v>
      </c>
      <c r="D27" s="29">
        <v>77</v>
      </c>
    </row>
    <row r="28" spans="1:4" ht="18" customHeight="1" x14ac:dyDescent="0.2">
      <c r="A28" s="31">
        <v>19</v>
      </c>
      <c r="B28" s="27">
        <v>31</v>
      </c>
      <c r="C28" s="28">
        <v>44</v>
      </c>
      <c r="D28" s="29">
        <v>75</v>
      </c>
    </row>
    <row r="29" spans="1:4" ht="18" customHeight="1" x14ac:dyDescent="0.2">
      <c r="A29" s="31" t="s">
        <v>52</v>
      </c>
      <c r="B29" s="27">
        <v>200</v>
      </c>
      <c r="C29" s="28">
        <v>193</v>
      </c>
      <c r="D29" s="29">
        <v>393</v>
      </c>
    </row>
    <row r="30" spans="1:4" ht="18" customHeight="1" x14ac:dyDescent="0.2">
      <c r="A30" s="31">
        <v>20</v>
      </c>
      <c r="B30" s="27">
        <v>45</v>
      </c>
      <c r="C30" s="28">
        <v>40</v>
      </c>
      <c r="D30" s="29">
        <v>85</v>
      </c>
    </row>
    <row r="31" spans="1:4" ht="18" customHeight="1" x14ac:dyDescent="0.2">
      <c r="A31" s="31">
        <v>21</v>
      </c>
      <c r="B31" s="27">
        <v>35</v>
      </c>
      <c r="C31" s="28">
        <v>42</v>
      </c>
      <c r="D31" s="29">
        <v>77</v>
      </c>
    </row>
    <row r="32" spans="1:4" ht="18" customHeight="1" x14ac:dyDescent="0.2">
      <c r="A32" s="31">
        <v>22</v>
      </c>
      <c r="B32" s="27">
        <v>44</v>
      </c>
      <c r="C32" s="28">
        <v>40</v>
      </c>
      <c r="D32" s="29">
        <v>84</v>
      </c>
    </row>
    <row r="33" spans="1:4" ht="18" customHeight="1" x14ac:dyDescent="0.2">
      <c r="A33" s="31">
        <v>23</v>
      </c>
      <c r="B33" s="27">
        <v>37</v>
      </c>
      <c r="C33" s="28">
        <v>28</v>
      </c>
      <c r="D33" s="29">
        <v>65</v>
      </c>
    </row>
    <row r="34" spans="1:4" ht="18" customHeight="1" x14ac:dyDescent="0.2">
      <c r="A34" s="31">
        <v>24</v>
      </c>
      <c r="B34" s="27">
        <v>28</v>
      </c>
      <c r="C34" s="28">
        <v>26</v>
      </c>
      <c r="D34" s="29">
        <v>54</v>
      </c>
    </row>
    <row r="35" spans="1:4" ht="18" customHeight="1" x14ac:dyDescent="0.2">
      <c r="A35" s="31" t="s">
        <v>53</v>
      </c>
      <c r="B35" s="27">
        <v>189</v>
      </c>
      <c r="C35" s="28">
        <v>176</v>
      </c>
      <c r="D35" s="29">
        <v>365</v>
      </c>
    </row>
    <row r="36" spans="1:4" ht="18" customHeight="1" x14ac:dyDescent="0.2">
      <c r="A36" s="31">
        <v>25</v>
      </c>
      <c r="B36" s="27">
        <v>26</v>
      </c>
      <c r="C36" s="28">
        <v>28</v>
      </c>
      <c r="D36" s="29">
        <v>54</v>
      </c>
    </row>
    <row r="37" spans="1:4" ht="18" customHeight="1" x14ac:dyDescent="0.2">
      <c r="A37" s="31">
        <v>26</v>
      </c>
      <c r="B37" s="27">
        <v>28</v>
      </c>
      <c r="C37" s="28">
        <v>30</v>
      </c>
      <c r="D37" s="29">
        <v>58</v>
      </c>
    </row>
    <row r="38" spans="1:4" ht="18" customHeight="1" x14ac:dyDescent="0.2">
      <c r="A38" s="31">
        <v>27</v>
      </c>
      <c r="B38" s="27">
        <v>30</v>
      </c>
      <c r="C38" s="28">
        <v>21</v>
      </c>
      <c r="D38" s="29">
        <v>51</v>
      </c>
    </row>
    <row r="39" spans="1:4" ht="18" customHeight="1" x14ac:dyDescent="0.2">
      <c r="A39" s="31">
        <v>28</v>
      </c>
      <c r="B39" s="27">
        <v>24</v>
      </c>
      <c r="C39" s="28">
        <v>22</v>
      </c>
      <c r="D39" s="29">
        <v>46</v>
      </c>
    </row>
    <row r="40" spans="1:4" ht="18" customHeight="1" x14ac:dyDescent="0.2">
      <c r="A40" s="31">
        <v>29</v>
      </c>
      <c r="B40" s="27">
        <v>21</v>
      </c>
      <c r="C40" s="28">
        <v>30</v>
      </c>
      <c r="D40" s="29">
        <v>51</v>
      </c>
    </row>
    <row r="41" spans="1:4" ht="18" customHeight="1" x14ac:dyDescent="0.2">
      <c r="A41" s="31" t="s">
        <v>54</v>
      </c>
      <c r="B41" s="27">
        <v>129</v>
      </c>
      <c r="C41" s="28">
        <v>131</v>
      </c>
      <c r="D41" s="29">
        <v>260</v>
      </c>
    </row>
    <row r="42" spans="1:4" ht="18" customHeight="1" x14ac:dyDescent="0.2">
      <c r="A42" s="31">
        <v>30</v>
      </c>
      <c r="B42" s="27">
        <v>37</v>
      </c>
      <c r="C42" s="28">
        <v>31</v>
      </c>
      <c r="D42" s="29">
        <v>68</v>
      </c>
    </row>
    <row r="43" spans="1:4" ht="18" customHeight="1" x14ac:dyDescent="0.2">
      <c r="A43" s="31">
        <v>31</v>
      </c>
      <c r="B43" s="27">
        <v>31</v>
      </c>
      <c r="C43" s="28">
        <v>31</v>
      </c>
      <c r="D43" s="29">
        <v>62</v>
      </c>
    </row>
    <row r="44" spans="1:4" ht="18" customHeight="1" x14ac:dyDescent="0.2">
      <c r="A44" s="31">
        <v>32</v>
      </c>
      <c r="B44" s="27">
        <v>30</v>
      </c>
      <c r="C44" s="28">
        <v>32</v>
      </c>
      <c r="D44" s="29">
        <v>62</v>
      </c>
    </row>
    <row r="45" spans="1:4" ht="18" customHeight="1" x14ac:dyDescent="0.2">
      <c r="A45" s="31">
        <v>33</v>
      </c>
      <c r="B45" s="27">
        <v>38</v>
      </c>
      <c r="C45" s="28">
        <v>26</v>
      </c>
      <c r="D45" s="29">
        <v>64</v>
      </c>
    </row>
    <row r="46" spans="1:4" ht="18" customHeight="1" x14ac:dyDescent="0.2">
      <c r="A46" s="31">
        <v>34</v>
      </c>
      <c r="B46" s="27">
        <v>35</v>
      </c>
      <c r="C46" s="28">
        <v>36</v>
      </c>
      <c r="D46" s="29">
        <v>71</v>
      </c>
    </row>
    <row r="47" spans="1:4" ht="18" customHeight="1" x14ac:dyDescent="0.2">
      <c r="A47" s="31" t="s">
        <v>55</v>
      </c>
      <c r="B47" s="27">
        <v>171</v>
      </c>
      <c r="C47" s="28">
        <v>156</v>
      </c>
      <c r="D47" s="29">
        <v>327</v>
      </c>
    </row>
    <row r="48" spans="1:4" ht="18" customHeight="1" x14ac:dyDescent="0.2">
      <c r="A48" s="31">
        <v>35</v>
      </c>
      <c r="B48" s="27">
        <v>35</v>
      </c>
      <c r="C48" s="28">
        <v>33</v>
      </c>
      <c r="D48" s="29">
        <v>68</v>
      </c>
    </row>
    <row r="49" spans="1:4" ht="18" customHeight="1" x14ac:dyDescent="0.2">
      <c r="A49" s="31">
        <v>36</v>
      </c>
      <c r="B49" s="27">
        <v>43</v>
      </c>
      <c r="C49" s="28">
        <v>48</v>
      </c>
      <c r="D49" s="29">
        <v>91</v>
      </c>
    </row>
    <row r="50" spans="1:4" ht="18" customHeight="1" x14ac:dyDescent="0.2">
      <c r="A50" s="31">
        <v>37</v>
      </c>
      <c r="B50" s="27">
        <v>51</v>
      </c>
      <c r="C50" s="28">
        <v>44</v>
      </c>
      <c r="D50" s="29">
        <v>95</v>
      </c>
    </row>
    <row r="51" spans="1:4" ht="18" customHeight="1" x14ac:dyDescent="0.2">
      <c r="A51" s="31">
        <v>38</v>
      </c>
      <c r="B51" s="27">
        <v>37</v>
      </c>
      <c r="C51" s="28">
        <v>26</v>
      </c>
      <c r="D51" s="29">
        <v>63</v>
      </c>
    </row>
    <row r="52" spans="1:4" ht="18" customHeight="1" x14ac:dyDescent="0.2">
      <c r="A52" s="31">
        <v>39</v>
      </c>
      <c r="B52" s="27">
        <v>47</v>
      </c>
      <c r="C52" s="28">
        <v>44</v>
      </c>
      <c r="D52" s="29">
        <v>91</v>
      </c>
    </row>
    <row r="53" spans="1:4" ht="18" customHeight="1" x14ac:dyDescent="0.2">
      <c r="A53" s="31" t="s">
        <v>56</v>
      </c>
      <c r="B53" s="27">
        <v>213</v>
      </c>
      <c r="C53" s="28">
        <v>195</v>
      </c>
      <c r="D53" s="29">
        <v>408</v>
      </c>
    </row>
    <row r="54" spans="1:4" ht="18" customHeight="1" x14ac:dyDescent="0.2">
      <c r="A54" s="31">
        <v>40</v>
      </c>
      <c r="B54" s="27">
        <v>42</v>
      </c>
      <c r="C54" s="28">
        <v>48</v>
      </c>
      <c r="D54" s="29">
        <v>90</v>
      </c>
    </row>
    <row r="55" spans="1:4" ht="18" customHeight="1" x14ac:dyDescent="0.2">
      <c r="A55" s="31">
        <v>41</v>
      </c>
      <c r="B55" s="27">
        <v>54</v>
      </c>
      <c r="C55" s="28">
        <v>39</v>
      </c>
      <c r="D55" s="29">
        <v>93</v>
      </c>
    </row>
    <row r="56" spans="1:4" ht="18" customHeight="1" x14ac:dyDescent="0.2">
      <c r="A56" s="31">
        <v>42</v>
      </c>
      <c r="B56" s="27">
        <v>52</v>
      </c>
      <c r="C56" s="28">
        <v>47</v>
      </c>
      <c r="D56" s="29">
        <v>99</v>
      </c>
    </row>
    <row r="57" spans="1:4" ht="18" customHeight="1" x14ac:dyDescent="0.2">
      <c r="A57" s="31">
        <v>43</v>
      </c>
      <c r="B57" s="27">
        <v>56</v>
      </c>
      <c r="C57" s="28">
        <v>69</v>
      </c>
      <c r="D57" s="29">
        <v>125</v>
      </c>
    </row>
    <row r="58" spans="1:4" ht="18" customHeight="1" x14ac:dyDescent="0.2">
      <c r="A58" s="31">
        <v>44</v>
      </c>
      <c r="B58" s="27">
        <v>54</v>
      </c>
      <c r="C58" s="28">
        <v>54</v>
      </c>
      <c r="D58" s="29">
        <v>108</v>
      </c>
    </row>
    <row r="59" spans="1:4" ht="18" customHeight="1" x14ac:dyDescent="0.2">
      <c r="A59" s="31" t="s">
        <v>57</v>
      </c>
      <c r="B59" s="27">
        <v>258</v>
      </c>
      <c r="C59" s="28">
        <v>257</v>
      </c>
      <c r="D59" s="29">
        <v>515</v>
      </c>
    </row>
    <row r="60" spans="1:4" ht="18" customHeight="1" x14ac:dyDescent="0.2">
      <c r="A60" s="31">
        <v>45</v>
      </c>
      <c r="B60" s="27">
        <v>72</v>
      </c>
      <c r="C60" s="28">
        <v>52</v>
      </c>
      <c r="D60" s="29">
        <v>124</v>
      </c>
    </row>
    <row r="61" spans="1:4" ht="18" customHeight="1" x14ac:dyDescent="0.2">
      <c r="A61" s="31">
        <v>46</v>
      </c>
      <c r="B61" s="27">
        <v>55</v>
      </c>
      <c r="C61" s="28">
        <v>50</v>
      </c>
      <c r="D61" s="29">
        <v>105</v>
      </c>
    </row>
    <row r="62" spans="1:4" ht="18" customHeight="1" x14ac:dyDescent="0.2">
      <c r="A62" s="31">
        <v>47</v>
      </c>
      <c r="B62" s="27">
        <v>54</v>
      </c>
      <c r="C62" s="28">
        <v>60</v>
      </c>
      <c r="D62" s="29">
        <v>114</v>
      </c>
    </row>
    <row r="63" spans="1:4" ht="18" customHeight="1" x14ac:dyDescent="0.2">
      <c r="A63" s="31">
        <v>48</v>
      </c>
      <c r="B63" s="27">
        <v>51</v>
      </c>
      <c r="C63" s="28">
        <v>52</v>
      </c>
      <c r="D63" s="29">
        <v>103</v>
      </c>
    </row>
    <row r="64" spans="1:4" ht="18" customHeight="1" x14ac:dyDescent="0.2">
      <c r="A64" s="31">
        <v>49</v>
      </c>
      <c r="B64" s="27">
        <v>47</v>
      </c>
      <c r="C64" s="28">
        <v>47</v>
      </c>
      <c r="D64" s="29">
        <v>94</v>
      </c>
    </row>
    <row r="65" spans="1:4" ht="18" customHeight="1" x14ac:dyDescent="0.2">
      <c r="A65" s="31" t="s">
        <v>58</v>
      </c>
      <c r="B65" s="27">
        <v>279</v>
      </c>
      <c r="C65" s="28">
        <v>261</v>
      </c>
      <c r="D65" s="29">
        <v>540</v>
      </c>
    </row>
    <row r="66" spans="1:4" ht="18" customHeight="1" x14ac:dyDescent="0.2">
      <c r="A66" s="31">
        <v>50</v>
      </c>
      <c r="B66" s="27">
        <v>33</v>
      </c>
      <c r="C66" s="28">
        <v>46</v>
      </c>
      <c r="D66" s="29">
        <v>79</v>
      </c>
    </row>
    <row r="67" spans="1:4" ht="18" customHeight="1" x14ac:dyDescent="0.2">
      <c r="A67" s="31">
        <v>51</v>
      </c>
      <c r="B67" s="27">
        <v>42</v>
      </c>
      <c r="C67" s="28">
        <v>42</v>
      </c>
      <c r="D67" s="29">
        <v>84</v>
      </c>
    </row>
    <row r="68" spans="1:4" ht="18" customHeight="1" x14ac:dyDescent="0.2">
      <c r="A68" s="31">
        <v>52</v>
      </c>
      <c r="B68" s="27">
        <v>29</v>
      </c>
      <c r="C68" s="28">
        <v>28</v>
      </c>
      <c r="D68" s="29">
        <v>57</v>
      </c>
    </row>
    <row r="69" spans="1:4" ht="18" customHeight="1" x14ac:dyDescent="0.2">
      <c r="A69" s="31">
        <v>53</v>
      </c>
      <c r="B69" s="27">
        <v>46</v>
      </c>
      <c r="C69" s="28">
        <v>33</v>
      </c>
      <c r="D69" s="29">
        <v>79</v>
      </c>
    </row>
    <row r="70" spans="1:4" ht="18" customHeight="1" x14ac:dyDescent="0.2">
      <c r="A70" s="31">
        <v>54</v>
      </c>
      <c r="B70" s="27">
        <v>46</v>
      </c>
      <c r="C70" s="28">
        <v>43</v>
      </c>
      <c r="D70" s="29">
        <v>89</v>
      </c>
    </row>
    <row r="71" spans="1:4" ht="18" customHeight="1" x14ac:dyDescent="0.2">
      <c r="A71" s="31" t="s">
        <v>59</v>
      </c>
      <c r="B71" s="27">
        <v>196</v>
      </c>
      <c r="C71" s="28">
        <v>192</v>
      </c>
      <c r="D71" s="29">
        <v>388</v>
      </c>
    </row>
    <row r="72" spans="1:4" ht="18" customHeight="1" x14ac:dyDescent="0.2">
      <c r="A72" s="31">
        <v>55</v>
      </c>
      <c r="B72" s="27">
        <v>43</v>
      </c>
      <c r="C72" s="28">
        <v>49</v>
      </c>
      <c r="D72" s="29">
        <v>92</v>
      </c>
    </row>
    <row r="73" spans="1:4" ht="18" customHeight="1" x14ac:dyDescent="0.2">
      <c r="A73" s="31">
        <v>56</v>
      </c>
      <c r="B73" s="27">
        <v>44</v>
      </c>
      <c r="C73" s="28">
        <v>36</v>
      </c>
      <c r="D73" s="29">
        <v>80</v>
      </c>
    </row>
    <row r="74" spans="1:4" ht="18" customHeight="1" x14ac:dyDescent="0.2">
      <c r="A74" s="31">
        <v>57</v>
      </c>
      <c r="B74" s="27">
        <v>42</v>
      </c>
      <c r="C74" s="28">
        <v>32</v>
      </c>
      <c r="D74" s="29">
        <v>74</v>
      </c>
    </row>
    <row r="75" spans="1:4" ht="18" customHeight="1" x14ac:dyDescent="0.2">
      <c r="A75" s="31">
        <v>58</v>
      </c>
      <c r="B75" s="27">
        <v>45</v>
      </c>
      <c r="C75" s="28">
        <v>39</v>
      </c>
      <c r="D75" s="29">
        <v>84</v>
      </c>
    </row>
    <row r="76" spans="1:4" ht="18" customHeight="1" x14ac:dyDescent="0.2">
      <c r="A76" s="31">
        <v>59</v>
      </c>
      <c r="B76" s="27">
        <v>37</v>
      </c>
      <c r="C76" s="28">
        <v>43</v>
      </c>
      <c r="D76" s="29">
        <v>80</v>
      </c>
    </row>
    <row r="77" spans="1:4" ht="18" customHeight="1" x14ac:dyDescent="0.2">
      <c r="A77" s="31" t="s">
        <v>60</v>
      </c>
      <c r="B77" s="27">
        <v>211</v>
      </c>
      <c r="C77" s="28">
        <v>199</v>
      </c>
      <c r="D77" s="29">
        <v>410</v>
      </c>
    </row>
    <row r="78" spans="1:4" ht="18" customHeight="1" x14ac:dyDescent="0.2">
      <c r="A78" s="31">
        <v>60</v>
      </c>
      <c r="B78" s="27">
        <v>35</v>
      </c>
      <c r="C78" s="28">
        <v>40</v>
      </c>
      <c r="D78" s="29">
        <v>75</v>
      </c>
    </row>
    <row r="79" spans="1:4" ht="18" customHeight="1" x14ac:dyDescent="0.2">
      <c r="A79" s="31">
        <v>61</v>
      </c>
      <c r="B79" s="27">
        <v>41</v>
      </c>
      <c r="C79" s="28">
        <v>45</v>
      </c>
      <c r="D79" s="29">
        <v>86</v>
      </c>
    </row>
    <row r="80" spans="1:4" ht="18" customHeight="1" x14ac:dyDescent="0.2">
      <c r="A80" s="31">
        <v>62</v>
      </c>
      <c r="B80" s="27">
        <v>38</v>
      </c>
      <c r="C80" s="28">
        <v>42</v>
      </c>
      <c r="D80" s="29">
        <v>80</v>
      </c>
    </row>
    <row r="81" spans="1:4" ht="18" customHeight="1" x14ac:dyDescent="0.2">
      <c r="A81" s="31">
        <v>63</v>
      </c>
      <c r="B81" s="27">
        <v>46</v>
      </c>
      <c r="C81" s="28">
        <v>55</v>
      </c>
      <c r="D81" s="29">
        <v>101</v>
      </c>
    </row>
    <row r="82" spans="1:4" ht="18" customHeight="1" x14ac:dyDescent="0.2">
      <c r="A82" s="31">
        <v>64</v>
      </c>
      <c r="B82" s="27">
        <v>56</v>
      </c>
      <c r="C82" s="28">
        <v>41</v>
      </c>
      <c r="D82" s="29">
        <v>97</v>
      </c>
    </row>
    <row r="83" spans="1:4" ht="18" customHeight="1" x14ac:dyDescent="0.2">
      <c r="A83" s="31" t="s">
        <v>61</v>
      </c>
      <c r="B83" s="27">
        <v>216</v>
      </c>
      <c r="C83" s="28">
        <v>223</v>
      </c>
      <c r="D83" s="29">
        <v>439</v>
      </c>
    </row>
    <row r="84" spans="1:4" ht="18" customHeight="1" x14ac:dyDescent="0.2">
      <c r="A84" s="31" t="s">
        <v>62</v>
      </c>
      <c r="B84" s="27">
        <v>2062</v>
      </c>
      <c r="C84" s="28">
        <v>1983</v>
      </c>
      <c r="D84" s="29">
        <v>4045</v>
      </c>
    </row>
    <row r="85" spans="1:4" ht="18" customHeight="1" x14ac:dyDescent="0.2">
      <c r="A85" s="31">
        <v>65</v>
      </c>
      <c r="B85" s="27">
        <v>58</v>
      </c>
      <c r="C85" s="28">
        <v>51</v>
      </c>
      <c r="D85" s="29">
        <v>109</v>
      </c>
    </row>
    <row r="86" spans="1:4" ht="18" customHeight="1" x14ac:dyDescent="0.2">
      <c r="A86" s="31">
        <v>66</v>
      </c>
      <c r="B86" s="27">
        <v>50</v>
      </c>
      <c r="C86" s="28">
        <v>58</v>
      </c>
      <c r="D86" s="29">
        <v>108</v>
      </c>
    </row>
    <row r="87" spans="1:4" ht="18" customHeight="1" x14ac:dyDescent="0.2">
      <c r="A87" s="31">
        <v>67</v>
      </c>
      <c r="B87" s="27">
        <v>51</v>
      </c>
      <c r="C87" s="28">
        <v>73</v>
      </c>
      <c r="D87" s="29">
        <v>124</v>
      </c>
    </row>
    <row r="88" spans="1:4" ht="18" customHeight="1" x14ac:dyDescent="0.2">
      <c r="A88" s="31">
        <v>68</v>
      </c>
      <c r="B88" s="27">
        <v>65</v>
      </c>
      <c r="C88" s="28">
        <v>73</v>
      </c>
      <c r="D88" s="29">
        <v>138</v>
      </c>
    </row>
    <row r="89" spans="1:4" ht="18" customHeight="1" x14ac:dyDescent="0.2">
      <c r="A89" s="31">
        <v>69</v>
      </c>
      <c r="B89" s="27">
        <v>85</v>
      </c>
      <c r="C89" s="28">
        <v>84</v>
      </c>
      <c r="D89" s="29">
        <v>169</v>
      </c>
    </row>
    <row r="90" spans="1:4" ht="18" customHeight="1" x14ac:dyDescent="0.2">
      <c r="A90" s="31" t="s">
        <v>63</v>
      </c>
      <c r="B90" s="27">
        <v>309</v>
      </c>
      <c r="C90" s="28">
        <v>339</v>
      </c>
      <c r="D90" s="29">
        <v>648</v>
      </c>
    </row>
    <row r="91" spans="1:4" ht="18" customHeight="1" x14ac:dyDescent="0.2">
      <c r="A91" s="31">
        <v>70</v>
      </c>
      <c r="B91" s="27">
        <v>76</v>
      </c>
      <c r="C91" s="28">
        <v>59</v>
      </c>
      <c r="D91" s="29">
        <v>135</v>
      </c>
    </row>
    <row r="92" spans="1:4" ht="18" customHeight="1" x14ac:dyDescent="0.2">
      <c r="A92" s="31">
        <v>71</v>
      </c>
      <c r="B92" s="27">
        <v>66</v>
      </c>
      <c r="C92" s="28">
        <v>70</v>
      </c>
      <c r="D92" s="29">
        <v>136</v>
      </c>
    </row>
    <row r="93" spans="1:4" ht="18" customHeight="1" x14ac:dyDescent="0.2">
      <c r="A93" s="31">
        <v>72</v>
      </c>
      <c r="B93" s="27">
        <v>27</v>
      </c>
      <c r="C93" s="28">
        <v>43</v>
      </c>
      <c r="D93" s="29">
        <v>70</v>
      </c>
    </row>
    <row r="94" spans="1:4" ht="18" customHeight="1" x14ac:dyDescent="0.2">
      <c r="A94" s="31">
        <v>73</v>
      </c>
      <c r="B94" s="27">
        <v>26</v>
      </c>
      <c r="C94" s="28">
        <v>27</v>
      </c>
      <c r="D94" s="29">
        <v>53</v>
      </c>
    </row>
    <row r="95" spans="1:4" ht="18" customHeight="1" x14ac:dyDescent="0.2">
      <c r="A95" s="31">
        <v>74</v>
      </c>
      <c r="B95" s="27">
        <v>45</v>
      </c>
      <c r="C95" s="28">
        <v>36</v>
      </c>
      <c r="D95" s="29">
        <v>81</v>
      </c>
    </row>
    <row r="96" spans="1:4" ht="18" customHeight="1" x14ac:dyDescent="0.2">
      <c r="A96" s="31" t="s">
        <v>64</v>
      </c>
      <c r="B96" s="27">
        <v>240</v>
      </c>
      <c r="C96" s="28">
        <v>235</v>
      </c>
      <c r="D96" s="29">
        <v>475</v>
      </c>
    </row>
    <row r="97" spans="1:4" ht="18" customHeight="1" x14ac:dyDescent="0.2">
      <c r="A97" s="31">
        <v>75</v>
      </c>
      <c r="B97" s="27">
        <v>45</v>
      </c>
      <c r="C97" s="28">
        <v>32</v>
      </c>
      <c r="D97" s="29">
        <v>77</v>
      </c>
    </row>
    <row r="98" spans="1:4" ht="18" customHeight="1" x14ac:dyDescent="0.2">
      <c r="A98" s="31">
        <v>76</v>
      </c>
      <c r="B98" s="27">
        <v>38</v>
      </c>
      <c r="C98" s="28">
        <v>34</v>
      </c>
      <c r="D98" s="29">
        <v>72</v>
      </c>
    </row>
    <row r="99" spans="1:4" ht="18" customHeight="1" x14ac:dyDescent="0.2">
      <c r="A99" s="31">
        <v>77</v>
      </c>
      <c r="B99" s="27">
        <v>34</v>
      </c>
      <c r="C99" s="28">
        <v>40</v>
      </c>
      <c r="D99" s="29">
        <v>74</v>
      </c>
    </row>
    <row r="100" spans="1:4" ht="18" customHeight="1" x14ac:dyDescent="0.2">
      <c r="A100" s="31">
        <v>78</v>
      </c>
      <c r="B100" s="27">
        <v>29</v>
      </c>
      <c r="C100" s="28">
        <v>32</v>
      </c>
      <c r="D100" s="29">
        <v>61</v>
      </c>
    </row>
    <row r="101" spans="1:4" ht="18" customHeight="1" x14ac:dyDescent="0.2">
      <c r="A101" s="31">
        <v>79</v>
      </c>
      <c r="B101" s="27">
        <v>23</v>
      </c>
      <c r="C101" s="28">
        <v>42</v>
      </c>
      <c r="D101" s="29">
        <v>65</v>
      </c>
    </row>
    <row r="102" spans="1:4" ht="18" customHeight="1" x14ac:dyDescent="0.2">
      <c r="A102" s="31" t="s">
        <v>65</v>
      </c>
      <c r="B102" s="27">
        <v>169</v>
      </c>
      <c r="C102" s="28">
        <v>180</v>
      </c>
      <c r="D102" s="29">
        <v>349</v>
      </c>
    </row>
    <row r="103" spans="1:4" ht="18" customHeight="1" x14ac:dyDescent="0.2">
      <c r="A103" s="31">
        <v>80</v>
      </c>
      <c r="B103" s="27">
        <v>22</v>
      </c>
      <c r="C103" s="28">
        <v>31</v>
      </c>
      <c r="D103" s="29">
        <v>53</v>
      </c>
    </row>
    <row r="104" spans="1:4" ht="18" customHeight="1" x14ac:dyDescent="0.2">
      <c r="A104" s="31">
        <v>81</v>
      </c>
      <c r="B104" s="27">
        <v>24</v>
      </c>
      <c r="C104" s="28">
        <v>41</v>
      </c>
      <c r="D104" s="29">
        <v>65</v>
      </c>
    </row>
    <row r="105" spans="1:4" ht="18" customHeight="1" x14ac:dyDescent="0.2">
      <c r="A105" s="31">
        <v>82</v>
      </c>
      <c r="B105" s="27">
        <v>23</v>
      </c>
      <c r="C105" s="28">
        <v>31</v>
      </c>
      <c r="D105" s="29">
        <v>54</v>
      </c>
    </row>
    <row r="106" spans="1:4" ht="18" customHeight="1" x14ac:dyDescent="0.2">
      <c r="A106" s="31">
        <v>83</v>
      </c>
      <c r="B106" s="27">
        <v>25</v>
      </c>
      <c r="C106" s="28">
        <v>32</v>
      </c>
      <c r="D106" s="29">
        <v>57</v>
      </c>
    </row>
    <row r="107" spans="1:4" ht="18" customHeight="1" x14ac:dyDescent="0.2">
      <c r="A107" s="31">
        <v>84</v>
      </c>
      <c r="B107" s="27">
        <v>17</v>
      </c>
      <c r="C107" s="28">
        <v>46</v>
      </c>
      <c r="D107" s="29">
        <v>63</v>
      </c>
    </row>
    <row r="108" spans="1:4" ht="18" customHeight="1" x14ac:dyDescent="0.2">
      <c r="A108" s="31" t="s">
        <v>66</v>
      </c>
      <c r="B108" s="27">
        <v>111</v>
      </c>
      <c r="C108" s="28">
        <v>181</v>
      </c>
      <c r="D108" s="29">
        <v>292</v>
      </c>
    </row>
    <row r="109" spans="1:4" ht="18" customHeight="1" x14ac:dyDescent="0.2">
      <c r="A109" s="31">
        <v>85</v>
      </c>
      <c r="B109" s="27">
        <v>18</v>
      </c>
      <c r="C109" s="28">
        <v>37</v>
      </c>
      <c r="D109" s="29">
        <v>55</v>
      </c>
    </row>
    <row r="110" spans="1:4" ht="18" customHeight="1" x14ac:dyDescent="0.2">
      <c r="A110" s="31">
        <v>86</v>
      </c>
      <c r="B110" s="27">
        <v>19</v>
      </c>
      <c r="C110" s="28">
        <v>37</v>
      </c>
      <c r="D110" s="29">
        <v>56</v>
      </c>
    </row>
    <row r="111" spans="1:4" ht="18" customHeight="1" x14ac:dyDescent="0.2">
      <c r="A111" s="31">
        <v>87</v>
      </c>
      <c r="B111" s="27">
        <v>15</v>
      </c>
      <c r="C111" s="28">
        <v>32</v>
      </c>
      <c r="D111" s="29">
        <v>47</v>
      </c>
    </row>
    <row r="112" spans="1:4" ht="18" customHeight="1" x14ac:dyDescent="0.2">
      <c r="A112" s="31">
        <v>88</v>
      </c>
      <c r="B112" s="27">
        <v>16</v>
      </c>
      <c r="C112" s="28">
        <v>30</v>
      </c>
      <c r="D112" s="29">
        <v>46</v>
      </c>
    </row>
    <row r="113" spans="1:4" ht="18" customHeight="1" x14ac:dyDescent="0.2">
      <c r="A113" s="31">
        <v>89</v>
      </c>
      <c r="B113" s="27">
        <v>8</v>
      </c>
      <c r="C113" s="28">
        <v>29</v>
      </c>
      <c r="D113" s="29">
        <v>37</v>
      </c>
    </row>
    <row r="114" spans="1:4" ht="18" customHeight="1" x14ac:dyDescent="0.2">
      <c r="A114" s="31" t="s">
        <v>67</v>
      </c>
      <c r="B114" s="27">
        <v>76</v>
      </c>
      <c r="C114" s="28">
        <v>165</v>
      </c>
      <c r="D114" s="29">
        <v>241</v>
      </c>
    </row>
    <row r="115" spans="1:4" ht="18" customHeight="1" x14ac:dyDescent="0.2">
      <c r="A115" s="31">
        <v>90</v>
      </c>
      <c r="B115" s="27">
        <v>12</v>
      </c>
      <c r="C115" s="28">
        <v>16</v>
      </c>
      <c r="D115" s="29">
        <v>28</v>
      </c>
    </row>
    <row r="116" spans="1:4" ht="18" customHeight="1" x14ac:dyDescent="0.2">
      <c r="A116" s="31">
        <v>91</v>
      </c>
      <c r="B116" s="27">
        <v>10</v>
      </c>
      <c r="C116" s="28">
        <v>18</v>
      </c>
      <c r="D116" s="29">
        <v>28</v>
      </c>
    </row>
    <row r="117" spans="1:4" ht="18" customHeight="1" x14ac:dyDescent="0.2">
      <c r="A117" s="31">
        <v>92</v>
      </c>
      <c r="B117" s="27">
        <v>8</v>
      </c>
      <c r="C117" s="28">
        <v>14</v>
      </c>
      <c r="D117" s="29">
        <v>22</v>
      </c>
    </row>
    <row r="118" spans="1:4" ht="18" customHeight="1" x14ac:dyDescent="0.2">
      <c r="A118" s="31">
        <v>93</v>
      </c>
      <c r="B118" s="27">
        <v>2</v>
      </c>
      <c r="C118" s="28">
        <v>12</v>
      </c>
      <c r="D118" s="29">
        <v>14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68</v>
      </c>
      <c r="B120" s="27">
        <v>34</v>
      </c>
      <c r="C120" s="28">
        <v>63</v>
      </c>
      <c r="D120" s="29">
        <v>97</v>
      </c>
    </row>
    <row r="121" spans="1:4" ht="18" customHeight="1" x14ac:dyDescent="0.2">
      <c r="A121" s="31">
        <v>95</v>
      </c>
      <c r="B121" s="27">
        <v>1</v>
      </c>
      <c r="C121" s="28">
        <v>10</v>
      </c>
      <c r="D121" s="29">
        <v>11</v>
      </c>
    </row>
    <row r="122" spans="1:4" ht="18" customHeight="1" x14ac:dyDescent="0.2">
      <c r="A122" s="31">
        <v>96</v>
      </c>
      <c r="B122" s="27">
        <v>1</v>
      </c>
      <c r="C122" s="28">
        <v>7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6</v>
      </c>
      <c r="D123" s="29">
        <v>7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4</v>
      </c>
      <c r="C126" s="28">
        <v>29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943</v>
      </c>
      <c r="C130" s="5">
        <v>1192</v>
      </c>
      <c r="D130" s="6">
        <v>2135</v>
      </c>
    </row>
    <row r="131" spans="1:4" ht="18" customHeight="1" x14ac:dyDescent="0.2">
      <c r="A131" s="33" t="s">
        <v>47</v>
      </c>
      <c r="B131" s="7">
        <v>3438</v>
      </c>
      <c r="C131" s="8">
        <v>3604</v>
      </c>
      <c r="D131" s="9">
        <v>70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10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10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10" ht="18" customHeight="1" x14ac:dyDescent="0.2">
      <c r="A8" s="31">
        <v>3</v>
      </c>
      <c r="B8" s="35">
        <v>2</v>
      </c>
      <c r="C8" s="28">
        <v>3</v>
      </c>
      <c r="D8" s="29">
        <v>5</v>
      </c>
    </row>
    <row r="9" spans="1:10" ht="18" customHeight="1" x14ac:dyDescent="0.2">
      <c r="A9" s="31">
        <v>4</v>
      </c>
      <c r="B9" s="36">
        <v>2</v>
      </c>
      <c r="C9" s="38">
        <v>4</v>
      </c>
      <c r="D9" s="40">
        <v>6</v>
      </c>
    </row>
    <row r="10" spans="1:10" ht="18" customHeight="1" x14ac:dyDescent="0.2">
      <c r="A10" s="31" t="s">
        <v>48</v>
      </c>
      <c r="B10" s="27">
        <v>10</v>
      </c>
      <c r="C10" s="28">
        <v>13</v>
      </c>
      <c r="D10" s="29">
        <v>23</v>
      </c>
    </row>
    <row r="11" spans="1:10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10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10" ht="18" customHeight="1" x14ac:dyDescent="0.2">
      <c r="A13" s="31">
        <v>7</v>
      </c>
      <c r="B13" s="35">
        <v>2</v>
      </c>
      <c r="C13" s="28">
        <v>5</v>
      </c>
      <c r="D13" s="29">
        <v>7</v>
      </c>
    </row>
    <row r="14" spans="1:10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10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10" ht="18" customHeight="1" x14ac:dyDescent="0.2">
      <c r="A16" s="31" t="s">
        <v>49</v>
      </c>
      <c r="B16" s="27">
        <v>11</v>
      </c>
      <c r="C16" s="28">
        <v>13</v>
      </c>
      <c r="D16" s="29">
        <v>24</v>
      </c>
    </row>
    <row r="17" spans="1:4" ht="18" customHeight="1" x14ac:dyDescent="0.2">
      <c r="A17" s="31">
        <v>10</v>
      </c>
      <c r="B17" s="27">
        <v>5</v>
      </c>
      <c r="C17" s="28">
        <v>4</v>
      </c>
      <c r="D17" s="29">
        <v>9</v>
      </c>
    </row>
    <row r="18" spans="1:4" ht="18" customHeight="1" x14ac:dyDescent="0.2">
      <c r="A18" s="31">
        <v>11</v>
      </c>
      <c r="B18" s="27">
        <v>2</v>
      </c>
      <c r="C18" s="28">
        <v>2</v>
      </c>
      <c r="D18" s="29">
        <v>4</v>
      </c>
    </row>
    <row r="19" spans="1:4" ht="18" customHeight="1" x14ac:dyDescent="0.2">
      <c r="A19" s="31">
        <v>12</v>
      </c>
      <c r="B19" s="27">
        <v>2</v>
      </c>
      <c r="C19" s="28">
        <v>1</v>
      </c>
      <c r="D19" s="29">
        <v>3</v>
      </c>
    </row>
    <row r="20" spans="1:4" ht="18" customHeight="1" x14ac:dyDescent="0.2">
      <c r="A20" s="31">
        <v>13</v>
      </c>
      <c r="B20" s="27">
        <v>6</v>
      </c>
      <c r="C20" s="28">
        <v>3</v>
      </c>
      <c r="D20" s="29">
        <v>9</v>
      </c>
    </row>
    <row r="21" spans="1:4" ht="18" customHeight="1" x14ac:dyDescent="0.2">
      <c r="A21" s="31">
        <v>14</v>
      </c>
      <c r="B21" s="27">
        <v>5</v>
      </c>
      <c r="C21" s="28">
        <v>2</v>
      </c>
      <c r="D21" s="29">
        <v>7</v>
      </c>
    </row>
    <row r="22" spans="1:4" ht="18" customHeight="1" x14ac:dyDescent="0.2">
      <c r="A22" s="31" t="s">
        <v>50</v>
      </c>
      <c r="B22" s="27">
        <v>20</v>
      </c>
      <c r="C22" s="28">
        <v>12</v>
      </c>
      <c r="D22" s="29">
        <v>32</v>
      </c>
    </row>
    <row r="23" spans="1:4" ht="18" customHeight="1" x14ac:dyDescent="0.2">
      <c r="A23" s="31" t="s">
        <v>51</v>
      </c>
      <c r="B23" s="27">
        <v>41</v>
      </c>
      <c r="C23" s="28">
        <v>38</v>
      </c>
      <c r="D23" s="29">
        <v>79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2</v>
      </c>
      <c r="C25" s="28">
        <v>5</v>
      </c>
      <c r="D25" s="29">
        <v>7</v>
      </c>
    </row>
    <row r="26" spans="1:4" ht="18" customHeight="1" x14ac:dyDescent="0.2">
      <c r="A26" s="31">
        <v>17</v>
      </c>
      <c r="B26" s="27">
        <v>9</v>
      </c>
      <c r="C26" s="28">
        <v>2</v>
      </c>
      <c r="D26" s="29">
        <v>11</v>
      </c>
    </row>
    <row r="27" spans="1:4" ht="18" customHeight="1" x14ac:dyDescent="0.2">
      <c r="A27" s="31">
        <v>18</v>
      </c>
      <c r="B27" s="27">
        <v>1</v>
      </c>
      <c r="C27" s="28">
        <v>4</v>
      </c>
      <c r="D27" s="29">
        <v>5</v>
      </c>
    </row>
    <row r="28" spans="1:4" ht="18" customHeight="1" x14ac:dyDescent="0.2">
      <c r="A28" s="31">
        <v>19</v>
      </c>
      <c r="B28" s="27">
        <v>3</v>
      </c>
      <c r="C28" s="28">
        <v>2</v>
      </c>
      <c r="D28" s="29">
        <v>5</v>
      </c>
    </row>
    <row r="29" spans="1:4" ht="18" customHeight="1" x14ac:dyDescent="0.2">
      <c r="A29" s="31" t="s">
        <v>52</v>
      </c>
      <c r="B29" s="27">
        <v>17</v>
      </c>
      <c r="C29" s="28">
        <v>16</v>
      </c>
      <c r="D29" s="29">
        <v>33</v>
      </c>
    </row>
    <row r="30" spans="1:4" ht="18" customHeight="1" x14ac:dyDescent="0.2">
      <c r="A30" s="31">
        <v>20</v>
      </c>
      <c r="B30" s="27">
        <v>2</v>
      </c>
      <c r="C30" s="28">
        <v>3</v>
      </c>
      <c r="D30" s="29">
        <v>5</v>
      </c>
    </row>
    <row r="31" spans="1:4" ht="18" customHeight="1" x14ac:dyDescent="0.2">
      <c r="A31" s="31">
        <v>21</v>
      </c>
      <c r="B31" s="27">
        <v>2</v>
      </c>
      <c r="C31" s="28">
        <v>3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5</v>
      </c>
      <c r="C33" s="28">
        <v>4</v>
      </c>
      <c r="D33" s="29">
        <v>9</v>
      </c>
    </row>
    <row r="34" spans="1:4" ht="18" customHeight="1" x14ac:dyDescent="0.2">
      <c r="A34" s="31">
        <v>24</v>
      </c>
      <c r="B34" s="27">
        <v>2</v>
      </c>
      <c r="C34" s="28">
        <v>4</v>
      </c>
      <c r="D34" s="29">
        <v>6</v>
      </c>
    </row>
    <row r="35" spans="1:4" ht="18" customHeight="1" x14ac:dyDescent="0.2">
      <c r="A35" s="31" t="s">
        <v>53</v>
      </c>
      <c r="B35" s="27">
        <v>13</v>
      </c>
      <c r="C35" s="28">
        <v>15</v>
      </c>
      <c r="D35" s="29">
        <v>28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4</v>
      </c>
      <c r="C37" s="28">
        <v>1</v>
      </c>
      <c r="D37" s="29">
        <v>5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3</v>
      </c>
      <c r="C39" s="28">
        <v>0</v>
      </c>
      <c r="D39" s="29">
        <v>3</v>
      </c>
    </row>
    <row r="40" spans="1:4" ht="18" customHeight="1" x14ac:dyDescent="0.2">
      <c r="A40" s="31">
        <v>29</v>
      </c>
      <c r="B40" s="27">
        <v>2</v>
      </c>
      <c r="C40" s="28">
        <v>3</v>
      </c>
      <c r="D40" s="29">
        <v>5</v>
      </c>
    </row>
    <row r="41" spans="1:4" ht="18" customHeight="1" x14ac:dyDescent="0.2">
      <c r="A41" s="31" t="s">
        <v>54</v>
      </c>
      <c r="B41" s="27">
        <v>17</v>
      </c>
      <c r="C41" s="28">
        <v>10</v>
      </c>
      <c r="D41" s="29">
        <v>27</v>
      </c>
    </row>
    <row r="42" spans="1:4" ht="18" customHeight="1" x14ac:dyDescent="0.2">
      <c r="A42" s="31">
        <v>30</v>
      </c>
      <c r="B42" s="27">
        <v>3</v>
      </c>
      <c r="C42" s="28">
        <v>2</v>
      </c>
      <c r="D42" s="29">
        <v>5</v>
      </c>
    </row>
    <row r="43" spans="1:4" ht="18" customHeight="1" x14ac:dyDescent="0.2">
      <c r="A43" s="31">
        <v>31</v>
      </c>
      <c r="B43" s="27">
        <v>2</v>
      </c>
      <c r="C43" s="28">
        <v>5</v>
      </c>
      <c r="D43" s="29">
        <v>7</v>
      </c>
    </row>
    <row r="44" spans="1:4" ht="18" customHeight="1" x14ac:dyDescent="0.2">
      <c r="A44" s="31">
        <v>32</v>
      </c>
      <c r="B44" s="27">
        <v>5</v>
      </c>
      <c r="C44" s="28">
        <v>4</v>
      </c>
      <c r="D44" s="29">
        <v>9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3</v>
      </c>
      <c r="C46" s="28">
        <v>4</v>
      </c>
      <c r="D46" s="29">
        <v>7</v>
      </c>
    </row>
    <row r="47" spans="1:4" ht="18" customHeight="1" x14ac:dyDescent="0.2">
      <c r="A47" s="31" t="s">
        <v>55</v>
      </c>
      <c r="B47" s="27">
        <v>16</v>
      </c>
      <c r="C47" s="28">
        <v>16</v>
      </c>
      <c r="D47" s="29">
        <v>32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2</v>
      </c>
      <c r="D50" s="29">
        <v>5</v>
      </c>
    </row>
    <row r="51" spans="1:4" ht="18" customHeight="1" x14ac:dyDescent="0.2">
      <c r="A51" s="31">
        <v>38</v>
      </c>
      <c r="B51" s="27">
        <v>2</v>
      </c>
      <c r="C51" s="28">
        <v>4</v>
      </c>
      <c r="D51" s="29">
        <v>6</v>
      </c>
    </row>
    <row r="52" spans="1:4" ht="18" customHeight="1" x14ac:dyDescent="0.2">
      <c r="A52" s="31">
        <v>39</v>
      </c>
      <c r="B52" s="27">
        <v>6</v>
      </c>
      <c r="C52" s="28">
        <v>5</v>
      </c>
      <c r="D52" s="29">
        <v>11</v>
      </c>
    </row>
    <row r="53" spans="1:4" ht="18" customHeight="1" x14ac:dyDescent="0.2">
      <c r="A53" s="31" t="s">
        <v>56</v>
      </c>
      <c r="B53" s="27">
        <v>15</v>
      </c>
      <c r="C53" s="28">
        <v>16</v>
      </c>
      <c r="D53" s="29">
        <v>31</v>
      </c>
    </row>
    <row r="54" spans="1:4" ht="18" customHeight="1" x14ac:dyDescent="0.2">
      <c r="A54" s="31">
        <v>40</v>
      </c>
      <c r="B54" s="27">
        <v>6</v>
      </c>
      <c r="C54" s="28">
        <v>2</v>
      </c>
      <c r="D54" s="29">
        <v>8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7</v>
      </c>
      <c r="C57" s="28">
        <v>2</v>
      </c>
      <c r="D57" s="29">
        <v>9</v>
      </c>
    </row>
    <row r="58" spans="1:4" ht="18" customHeight="1" x14ac:dyDescent="0.2">
      <c r="A58" s="31">
        <v>44</v>
      </c>
      <c r="B58" s="27">
        <v>1</v>
      </c>
      <c r="C58" s="28">
        <v>4</v>
      </c>
      <c r="D58" s="29">
        <v>5</v>
      </c>
    </row>
    <row r="59" spans="1:4" ht="18" customHeight="1" x14ac:dyDescent="0.2">
      <c r="A59" s="31" t="s">
        <v>57</v>
      </c>
      <c r="B59" s="27">
        <v>21</v>
      </c>
      <c r="C59" s="28">
        <v>14</v>
      </c>
      <c r="D59" s="29">
        <v>35</v>
      </c>
    </row>
    <row r="60" spans="1:4" ht="18" customHeight="1" x14ac:dyDescent="0.2">
      <c r="A60" s="31">
        <v>45</v>
      </c>
      <c r="B60" s="27">
        <v>6</v>
      </c>
      <c r="C60" s="28">
        <v>3</v>
      </c>
      <c r="D60" s="29">
        <v>9</v>
      </c>
    </row>
    <row r="61" spans="1:4" ht="18" customHeight="1" x14ac:dyDescent="0.2">
      <c r="A61" s="31">
        <v>46</v>
      </c>
      <c r="B61" s="27">
        <v>7</v>
      </c>
      <c r="C61" s="28">
        <v>10</v>
      </c>
      <c r="D61" s="29">
        <v>17</v>
      </c>
    </row>
    <row r="62" spans="1:4" ht="18" customHeight="1" x14ac:dyDescent="0.2">
      <c r="A62" s="31">
        <v>47</v>
      </c>
      <c r="B62" s="27">
        <v>5</v>
      </c>
      <c r="C62" s="28">
        <v>4</v>
      </c>
      <c r="D62" s="29">
        <v>9</v>
      </c>
    </row>
    <row r="63" spans="1:4" ht="18" customHeight="1" x14ac:dyDescent="0.2">
      <c r="A63" s="31">
        <v>48</v>
      </c>
      <c r="B63" s="27">
        <v>6</v>
      </c>
      <c r="C63" s="28">
        <v>6</v>
      </c>
      <c r="D63" s="29">
        <v>12</v>
      </c>
    </row>
    <row r="64" spans="1:4" ht="18" customHeight="1" x14ac:dyDescent="0.2">
      <c r="A64" s="31">
        <v>49</v>
      </c>
      <c r="B64" s="27">
        <v>6</v>
      </c>
      <c r="C64" s="28">
        <v>4</v>
      </c>
      <c r="D64" s="29">
        <v>10</v>
      </c>
    </row>
    <row r="65" spans="1:4" ht="18" customHeight="1" x14ac:dyDescent="0.2">
      <c r="A65" s="31" t="s">
        <v>58</v>
      </c>
      <c r="B65" s="27">
        <v>30</v>
      </c>
      <c r="C65" s="28">
        <v>27</v>
      </c>
      <c r="D65" s="29">
        <v>57</v>
      </c>
    </row>
    <row r="66" spans="1:4" ht="18" customHeight="1" x14ac:dyDescent="0.2">
      <c r="A66" s="31">
        <v>50</v>
      </c>
      <c r="B66" s="27">
        <v>3</v>
      </c>
      <c r="C66" s="28">
        <v>7</v>
      </c>
      <c r="D66" s="29">
        <v>10</v>
      </c>
    </row>
    <row r="67" spans="1:4" ht="18" customHeight="1" x14ac:dyDescent="0.2">
      <c r="A67" s="31">
        <v>51</v>
      </c>
      <c r="B67" s="27">
        <v>4</v>
      </c>
      <c r="C67" s="28">
        <v>7</v>
      </c>
      <c r="D67" s="29">
        <v>11</v>
      </c>
    </row>
    <row r="68" spans="1:4" ht="18" customHeight="1" x14ac:dyDescent="0.2">
      <c r="A68" s="31">
        <v>52</v>
      </c>
      <c r="B68" s="27">
        <v>4</v>
      </c>
      <c r="C68" s="28">
        <v>3</v>
      </c>
      <c r="D68" s="29">
        <v>7</v>
      </c>
    </row>
    <row r="69" spans="1:4" ht="18" customHeight="1" x14ac:dyDescent="0.2">
      <c r="A69" s="31">
        <v>53</v>
      </c>
      <c r="B69" s="27">
        <v>2</v>
      </c>
      <c r="C69" s="28">
        <v>5</v>
      </c>
      <c r="D69" s="29">
        <v>7</v>
      </c>
    </row>
    <row r="70" spans="1:4" ht="18" customHeight="1" x14ac:dyDescent="0.2">
      <c r="A70" s="31">
        <v>54</v>
      </c>
      <c r="B70" s="27">
        <v>3</v>
      </c>
      <c r="C70" s="28">
        <v>6</v>
      </c>
      <c r="D70" s="29">
        <v>9</v>
      </c>
    </row>
    <row r="71" spans="1:4" ht="18" customHeight="1" x14ac:dyDescent="0.2">
      <c r="A71" s="31" t="s">
        <v>59</v>
      </c>
      <c r="B71" s="27">
        <v>16</v>
      </c>
      <c r="C71" s="28">
        <v>28</v>
      </c>
      <c r="D71" s="29">
        <v>44</v>
      </c>
    </row>
    <row r="72" spans="1:4" ht="18" customHeight="1" x14ac:dyDescent="0.2">
      <c r="A72" s="31">
        <v>55</v>
      </c>
      <c r="B72" s="27">
        <v>2</v>
      </c>
      <c r="C72" s="28">
        <v>7</v>
      </c>
      <c r="D72" s="29">
        <v>9</v>
      </c>
    </row>
    <row r="73" spans="1:4" ht="18" customHeight="1" x14ac:dyDescent="0.2">
      <c r="A73" s="31">
        <v>56</v>
      </c>
      <c r="B73" s="27">
        <v>10</v>
      </c>
      <c r="C73" s="28">
        <v>2</v>
      </c>
      <c r="D73" s="29">
        <v>12</v>
      </c>
    </row>
    <row r="74" spans="1:4" ht="18" customHeight="1" x14ac:dyDescent="0.2">
      <c r="A74" s="31">
        <v>57</v>
      </c>
      <c r="B74" s="27">
        <v>4</v>
      </c>
      <c r="C74" s="28">
        <v>8</v>
      </c>
      <c r="D74" s="29">
        <v>12</v>
      </c>
    </row>
    <row r="75" spans="1:4" ht="18" customHeight="1" x14ac:dyDescent="0.2">
      <c r="A75" s="31">
        <v>58</v>
      </c>
      <c r="B75" s="27">
        <v>4</v>
      </c>
      <c r="C75" s="28">
        <v>5</v>
      </c>
      <c r="D75" s="29">
        <v>9</v>
      </c>
    </row>
    <row r="76" spans="1:4" ht="18" customHeight="1" x14ac:dyDescent="0.2">
      <c r="A76" s="31">
        <v>59</v>
      </c>
      <c r="B76" s="27">
        <v>6</v>
      </c>
      <c r="C76" s="28">
        <v>7</v>
      </c>
      <c r="D76" s="29">
        <v>13</v>
      </c>
    </row>
    <row r="77" spans="1:4" ht="18" customHeight="1" x14ac:dyDescent="0.2">
      <c r="A77" s="31" t="s">
        <v>60</v>
      </c>
      <c r="B77" s="27">
        <v>26</v>
      </c>
      <c r="C77" s="28">
        <v>29</v>
      </c>
      <c r="D77" s="29">
        <v>55</v>
      </c>
    </row>
    <row r="78" spans="1:4" ht="18" customHeight="1" x14ac:dyDescent="0.2">
      <c r="A78" s="31">
        <v>60</v>
      </c>
      <c r="B78" s="27">
        <v>7</v>
      </c>
      <c r="C78" s="28">
        <v>8</v>
      </c>
      <c r="D78" s="29">
        <v>15</v>
      </c>
    </row>
    <row r="79" spans="1:4" ht="18" customHeight="1" x14ac:dyDescent="0.2">
      <c r="A79" s="31">
        <v>61</v>
      </c>
      <c r="B79" s="27">
        <v>5</v>
      </c>
      <c r="C79" s="28">
        <v>7</v>
      </c>
      <c r="D79" s="29">
        <v>12</v>
      </c>
    </row>
    <row r="80" spans="1:4" ht="18" customHeight="1" x14ac:dyDescent="0.2">
      <c r="A80" s="31">
        <v>62</v>
      </c>
      <c r="B80" s="27">
        <v>9</v>
      </c>
      <c r="C80" s="28">
        <v>8</v>
      </c>
      <c r="D80" s="29">
        <v>17</v>
      </c>
    </row>
    <row r="81" spans="1:4" ht="18" customHeight="1" x14ac:dyDescent="0.2">
      <c r="A81" s="31">
        <v>63</v>
      </c>
      <c r="B81" s="27">
        <v>8</v>
      </c>
      <c r="C81" s="28">
        <v>6</v>
      </c>
      <c r="D81" s="29">
        <v>14</v>
      </c>
    </row>
    <row r="82" spans="1:4" ht="18" customHeight="1" x14ac:dyDescent="0.2">
      <c r="A82" s="31">
        <v>64</v>
      </c>
      <c r="B82" s="27">
        <v>9</v>
      </c>
      <c r="C82" s="28">
        <v>12</v>
      </c>
      <c r="D82" s="29">
        <v>21</v>
      </c>
    </row>
    <row r="83" spans="1:4" ht="18" customHeight="1" x14ac:dyDescent="0.2">
      <c r="A83" s="31" t="s">
        <v>61</v>
      </c>
      <c r="B83" s="27">
        <v>38</v>
      </c>
      <c r="C83" s="28">
        <v>41</v>
      </c>
      <c r="D83" s="29">
        <v>79</v>
      </c>
    </row>
    <row r="84" spans="1:4" ht="18" customHeight="1" x14ac:dyDescent="0.2">
      <c r="A84" s="31" t="s">
        <v>62</v>
      </c>
      <c r="B84" s="27">
        <v>209</v>
      </c>
      <c r="C84" s="28">
        <v>212</v>
      </c>
      <c r="D84" s="29">
        <v>421</v>
      </c>
    </row>
    <row r="85" spans="1:4" ht="18" customHeight="1" x14ac:dyDescent="0.2">
      <c r="A85" s="31">
        <v>65</v>
      </c>
      <c r="B85" s="27">
        <v>14</v>
      </c>
      <c r="C85" s="28">
        <v>8</v>
      </c>
      <c r="D85" s="29">
        <v>22</v>
      </c>
    </row>
    <row r="86" spans="1:4" ht="18" customHeight="1" x14ac:dyDescent="0.2">
      <c r="A86" s="31">
        <v>66</v>
      </c>
      <c r="B86" s="27">
        <v>7</v>
      </c>
      <c r="C86" s="28">
        <v>6</v>
      </c>
      <c r="D86" s="29">
        <v>13</v>
      </c>
    </row>
    <row r="87" spans="1:4" ht="18" customHeight="1" x14ac:dyDescent="0.2">
      <c r="A87" s="31">
        <v>67</v>
      </c>
      <c r="B87" s="27">
        <v>6</v>
      </c>
      <c r="C87" s="28">
        <v>7</v>
      </c>
      <c r="D87" s="29">
        <v>13</v>
      </c>
    </row>
    <row r="88" spans="1:4" ht="18" customHeight="1" x14ac:dyDescent="0.2">
      <c r="A88" s="31">
        <v>68</v>
      </c>
      <c r="B88" s="27">
        <v>6</v>
      </c>
      <c r="C88" s="28">
        <v>10</v>
      </c>
      <c r="D88" s="29">
        <v>16</v>
      </c>
    </row>
    <row r="89" spans="1:4" ht="18" customHeight="1" x14ac:dyDescent="0.2">
      <c r="A89" s="31">
        <v>69</v>
      </c>
      <c r="B89" s="27">
        <v>11</v>
      </c>
      <c r="C89" s="28">
        <v>7</v>
      </c>
      <c r="D89" s="29">
        <v>18</v>
      </c>
    </row>
    <row r="90" spans="1:4" ht="18" customHeight="1" x14ac:dyDescent="0.2">
      <c r="A90" s="31" t="s">
        <v>63</v>
      </c>
      <c r="B90" s="27">
        <v>44</v>
      </c>
      <c r="C90" s="28">
        <v>38</v>
      </c>
      <c r="D90" s="29">
        <v>82</v>
      </c>
    </row>
    <row r="91" spans="1:4" ht="18" customHeight="1" x14ac:dyDescent="0.2">
      <c r="A91" s="31">
        <v>70</v>
      </c>
      <c r="B91" s="27">
        <v>8</v>
      </c>
      <c r="C91" s="28">
        <v>12</v>
      </c>
      <c r="D91" s="29">
        <v>20</v>
      </c>
    </row>
    <row r="92" spans="1:4" ht="18" customHeight="1" x14ac:dyDescent="0.2">
      <c r="A92" s="31">
        <v>71</v>
      </c>
      <c r="B92" s="27">
        <v>9</v>
      </c>
      <c r="C92" s="28">
        <v>8</v>
      </c>
      <c r="D92" s="29">
        <v>17</v>
      </c>
    </row>
    <row r="93" spans="1:4" ht="18" customHeight="1" x14ac:dyDescent="0.2">
      <c r="A93" s="31">
        <v>72</v>
      </c>
      <c r="B93" s="27">
        <v>9</v>
      </c>
      <c r="C93" s="28">
        <v>4</v>
      </c>
      <c r="D93" s="29">
        <v>13</v>
      </c>
    </row>
    <row r="94" spans="1:4" ht="18" customHeight="1" x14ac:dyDescent="0.2">
      <c r="A94" s="31">
        <v>73</v>
      </c>
      <c r="B94" s="27">
        <v>2</v>
      </c>
      <c r="C94" s="28">
        <v>9</v>
      </c>
      <c r="D94" s="29">
        <v>11</v>
      </c>
    </row>
    <row r="95" spans="1:4" ht="18" customHeight="1" x14ac:dyDescent="0.2">
      <c r="A95" s="31">
        <v>74</v>
      </c>
      <c r="B95" s="27">
        <v>10</v>
      </c>
      <c r="C95" s="28">
        <v>6</v>
      </c>
      <c r="D95" s="29">
        <v>16</v>
      </c>
    </row>
    <row r="96" spans="1:4" ht="18" customHeight="1" x14ac:dyDescent="0.2">
      <c r="A96" s="31" t="s">
        <v>64</v>
      </c>
      <c r="B96" s="27">
        <v>38</v>
      </c>
      <c r="C96" s="28">
        <v>39</v>
      </c>
      <c r="D96" s="29">
        <v>77</v>
      </c>
    </row>
    <row r="97" spans="1:4" ht="18" customHeight="1" x14ac:dyDescent="0.2">
      <c r="A97" s="31">
        <v>75</v>
      </c>
      <c r="B97" s="27">
        <v>9</v>
      </c>
      <c r="C97" s="28">
        <v>2</v>
      </c>
      <c r="D97" s="29">
        <v>11</v>
      </c>
    </row>
    <row r="98" spans="1:4" ht="18" customHeight="1" x14ac:dyDescent="0.2">
      <c r="A98" s="31">
        <v>76</v>
      </c>
      <c r="B98" s="27">
        <v>4</v>
      </c>
      <c r="C98" s="28">
        <v>6</v>
      </c>
      <c r="D98" s="29">
        <v>10</v>
      </c>
    </row>
    <row r="99" spans="1:4" ht="18" customHeight="1" x14ac:dyDescent="0.2">
      <c r="A99" s="31">
        <v>77</v>
      </c>
      <c r="B99" s="27">
        <v>4</v>
      </c>
      <c r="C99" s="28">
        <v>7</v>
      </c>
      <c r="D99" s="29">
        <v>11</v>
      </c>
    </row>
    <row r="100" spans="1:4" ht="18" customHeight="1" x14ac:dyDescent="0.2">
      <c r="A100" s="31">
        <v>78</v>
      </c>
      <c r="B100" s="27">
        <v>2</v>
      </c>
      <c r="C100" s="28">
        <v>4</v>
      </c>
      <c r="D100" s="29">
        <v>6</v>
      </c>
    </row>
    <row r="101" spans="1:4" ht="18" customHeight="1" x14ac:dyDescent="0.2">
      <c r="A101" s="31">
        <v>79</v>
      </c>
      <c r="B101" s="27">
        <v>3</v>
      </c>
      <c r="C101" s="28">
        <v>5</v>
      </c>
      <c r="D101" s="29">
        <v>8</v>
      </c>
    </row>
    <row r="102" spans="1:4" ht="18" customHeight="1" x14ac:dyDescent="0.2">
      <c r="A102" s="31" t="s">
        <v>65</v>
      </c>
      <c r="B102" s="27">
        <v>22</v>
      </c>
      <c r="C102" s="28">
        <v>24</v>
      </c>
      <c r="D102" s="29">
        <v>46</v>
      </c>
    </row>
    <row r="103" spans="1:4" ht="18" customHeight="1" x14ac:dyDescent="0.2">
      <c r="A103" s="31">
        <v>80</v>
      </c>
      <c r="B103" s="27">
        <v>3</v>
      </c>
      <c r="C103" s="28">
        <v>9</v>
      </c>
      <c r="D103" s="29">
        <v>12</v>
      </c>
    </row>
    <row r="104" spans="1:4" ht="18" customHeight="1" x14ac:dyDescent="0.2">
      <c r="A104" s="31">
        <v>81</v>
      </c>
      <c r="B104" s="27">
        <v>0</v>
      </c>
      <c r="C104" s="28">
        <v>7</v>
      </c>
      <c r="D104" s="29">
        <v>7</v>
      </c>
    </row>
    <row r="105" spans="1:4" ht="18" customHeight="1" x14ac:dyDescent="0.2">
      <c r="A105" s="31">
        <v>82</v>
      </c>
      <c r="B105" s="27">
        <v>5</v>
      </c>
      <c r="C105" s="28">
        <v>7</v>
      </c>
      <c r="D105" s="29">
        <v>12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66</v>
      </c>
      <c r="B108" s="27">
        <v>18</v>
      </c>
      <c r="C108" s="28">
        <v>38</v>
      </c>
      <c r="D108" s="29">
        <v>56</v>
      </c>
    </row>
    <row r="109" spans="1:4" ht="18" customHeight="1" x14ac:dyDescent="0.2">
      <c r="A109" s="31">
        <v>85</v>
      </c>
      <c r="B109" s="27">
        <v>3</v>
      </c>
      <c r="C109" s="28">
        <v>4</v>
      </c>
      <c r="D109" s="29">
        <v>7</v>
      </c>
    </row>
    <row r="110" spans="1:4" ht="18" customHeight="1" x14ac:dyDescent="0.2">
      <c r="A110" s="31">
        <v>86</v>
      </c>
      <c r="B110" s="27">
        <v>4</v>
      </c>
      <c r="C110" s="28">
        <v>8</v>
      </c>
      <c r="D110" s="29">
        <v>12</v>
      </c>
    </row>
    <row r="111" spans="1:4" ht="18" customHeight="1" x14ac:dyDescent="0.2">
      <c r="A111" s="31">
        <v>87</v>
      </c>
      <c r="B111" s="27">
        <v>2</v>
      </c>
      <c r="C111" s="28">
        <v>8</v>
      </c>
      <c r="D111" s="29">
        <v>10</v>
      </c>
    </row>
    <row r="112" spans="1:4" ht="18" customHeight="1" x14ac:dyDescent="0.2">
      <c r="A112" s="31">
        <v>88</v>
      </c>
      <c r="B112" s="27">
        <v>2</v>
      </c>
      <c r="C112" s="28">
        <v>5</v>
      </c>
      <c r="D112" s="29">
        <v>7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12</v>
      </c>
      <c r="C114" s="28">
        <v>33</v>
      </c>
      <c r="D114" s="29">
        <v>45</v>
      </c>
    </row>
    <row r="115" spans="1:4" ht="18" customHeight="1" x14ac:dyDescent="0.2">
      <c r="A115" s="31">
        <v>90</v>
      </c>
      <c r="B115" s="27">
        <v>2</v>
      </c>
      <c r="C115" s="28">
        <v>5</v>
      </c>
      <c r="D115" s="29">
        <v>7</v>
      </c>
    </row>
    <row r="116" spans="1:4" ht="18" customHeight="1" x14ac:dyDescent="0.2">
      <c r="A116" s="31">
        <v>91</v>
      </c>
      <c r="B116" s="27">
        <v>1</v>
      </c>
      <c r="C116" s="28">
        <v>6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6</v>
      </c>
      <c r="C120" s="28">
        <v>17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1</v>
      </c>
      <c r="C130" s="5">
        <v>197</v>
      </c>
      <c r="D130" s="6">
        <v>338</v>
      </c>
    </row>
    <row r="131" spans="1:4" ht="18" customHeight="1" x14ac:dyDescent="0.2">
      <c r="A131" s="33" t="s">
        <v>47</v>
      </c>
      <c r="B131" s="7">
        <v>391</v>
      </c>
      <c r="C131" s="8">
        <v>447</v>
      </c>
      <c r="D131" s="9">
        <v>83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10" ht="18" customHeight="1" x14ac:dyDescent="0.2">
      <c r="A6" s="31">
        <v>1</v>
      </c>
      <c r="B6" s="35">
        <v>0</v>
      </c>
      <c r="C6" s="28">
        <v>3</v>
      </c>
      <c r="D6" s="29">
        <v>3</v>
      </c>
    </row>
    <row r="7" spans="1:10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10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10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10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10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10" ht="18" customHeight="1" x14ac:dyDescent="0.2">
      <c r="A16" s="31" t="s">
        <v>49</v>
      </c>
      <c r="B16" s="27">
        <v>4</v>
      </c>
      <c r="C16" s="28">
        <v>2</v>
      </c>
      <c r="D16" s="29">
        <v>6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4</v>
      </c>
      <c r="C22" s="28">
        <v>6</v>
      </c>
      <c r="D22" s="29">
        <v>10</v>
      </c>
    </row>
    <row r="23" spans="1:4" ht="18" customHeight="1" x14ac:dyDescent="0.2">
      <c r="A23" s="31" t="s">
        <v>51</v>
      </c>
      <c r="B23" s="27">
        <v>12</v>
      </c>
      <c r="C23" s="28">
        <v>12</v>
      </c>
      <c r="D23" s="29">
        <v>24</v>
      </c>
    </row>
    <row r="24" spans="1:4" ht="18" customHeight="1" x14ac:dyDescent="0.2">
      <c r="A24" s="31">
        <v>15</v>
      </c>
      <c r="B24" s="27">
        <v>2</v>
      </c>
      <c r="C24" s="28">
        <v>0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3</v>
      </c>
      <c r="D25" s="29">
        <v>4</v>
      </c>
    </row>
    <row r="26" spans="1:4" ht="18" customHeight="1" x14ac:dyDescent="0.2">
      <c r="A26" s="31">
        <v>17</v>
      </c>
      <c r="B26" s="27">
        <v>3</v>
      </c>
      <c r="C26" s="28">
        <v>1</v>
      </c>
      <c r="D26" s="29">
        <v>4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0</v>
      </c>
      <c r="C28" s="28">
        <v>3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8</v>
      </c>
      <c r="D29" s="29">
        <v>16</v>
      </c>
    </row>
    <row r="30" spans="1:4" ht="18" customHeight="1" x14ac:dyDescent="0.2">
      <c r="A30" s="31">
        <v>20</v>
      </c>
      <c r="B30" s="27">
        <v>5</v>
      </c>
      <c r="C30" s="28">
        <v>2</v>
      </c>
      <c r="D30" s="29">
        <v>7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1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10</v>
      </c>
      <c r="C35" s="28">
        <v>5</v>
      </c>
      <c r="D35" s="29">
        <v>15</v>
      </c>
    </row>
    <row r="36" spans="1:4" ht="18" customHeight="1" x14ac:dyDescent="0.2">
      <c r="A36" s="31">
        <v>25</v>
      </c>
      <c r="B36" s="27">
        <v>0</v>
      </c>
      <c r="C36" s="28">
        <v>4</v>
      </c>
      <c r="D36" s="29">
        <v>4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5</v>
      </c>
      <c r="C38" s="28">
        <v>1</v>
      </c>
      <c r="D38" s="29">
        <v>6</v>
      </c>
    </row>
    <row r="39" spans="1:4" ht="18" customHeight="1" x14ac:dyDescent="0.2">
      <c r="A39" s="31">
        <v>28</v>
      </c>
      <c r="B39" s="27">
        <v>1</v>
      </c>
      <c r="C39" s="28">
        <v>3</v>
      </c>
      <c r="D39" s="29">
        <v>4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9</v>
      </c>
      <c r="C41" s="28">
        <v>11</v>
      </c>
      <c r="D41" s="29">
        <v>20</v>
      </c>
    </row>
    <row r="42" spans="1:4" ht="18" customHeight="1" x14ac:dyDescent="0.2">
      <c r="A42" s="31">
        <v>30</v>
      </c>
      <c r="B42" s="27">
        <v>3</v>
      </c>
      <c r="C42" s="28">
        <v>3</v>
      </c>
      <c r="D42" s="29">
        <v>6</v>
      </c>
    </row>
    <row r="43" spans="1:4" ht="18" customHeight="1" x14ac:dyDescent="0.2">
      <c r="A43" s="31">
        <v>31</v>
      </c>
      <c r="B43" s="27">
        <v>4</v>
      </c>
      <c r="C43" s="28">
        <v>1</v>
      </c>
      <c r="D43" s="29">
        <v>5</v>
      </c>
    </row>
    <row r="44" spans="1:4" ht="18" customHeight="1" x14ac:dyDescent="0.2">
      <c r="A44" s="31">
        <v>32</v>
      </c>
      <c r="B44" s="27">
        <v>4</v>
      </c>
      <c r="C44" s="28">
        <v>2</v>
      </c>
      <c r="D44" s="29">
        <v>6</v>
      </c>
    </row>
    <row r="45" spans="1:4" ht="18" customHeight="1" x14ac:dyDescent="0.2">
      <c r="A45" s="31">
        <v>33</v>
      </c>
      <c r="B45" s="27">
        <v>3</v>
      </c>
      <c r="C45" s="28">
        <v>0</v>
      </c>
      <c r="D45" s="29">
        <v>3</v>
      </c>
    </row>
    <row r="46" spans="1:4" ht="18" customHeight="1" x14ac:dyDescent="0.2">
      <c r="A46" s="31">
        <v>34</v>
      </c>
      <c r="B46" s="27">
        <v>0</v>
      </c>
      <c r="C46" s="28">
        <v>3</v>
      </c>
      <c r="D46" s="29">
        <v>3</v>
      </c>
    </row>
    <row r="47" spans="1:4" ht="18" customHeight="1" x14ac:dyDescent="0.2">
      <c r="A47" s="31" t="s">
        <v>55</v>
      </c>
      <c r="B47" s="27">
        <v>14</v>
      </c>
      <c r="C47" s="28">
        <v>9</v>
      </c>
      <c r="D47" s="29">
        <v>23</v>
      </c>
    </row>
    <row r="48" spans="1:4" ht="18" customHeight="1" x14ac:dyDescent="0.2">
      <c r="A48" s="31">
        <v>35</v>
      </c>
      <c r="B48" s="27">
        <v>2</v>
      </c>
      <c r="C48" s="28">
        <v>2</v>
      </c>
      <c r="D48" s="29">
        <v>4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3</v>
      </c>
      <c r="D51" s="29">
        <v>4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6</v>
      </c>
      <c r="C53" s="28">
        <v>7</v>
      </c>
      <c r="D53" s="29">
        <v>13</v>
      </c>
    </row>
    <row r="54" spans="1:4" ht="18" customHeight="1" x14ac:dyDescent="0.2">
      <c r="A54" s="31">
        <v>40</v>
      </c>
      <c r="B54" s="27">
        <v>1</v>
      </c>
      <c r="C54" s="28">
        <v>3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3</v>
      </c>
      <c r="C57" s="28">
        <v>5</v>
      </c>
      <c r="D57" s="29">
        <v>8</v>
      </c>
    </row>
    <row r="58" spans="1:4" ht="18" customHeight="1" x14ac:dyDescent="0.2">
      <c r="A58" s="31">
        <v>44</v>
      </c>
      <c r="B58" s="27">
        <v>4</v>
      </c>
      <c r="C58" s="28">
        <v>1</v>
      </c>
      <c r="D58" s="29">
        <v>5</v>
      </c>
    </row>
    <row r="59" spans="1:4" ht="18" customHeight="1" x14ac:dyDescent="0.2">
      <c r="A59" s="31" t="s">
        <v>57</v>
      </c>
      <c r="B59" s="27">
        <v>10</v>
      </c>
      <c r="C59" s="28">
        <v>11</v>
      </c>
      <c r="D59" s="29">
        <v>21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2</v>
      </c>
      <c r="C61" s="28">
        <v>3</v>
      </c>
      <c r="D61" s="29">
        <v>5</v>
      </c>
    </row>
    <row r="62" spans="1:4" ht="18" customHeight="1" x14ac:dyDescent="0.2">
      <c r="A62" s="31">
        <v>47</v>
      </c>
      <c r="B62" s="27">
        <v>1</v>
      </c>
      <c r="C62" s="28">
        <v>2</v>
      </c>
      <c r="D62" s="29">
        <v>3</v>
      </c>
    </row>
    <row r="63" spans="1:4" ht="18" customHeight="1" x14ac:dyDescent="0.2">
      <c r="A63" s="31">
        <v>48</v>
      </c>
      <c r="B63" s="27">
        <v>2</v>
      </c>
      <c r="C63" s="28">
        <v>0</v>
      </c>
      <c r="D63" s="29">
        <v>2</v>
      </c>
    </row>
    <row r="64" spans="1:4" ht="18" customHeight="1" x14ac:dyDescent="0.2">
      <c r="A64" s="31">
        <v>49</v>
      </c>
      <c r="B64" s="27">
        <v>4</v>
      </c>
      <c r="C64" s="28">
        <v>0</v>
      </c>
      <c r="D64" s="29">
        <v>4</v>
      </c>
    </row>
    <row r="65" spans="1:4" ht="18" customHeight="1" x14ac:dyDescent="0.2">
      <c r="A65" s="31" t="s">
        <v>58</v>
      </c>
      <c r="B65" s="27">
        <v>10</v>
      </c>
      <c r="C65" s="28">
        <v>6</v>
      </c>
      <c r="D65" s="29">
        <v>16</v>
      </c>
    </row>
    <row r="66" spans="1:4" ht="18" customHeight="1" x14ac:dyDescent="0.2">
      <c r="A66" s="31">
        <v>50</v>
      </c>
      <c r="B66" s="27">
        <v>4</v>
      </c>
      <c r="C66" s="28">
        <v>5</v>
      </c>
      <c r="D66" s="29">
        <v>9</v>
      </c>
    </row>
    <row r="67" spans="1:4" ht="18" customHeight="1" x14ac:dyDescent="0.2">
      <c r="A67" s="31">
        <v>51</v>
      </c>
      <c r="B67" s="27">
        <v>4</v>
      </c>
      <c r="C67" s="28">
        <v>5</v>
      </c>
      <c r="D67" s="29">
        <v>9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5</v>
      </c>
      <c r="C69" s="28">
        <v>7</v>
      </c>
      <c r="D69" s="29">
        <v>12</v>
      </c>
    </row>
    <row r="70" spans="1:4" ht="18" customHeight="1" x14ac:dyDescent="0.2">
      <c r="A70" s="31">
        <v>54</v>
      </c>
      <c r="B70" s="27">
        <v>4</v>
      </c>
      <c r="C70" s="28">
        <v>1</v>
      </c>
      <c r="D70" s="29">
        <v>5</v>
      </c>
    </row>
    <row r="71" spans="1:4" ht="18" customHeight="1" x14ac:dyDescent="0.2">
      <c r="A71" s="31" t="s">
        <v>59</v>
      </c>
      <c r="B71" s="27">
        <v>18</v>
      </c>
      <c r="C71" s="28">
        <v>21</v>
      </c>
      <c r="D71" s="29">
        <v>39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0</v>
      </c>
      <c r="C73" s="28">
        <v>7</v>
      </c>
      <c r="D73" s="29">
        <v>7</v>
      </c>
    </row>
    <row r="74" spans="1:4" ht="18" customHeight="1" x14ac:dyDescent="0.2">
      <c r="A74" s="31">
        <v>57</v>
      </c>
      <c r="B74" s="27">
        <v>2</v>
      </c>
      <c r="C74" s="28">
        <v>3</v>
      </c>
      <c r="D74" s="29">
        <v>5</v>
      </c>
    </row>
    <row r="75" spans="1:4" ht="18" customHeight="1" x14ac:dyDescent="0.2">
      <c r="A75" s="31">
        <v>58</v>
      </c>
      <c r="B75" s="27">
        <v>4</v>
      </c>
      <c r="C75" s="28">
        <v>2</v>
      </c>
      <c r="D75" s="29">
        <v>6</v>
      </c>
    </row>
    <row r="76" spans="1:4" ht="18" customHeight="1" x14ac:dyDescent="0.2">
      <c r="A76" s="31">
        <v>59</v>
      </c>
      <c r="B76" s="27">
        <v>4</v>
      </c>
      <c r="C76" s="28">
        <v>3</v>
      </c>
      <c r="D76" s="29">
        <v>7</v>
      </c>
    </row>
    <row r="77" spans="1:4" ht="18" customHeight="1" x14ac:dyDescent="0.2">
      <c r="A77" s="31" t="s">
        <v>60</v>
      </c>
      <c r="B77" s="27">
        <v>12</v>
      </c>
      <c r="C77" s="28">
        <v>16</v>
      </c>
      <c r="D77" s="29">
        <v>28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4</v>
      </c>
      <c r="C79" s="28">
        <v>0</v>
      </c>
      <c r="D79" s="29">
        <v>4</v>
      </c>
    </row>
    <row r="80" spans="1:4" ht="18" customHeight="1" x14ac:dyDescent="0.2">
      <c r="A80" s="31">
        <v>62</v>
      </c>
      <c r="B80" s="27">
        <v>3</v>
      </c>
      <c r="C80" s="28">
        <v>6</v>
      </c>
      <c r="D80" s="29">
        <v>9</v>
      </c>
    </row>
    <row r="81" spans="1:4" ht="18" customHeight="1" x14ac:dyDescent="0.2">
      <c r="A81" s="31">
        <v>63</v>
      </c>
      <c r="B81" s="27">
        <v>2</v>
      </c>
      <c r="C81" s="28">
        <v>2</v>
      </c>
      <c r="D81" s="29">
        <v>4</v>
      </c>
    </row>
    <row r="82" spans="1:4" ht="18" customHeight="1" x14ac:dyDescent="0.2">
      <c r="A82" s="31">
        <v>64</v>
      </c>
      <c r="B82" s="27">
        <v>6</v>
      </c>
      <c r="C82" s="28">
        <v>4</v>
      </c>
      <c r="D82" s="29">
        <v>10</v>
      </c>
    </row>
    <row r="83" spans="1:4" ht="18" customHeight="1" x14ac:dyDescent="0.2">
      <c r="A83" s="31" t="s">
        <v>61</v>
      </c>
      <c r="B83" s="27">
        <v>18</v>
      </c>
      <c r="C83" s="28">
        <v>13</v>
      </c>
      <c r="D83" s="29">
        <v>31</v>
      </c>
    </row>
    <row r="84" spans="1:4" ht="18" customHeight="1" x14ac:dyDescent="0.2">
      <c r="A84" s="31" t="s">
        <v>62</v>
      </c>
      <c r="B84" s="27">
        <v>115</v>
      </c>
      <c r="C84" s="28">
        <v>107</v>
      </c>
      <c r="D84" s="29">
        <v>222</v>
      </c>
    </row>
    <row r="85" spans="1:4" ht="18" customHeight="1" x14ac:dyDescent="0.2">
      <c r="A85" s="31">
        <v>65</v>
      </c>
      <c r="B85" s="27">
        <v>2</v>
      </c>
      <c r="C85" s="28">
        <v>7</v>
      </c>
      <c r="D85" s="29">
        <v>9</v>
      </c>
    </row>
    <row r="86" spans="1:4" ht="18" customHeight="1" x14ac:dyDescent="0.2">
      <c r="A86" s="31">
        <v>66</v>
      </c>
      <c r="B86" s="27">
        <v>4</v>
      </c>
      <c r="C86" s="28">
        <v>2</v>
      </c>
      <c r="D86" s="29">
        <v>6</v>
      </c>
    </row>
    <row r="87" spans="1:4" ht="18" customHeight="1" x14ac:dyDescent="0.2">
      <c r="A87" s="31">
        <v>67</v>
      </c>
      <c r="B87" s="27">
        <v>6</v>
      </c>
      <c r="C87" s="28">
        <v>5</v>
      </c>
      <c r="D87" s="29">
        <v>11</v>
      </c>
    </row>
    <row r="88" spans="1:4" ht="18" customHeight="1" x14ac:dyDescent="0.2">
      <c r="A88" s="31">
        <v>68</v>
      </c>
      <c r="B88" s="27">
        <v>8</v>
      </c>
      <c r="C88" s="28">
        <v>6</v>
      </c>
      <c r="D88" s="29">
        <v>14</v>
      </c>
    </row>
    <row r="89" spans="1:4" ht="18" customHeight="1" x14ac:dyDescent="0.2">
      <c r="A89" s="31">
        <v>69</v>
      </c>
      <c r="B89" s="27">
        <v>4</v>
      </c>
      <c r="C89" s="28">
        <v>6</v>
      </c>
      <c r="D89" s="29">
        <v>10</v>
      </c>
    </row>
    <row r="90" spans="1:4" ht="18" customHeight="1" x14ac:dyDescent="0.2">
      <c r="A90" s="31" t="s">
        <v>63</v>
      </c>
      <c r="B90" s="27">
        <v>24</v>
      </c>
      <c r="C90" s="28">
        <v>26</v>
      </c>
      <c r="D90" s="29">
        <v>50</v>
      </c>
    </row>
    <row r="91" spans="1:4" ht="18" customHeight="1" x14ac:dyDescent="0.2">
      <c r="A91" s="31">
        <v>70</v>
      </c>
      <c r="B91" s="27">
        <v>6</v>
      </c>
      <c r="C91" s="28">
        <v>3</v>
      </c>
      <c r="D91" s="29">
        <v>9</v>
      </c>
    </row>
    <row r="92" spans="1:4" ht="18" customHeight="1" x14ac:dyDescent="0.2">
      <c r="A92" s="31">
        <v>71</v>
      </c>
      <c r="B92" s="27">
        <v>5</v>
      </c>
      <c r="C92" s="28">
        <v>5</v>
      </c>
      <c r="D92" s="29">
        <v>10</v>
      </c>
    </row>
    <row r="93" spans="1:4" ht="18" customHeight="1" x14ac:dyDescent="0.2">
      <c r="A93" s="31">
        <v>72</v>
      </c>
      <c r="B93" s="27">
        <v>1</v>
      </c>
      <c r="C93" s="28">
        <v>2</v>
      </c>
      <c r="D93" s="29">
        <v>3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1</v>
      </c>
      <c r="C95" s="28">
        <v>7</v>
      </c>
      <c r="D95" s="29">
        <v>8</v>
      </c>
    </row>
    <row r="96" spans="1:4" ht="18" customHeight="1" x14ac:dyDescent="0.2">
      <c r="A96" s="31" t="s">
        <v>64</v>
      </c>
      <c r="B96" s="27">
        <v>14</v>
      </c>
      <c r="C96" s="28">
        <v>19</v>
      </c>
      <c r="D96" s="29">
        <v>33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5</v>
      </c>
      <c r="C98" s="28">
        <v>1</v>
      </c>
      <c r="D98" s="29">
        <v>6</v>
      </c>
    </row>
    <row r="99" spans="1:4" ht="18" customHeight="1" x14ac:dyDescent="0.2">
      <c r="A99" s="31">
        <v>77</v>
      </c>
      <c r="B99" s="27">
        <v>3</v>
      </c>
      <c r="C99" s="28">
        <v>1</v>
      </c>
      <c r="D99" s="29">
        <v>4</v>
      </c>
    </row>
    <row r="100" spans="1:4" ht="18" customHeight="1" x14ac:dyDescent="0.2">
      <c r="A100" s="31">
        <v>78</v>
      </c>
      <c r="B100" s="27">
        <v>3</v>
      </c>
      <c r="C100" s="28">
        <v>5</v>
      </c>
      <c r="D100" s="29">
        <v>8</v>
      </c>
    </row>
    <row r="101" spans="1:4" ht="18" customHeight="1" x14ac:dyDescent="0.2">
      <c r="A101" s="31">
        <v>79</v>
      </c>
      <c r="B101" s="27">
        <v>1</v>
      </c>
      <c r="C101" s="28">
        <v>5</v>
      </c>
      <c r="D101" s="29">
        <v>6</v>
      </c>
    </row>
    <row r="102" spans="1:4" ht="18" customHeight="1" x14ac:dyDescent="0.2">
      <c r="A102" s="31" t="s">
        <v>65</v>
      </c>
      <c r="B102" s="27">
        <v>15</v>
      </c>
      <c r="C102" s="28">
        <v>16</v>
      </c>
      <c r="D102" s="29">
        <v>31</v>
      </c>
    </row>
    <row r="103" spans="1:4" ht="18" customHeight="1" x14ac:dyDescent="0.2">
      <c r="A103" s="31">
        <v>80</v>
      </c>
      <c r="B103" s="27">
        <v>2</v>
      </c>
      <c r="C103" s="28">
        <v>7</v>
      </c>
      <c r="D103" s="29">
        <v>9</v>
      </c>
    </row>
    <row r="104" spans="1:4" ht="18" customHeight="1" x14ac:dyDescent="0.2">
      <c r="A104" s="31">
        <v>81</v>
      </c>
      <c r="B104" s="27">
        <v>4</v>
      </c>
      <c r="C104" s="28">
        <v>3</v>
      </c>
      <c r="D104" s="29">
        <v>7</v>
      </c>
    </row>
    <row r="105" spans="1:4" ht="18" customHeight="1" x14ac:dyDescent="0.2">
      <c r="A105" s="31">
        <v>82</v>
      </c>
      <c r="B105" s="27">
        <v>2</v>
      </c>
      <c r="C105" s="28">
        <v>4</v>
      </c>
      <c r="D105" s="29">
        <v>6</v>
      </c>
    </row>
    <row r="106" spans="1:4" ht="18" customHeight="1" x14ac:dyDescent="0.2">
      <c r="A106" s="31">
        <v>83</v>
      </c>
      <c r="B106" s="27">
        <v>2</v>
      </c>
      <c r="C106" s="28">
        <v>5</v>
      </c>
      <c r="D106" s="29">
        <v>7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13</v>
      </c>
      <c r="C108" s="28">
        <v>22</v>
      </c>
      <c r="D108" s="29">
        <v>35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4</v>
      </c>
      <c r="C110" s="28">
        <v>8</v>
      </c>
      <c r="D110" s="29">
        <v>12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3</v>
      </c>
      <c r="C112" s="28">
        <v>2</v>
      </c>
      <c r="D112" s="29">
        <v>5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10</v>
      </c>
      <c r="C114" s="28">
        <v>14</v>
      </c>
      <c r="D114" s="29">
        <v>24</v>
      </c>
    </row>
    <row r="115" spans="1:4" ht="18" customHeight="1" x14ac:dyDescent="0.2">
      <c r="A115" s="31">
        <v>90</v>
      </c>
      <c r="B115" s="27">
        <v>2</v>
      </c>
      <c r="C115" s="28">
        <v>3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8</v>
      </c>
      <c r="D117" s="29">
        <v>9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4</v>
      </c>
      <c r="C120" s="28">
        <v>15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4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2</v>
      </c>
      <c r="C130" s="5">
        <v>116</v>
      </c>
      <c r="D130" s="6">
        <v>198</v>
      </c>
    </row>
    <row r="131" spans="1:4" ht="18" customHeight="1" x14ac:dyDescent="0.2">
      <c r="A131" s="33" t="s">
        <v>47</v>
      </c>
      <c r="B131" s="7">
        <v>209</v>
      </c>
      <c r="C131" s="8">
        <v>235</v>
      </c>
      <c r="D131" s="9">
        <v>44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3</v>
      </c>
      <c r="D5" s="39">
        <v>6</v>
      </c>
    </row>
    <row r="6" spans="1:10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10" ht="18" customHeight="1" x14ac:dyDescent="0.2">
      <c r="A7" s="31">
        <v>2</v>
      </c>
      <c r="B7" s="35">
        <v>4</v>
      </c>
      <c r="C7" s="28">
        <v>1</v>
      </c>
      <c r="D7" s="29">
        <v>5</v>
      </c>
    </row>
    <row r="8" spans="1:10" ht="18" customHeight="1" x14ac:dyDescent="0.2">
      <c r="A8" s="31">
        <v>3</v>
      </c>
      <c r="B8" s="35">
        <v>5</v>
      </c>
      <c r="C8" s="28">
        <v>12</v>
      </c>
      <c r="D8" s="29">
        <v>17</v>
      </c>
    </row>
    <row r="9" spans="1:10" ht="18" customHeight="1" x14ac:dyDescent="0.2">
      <c r="A9" s="31">
        <v>4</v>
      </c>
      <c r="B9" s="36">
        <v>3</v>
      </c>
      <c r="C9" s="38">
        <v>5</v>
      </c>
      <c r="D9" s="40">
        <v>8</v>
      </c>
    </row>
    <row r="10" spans="1:10" ht="18" customHeight="1" x14ac:dyDescent="0.2">
      <c r="A10" s="31" t="s">
        <v>48</v>
      </c>
      <c r="B10" s="27">
        <v>17</v>
      </c>
      <c r="C10" s="28">
        <v>22</v>
      </c>
      <c r="D10" s="29">
        <v>39</v>
      </c>
    </row>
    <row r="11" spans="1:10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10" ht="18" customHeight="1" x14ac:dyDescent="0.2">
      <c r="A12" s="31">
        <v>6</v>
      </c>
      <c r="B12" s="35">
        <v>6</v>
      </c>
      <c r="C12" s="28">
        <v>5</v>
      </c>
      <c r="D12" s="29">
        <v>11</v>
      </c>
    </row>
    <row r="13" spans="1:10" ht="18" customHeight="1" x14ac:dyDescent="0.2">
      <c r="A13" s="31">
        <v>7</v>
      </c>
      <c r="B13" s="35">
        <v>1</v>
      </c>
      <c r="C13" s="28">
        <v>5</v>
      </c>
      <c r="D13" s="29">
        <v>6</v>
      </c>
    </row>
    <row r="14" spans="1:10" ht="18" customHeight="1" x14ac:dyDescent="0.2">
      <c r="A14" s="31">
        <v>8</v>
      </c>
      <c r="B14" s="35">
        <v>5</v>
      </c>
      <c r="C14" s="28">
        <v>6</v>
      </c>
      <c r="D14" s="29">
        <v>11</v>
      </c>
    </row>
    <row r="15" spans="1:10" ht="18" customHeight="1" x14ac:dyDescent="0.2">
      <c r="A15" s="31">
        <v>9</v>
      </c>
      <c r="B15" s="35">
        <v>1</v>
      </c>
      <c r="C15" s="28">
        <v>5</v>
      </c>
      <c r="D15" s="29">
        <v>6</v>
      </c>
    </row>
    <row r="16" spans="1:10" ht="18" customHeight="1" x14ac:dyDescent="0.2">
      <c r="A16" s="31" t="s">
        <v>49</v>
      </c>
      <c r="B16" s="27">
        <v>17</v>
      </c>
      <c r="C16" s="28">
        <v>24</v>
      </c>
      <c r="D16" s="29">
        <v>41</v>
      </c>
    </row>
    <row r="17" spans="1:4" ht="18" customHeight="1" x14ac:dyDescent="0.2">
      <c r="A17" s="31">
        <v>10</v>
      </c>
      <c r="B17" s="27">
        <v>9</v>
      </c>
      <c r="C17" s="28">
        <v>8</v>
      </c>
      <c r="D17" s="29">
        <v>17</v>
      </c>
    </row>
    <row r="18" spans="1:4" ht="18" customHeight="1" x14ac:dyDescent="0.2">
      <c r="A18" s="31">
        <v>11</v>
      </c>
      <c r="B18" s="27">
        <v>2</v>
      </c>
      <c r="C18" s="28">
        <v>4</v>
      </c>
      <c r="D18" s="29">
        <v>6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5</v>
      </c>
      <c r="C20" s="28">
        <v>6</v>
      </c>
      <c r="D20" s="29">
        <v>11</v>
      </c>
    </row>
    <row r="21" spans="1:4" ht="18" customHeight="1" x14ac:dyDescent="0.2">
      <c r="A21" s="31">
        <v>14</v>
      </c>
      <c r="B21" s="27">
        <v>6</v>
      </c>
      <c r="C21" s="28">
        <v>6</v>
      </c>
      <c r="D21" s="29">
        <v>12</v>
      </c>
    </row>
    <row r="22" spans="1:4" ht="18" customHeight="1" x14ac:dyDescent="0.2">
      <c r="A22" s="31" t="s">
        <v>50</v>
      </c>
      <c r="B22" s="27">
        <v>29</v>
      </c>
      <c r="C22" s="28">
        <v>29</v>
      </c>
      <c r="D22" s="29">
        <v>58</v>
      </c>
    </row>
    <row r="23" spans="1:4" ht="18" customHeight="1" x14ac:dyDescent="0.2">
      <c r="A23" s="31" t="s">
        <v>51</v>
      </c>
      <c r="B23" s="27">
        <v>63</v>
      </c>
      <c r="C23" s="28">
        <v>75</v>
      </c>
      <c r="D23" s="29">
        <v>138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4</v>
      </c>
      <c r="C25" s="28">
        <v>10</v>
      </c>
      <c r="D25" s="29">
        <v>14</v>
      </c>
    </row>
    <row r="26" spans="1:4" ht="18" customHeight="1" x14ac:dyDescent="0.2">
      <c r="A26" s="31">
        <v>17</v>
      </c>
      <c r="B26" s="27">
        <v>5</v>
      </c>
      <c r="C26" s="28">
        <v>6</v>
      </c>
      <c r="D26" s="29">
        <v>11</v>
      </c>
    </row>
    <row r="27" spans="1:4" ht="18" customHeight="1" x14ac:dyDescent="0.2">
      <c r="A27" s="31">
        <v>18</v>
      </c>
      <c r="B27" s="27">
        <v>5</v>
      </c>
      <c r="C27" s="28">
        <v>8</v>
      </c>
      <c r="D27" s="29">
        <v>13</v>
      </c>
    </row>
    <row r="28" spans="1:4" ht="18" customHeight="1" x14ac:dyDescent="0.2">
      <c r="A28" s="31">
        <v>19</v>
      </c>
      <c r="B28" s="27">
        <v>5</v>
      </c>
      <c r="C28" s="28">
        <v>6</v>
      </c>
      <c r="D28" s="29">
        <v>11</v>
      </c>
    </row>
    <row r="29" spans="1:4" ht="18" customHeight="1" x14ac:dyDescent="0.2">
      <c r="A29" s="31" t="s">
        <v>52</v>
      </c>
      <c r="B29" s="27">
        <v>26</v>
      </c>
      <c r="C29" s="28">
        <v>36</v>
      </c>
      <c r="D29" s="29">
        <v>62</v>
      </c>
    </row>
    <row r="30" spans="1:4" ht="18" customHeight="1" x14ac:dyDescent="0.2">
      <c r="A30" s="31">
        <v>20</v>
      </c>
      <c r="B30" s="27">
        <v>6</v>
      </c>
      <c r="C30" s="28">
        <v>4</v>
      </c>
      <c r="D30" s="29">
        <v>10</v>
      </c>
    </row>
    <row r="31" spans="1:4" ht="18" customHeight="1" x14ac:dyDescent="0.2">
      <c r="A31" s="31">
        <v>21</v>
      </c>
      <c r="B31" s="27">
        <v>6</v>
      </c>
      <c r="C31" s="28">
        <v>6</v>
      </c>
      <c r="D31" s="29">
        <v>12</v>
      </c>
    </row>
    <row r="32" spans="1:4" ht="18" customHeight="1" x14ac:dyDescent="0.2">
      <c r="A32" s="31">
        <v>22</v>
      </c>
      <c r="B32" s="27">
        <v>4</v>
      </c>
      <c r="C32" s="28">
        <v>4</v>
      </c>
      <c r="D32" s="29">
        <v>8</v>
      </c>
    </row>
    <row r="33" spans="1:4" ht="18" customHeight="1" x14ac:dyDescent="0.2">
      <c r="A33" s="31">
        <v>23</v>
      </c>
      <c r="B33" s="27">
        <v>6</v>
      </c>
      <c r="C33" s="28">
        <v>3</v>
      </c>
      <c r="D33" s="29">
        <v>9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53</v>
      </c>
      <c r="B35" s="27">
        <v>25</v>
      </c>
      <c r="C35" s="28">
        <v>19</v>
      </c>
      <c r="D35" s="29">
        <v>44</v>
      </c>
    </row>
    <row r="36" spans="1:4" ht="18" customHeight="1" x14ac:dyDescent="0.2">
      <c r="A36" s="31">
        <v>25</v>
      </c>
      <c r="B36" s="27">
        <v>4</v>
      </c>
      <c r="C36" s="28">
        <v>3</v>
      </c>
      <c r="D36" s="29">
        <v>7</v>
      </c>
    </row>
    <row r="37" spans="1:4" ht="18" customHeight="1" x14ac:dyDescent="0.2">
      <c r="A37" s="31">
        <v>26</v>
      </c>
      <c r="B37" s="27">
        <v>2</v>
      </c>
      <c r="C37" s="28">
        <v>4</v>
      </c>
      <c r="D37" s="29">
        <v>6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0</v>
      </c>
      <c r="C39" s="28">
        <v>7</v>
      </c>
      <c r="D39" s="29">
        <v>7</v>
      </c>
    </row>
    <row r="40" spans="1:4" ht="18" customHeight="1" x14ac:dyDescent="0.2">
      <c r="A40" s="31">
        <v>29</v>
      </c>
      <c r="B40" s="27">
        <v>6</v>
      </c>
      <c r="C40" s="28">
        <v>4</v>
      </c>
      <c r="D40" s="29">
        <v>10</v>
      </c>
    </row>
    <row r="41" spans="1:4" ht="18" customHeight="1" x14ac:dyDescent="0.2">
      <c r="A41" s="31" t="s">
        <v>54</v>
      </c>
      <c r="B41" s="27">
        <v>17</v>
      </c>
      <c r="C41" s="28">
        <v>20</v>
      </c>
      <c r="D41" s="29">
        <v>37</v>
      </c>
    </row>
    <row r="42" spans="1:4" ht="18" customHeight="1" x14ac:dyDescent="0.2">
      <c r="A42" s="31">
        <v>30</v>
      </c>
      <c r="B42" s="27">
        <v>5</v>
      </c>
      <c r="C42" s="28">
        <v>6</v>
      </c>
      <c r="D42" s="29">
        <v>11</v>
      </c>
    </row>
    <row r="43" spans="1:4" ht="18" customHeight="1" x14ac:dyDescent="0.2">
      <c r="A43" s="31">
        <v>31</v>
      </c>
      <c r="B43" s="27">
        <v>6</v>
      </c>
      <c r="C43" s="28">
        <v>3</v>
      </c>
      <c r="D43" s="29">
        <v>9</v>
      </c>
    </row>
    <row r="44" spans="1:4" ht="18" customHeight="1" x14ac:dyDescent="0.2">
      <c r="A44" s="31">
        <v>32</v>
      </c>
      <c r="B44" s="27">
        <v>5</v>
      </c>
      <c r="C44" s="28">
        <v>3</v>
      </c>
      <c r="D44" s="29">
        <v>8</v>
      </c>
    </row>
    <row r="45" spans="1:4" ht="18" customHeight="1" x14ac:dyDescent="0.2">
      <c r="A45" s="31">
        <v>33</v>
      </c>
      <c r="B45" s="27">
        <v>2</v>
      </c>
      <c r="C45" s="28">
        <v>13</v>
      </c>
      <c r="D45" s="29">
        <v>15</v>
      </c>
    </row>
    <row r="46" spans="1:4" ht="18" customHeight="1" x14ac:dyDescent="0.2">
      <c r="A46" s="31">
        <v>34</v>
      </c>
      <c r="B46" s="27">
        <v>3</v>
      </c>
      <c r="C46" s="28">
        <v>6</v>
      </c>
      <c r="D46" s="29">
        <v>9</v>
      </c>
    </row>
    <row r="47" spans="1:4" ht="18" customHeight="1" x14ac:dyDescent="0.2">
      <c r="A47" s="31" t="s">
        <v>55</v>
      </c>
      <c r="B47" s="27">
        <v>21</v>
      </c>
      <c r="C47" s="28">
        <v>31</v>
      </c>
      <c r="D47" s="29">
        <v>52</v>
      </c>
    </row>
    <row r="48" spans="1:4" ht="18" customHeight="1" x14ac:dyDescent="0.2">
      <c r="A48" s="31">
        <v>35</v>
      </c>
      <c r="B48" s="27">
        <v>5</v>
      </c>
      <c r="C48" s="28">
        <v>2</v>
      </c>
      <c r="D48" s="29">
        <v>7</v>
      </c>
    </row>
    <row r="49" spans="1:4" ht="18" customHeight="1" x14ac:dyDescent="0.2">
      <c r="A49" s="31">
        <v>36</v>
      </c>
      <c r="B49" s="27">
        <v>9</v>
      </c>
      <c r="C49" s="28">
        <v>7</v>
      </c>
      <c r="D49" s="29">
        <v>16</v>
      </c>
    </row>
    <row r="50" spans="1:4" ht="18" customHeight="1" x14ac:dyDescent="0.2">
      <c r="A50" s="31">
        <v>37</v>
      </c>
      <c r="B50" s="27">
        <v>5</v>
      </c>
      <c r="C50" s="28">
        <v>7</v>
      </c>
      <c r="D50" s="29">
        <v>12</v>
      </c>
    </row>
    <row r="51" spans="1:4" ht="18" customHeight="1" x14ac:dyDescent="0.2">
      <c r="A51" s="31">
        <v>38</v>
      </c>
      <c r="B51" s="27">
        <v>7</v>
      </c>
      <c r="C51" s="28">
        <v>7</v>
      </c>
      <c r="D51" s="29">
        <v>14</v>
      </c>
    </row>
    <row r="52" spans="1:4" ht="18" customHeight="1" x14ac:dyDescent="0.2">
      <c r="A52" s="31">
        <v>39</v>
      </c>
      <c r="B52" s="27">
        <v>5</v>
      </c>
      <c r="C52" s="28">
        <v>6</v>
      </c>
      <c r="D52" s="29">
        <v>11</v>
      </c>
    </row>
    <row r="53" spans="1:4" ht="18" customHeight="1" x14ac:dyDescent="0.2">
      <c r="A53" s="31" t="s">
        <v>56</v>
      </c>
      <c r="B53" s="27">
        <v>31</v>
      </c>
      <c r="C53" s="28">
        <v>29</v>
      </c>
      <c r="D53" s="29">
        <v>60</v>
      </c>
    </row>
    <row r="54" spans="1:4" ht="18" customHeight="1" x14ac:dyDescent="0.2">
      <c r="A54" s="31">
        <v>40</v>
      </c>
      <c r="B54" s="27">
        <v>7</v>
      </c>
      <c r="C54" s="28">
        <v>8</v>
      </c>
      <c r="D54" s="29">
        <v>15</v>
      </c>
    </row>
    <row r="55" spans="1:4" ht="18" customHeight="1" x14ac:dyDescent="0.2">
      <c r="A55" s="31">
        <v>41</v>
      </c>
      <c r="B55" s="27">
        <v>4</v>
      </c>
      <c r="C55" s="28">
        <v>6</v>
      </c>
      <c r="D55" s="29">
        <v>10</v>
      </c>
    </row>
    <row r="56" spans="1:4" ht="18" customHeight="1" x14ac:dyDescent="0.2">
      <c r="A56" s="31">
        <v>42</v>
      </c>
      <c r="B56" s="27">
        <v>6</v>
      </c>
      <c r="C56" s="28">
        <v>11</v>
      </c>
      <c r="D56" s="29">
        <v>17</v>
      </c>
    </row>
    <row r="57" spans="1:4" ht="18" customHeight="1" x14ac:dyDescent="0.2">
      <c r="A57" s="31">
        <v>43</v>
      </c>
      <c r="B57" s="27">
        <v>11</v>
      </c>
      <c r="C57" s="28">
        <v>10</v>
      </c>
      <c r="D57" s="29">
        <v>21</v>
      </c>
    </row>
    <row r="58" spans="1:4" ht="18" customHeight="1" x14ac:dyDescent="0.2">
      <c r="A58" s="31">
        <v>44</v>
      </c>
      <c r="B58" s="27">
        <v>12</v>
      </c>
      <c r="C58" s="28">
        <v>6</v>
      </c>
      <c r="D58" s="29">
        <v>18</v>
      </c>
    </row>
    <row r="59" spans="1:4" ht="18" customHeight="1" x14ac:dyDescent="0.2">
      <c r="A59" s="31" t="s">
        <v>57</v>
      </c>
      <c r="B59" s="27">
        <v>40</v>
      </c>
      <c r="C59" s="28">
        <v>41</v>
      </c>
      <c r="D59" s="29">
        <v>81</v>
      </c>
    </row>
    <row r="60" spans="1:4" ht="18" customHeight="1" x14ac:dyDescent="0.2">
      <c r="A60" s="31">
        <v>45</v>
      </c>
      <c r="B60" s="27">
        <v>11</v>
      </c>
      <c r="C60" s="28">
        <v>7</v>
      </c>
      <c r="D60" s="29">
        <v>18</v>
      </c>
    </row>
    <row r="61" spans="1:4" ht="18" customHeight="1" x14ac:dyDescent="0.2">
      <c r="A61" s="31">
        <v>46</v>
      </c>
      <c r="B61" s="27">
        <v>8</v>
      </c>
      <c r="C61" s="28">
        <v>10</v>
      </c>
      <c r="D61" s="29">
        <v>18</v>
      </c>
    </row>
    <row r="62" spans="1:4" ht="18" customHeight="1" x14ac:dyDescent="0.2">
      <c r="A62" s="31">
        <v>47</v>
      </c>
      <c r="B62" s="27">
        <v>8</v>
      </c>
      <c r="C62" s="28">
        <v>9</v>
      </c>
      <c r="D62" s="29">
        <v>17</v>
      </c>
    </row>
    <row r="63" spans="1:4" ht="18" customHeight="1" x14ac:dyDescent="0.2">
      <c r="A63" s="31">
        <v>48</v>
      </c>
      <c r="B63" s="27">
        <v>8</v>
      </c>
      <c r="C63" s="28">
        <v>11</v>
      </c>
      <c r="D63" s="29">
        <v>19</v>
      </c>
    </row>
    <row r="64" spans="1:4" ht="18" customHeight="1" x14ac:dyDescent="0.2">
      <c r="A64" s="31">
        <v>49</v>
      </c>
      <c r="B64" s="27">
        <v>6</v>
      </c>
      <c r="C64" s="28">
        <v>5</v>
      </c>
      <c r="D64" s="29">
        <v>11</v>
      </c>
    </row>
    <row r="65" spans="1:4" ht="18" customHeight="1" x14ac:dyDescent="0.2">
      <c r="A65" s="31" t="s">
        <v>58</v>
      </c>
      <c r="B65" s="27">
        <v>41</v>
      </c>
      <c r="C65" s="28">
        <v>42</v>
      </c>
      <c r="D65" s="29">
        <v>83</v>
      </c>
    </row>
    <row r="66" spans="1:4" ht="18" customHeight="1" x14ac:dyDescent="0.2">
      <c r="A66" s="31">
        <v>50</v>
      </c>
      <c r="B66" s="27">
        <v>5</v>
      </c>
      <c r="C66" s="28">
        <v>9</v>
      </c>
      <c r="D66" s="29">
        <v>14</v>
      </c>
    </row>
    <row r="67" spans="1:4" ht="18" customHeight="1" x14ac:dyDescent="0.2">
      <c r="A67" s="31">
        <v>51</v>
      </c>
      <c r="B67" s="27">
        <v>8</v>
      </c>
      <c r="C67" s="28">
        <v>5</v>
      </c>
      <c r="D67" s="29">
        <v>13</v>
      </c>
    </row>
    <row r="68" spans="1:4" ht="18" customHeight="1" x14ac:dyDescent="0.2">
      <c r="A68" s="31">
        <v>52</v>
      </c>
      <c r="B68" s="27">
        <v>3</v>
      </c>
      <c r="C68" s="28">
        <v>8</v>
      </c>
      <c r="D68" s="29">
        <v>11</v>
      </c>
    </row>
    <row r="69" spans="1:4" ht="18" customHeight="1" x14ac:dyDescent="0.2">
      <c r="A69" s="31">
        <v>53</v>
      </c>
      <c r="B69" s="27">
        <v>6</v>
      </c>
      <c r="C69" s="28">
        <v>7</v>
      </c>
      <c r="D69" s="29">
        <v>13</v>
      </c>
    </row>
    <row r="70" spans="1:4" ht="18" customHeight="1" x14ac:dyDescent="0.2">
      <c r="A70" s="31">
        <v>54</v>
      </c>
      <c r="B70" s="27">
        <v>16</v>
      </c>
      <c r="C70" s="28">
        <v>5</v>
      </c>
      <c r="D70" s="29">
        <v>21</v>
      </c>
    </row>
    <row r="71" spans="1:4" ht="18" customHeight="1" x14ac:dyDescent="0.2">
      <c r="A71" s="31" t="s">
        <v>59</v>
      </c>
      <c r="B71" s="27">
        <v>38</v>
      </c>
      <c r="C71" s="28">
        <v>34</v>
      </c>
      <c r="D71" s="29">
        <v>72</v>
      </c>
    </row>
    <row r="72" spans="1:4" ht="18" customHeight="1" x14ac:dyDescent="0.2">
      <c r="A72" s="31">
        <v>55</v>
      </c>
      <c r="B72" s="27">
        <v>6</v>
      </c>
      <c r="C72" s="28">
        <v>4</v>
      </c>
      <c r="D72" s="29">
        <v>10</v>
      </c>
    </row>
    <row r="73" spans="1:4" ht="18" customHeight="1" x14ac:dyDescent="0.2">
      <c r="A73" s="31">
        <v>56</v>
      </c>
      <c r="B73" s="27">
        <v>4</v>
      </c>
      <c r="C73" s="28">
        <v>5</v>
      </c>
      <c r="D73" s="29">
        <v>9</v>
      </c>
    </row>
    <row r="74" spans="1:4" ht="18" customHeight="1" x14ac:dyDescent="0.2">
      <c r="A74" s="31">
        <v>57</v>
      </c>
      <c r="B74" s="27">
        <v>7</v>
      </c>
      <c r="C74" s="28">
        <v>9</v>
      </c>
      <c r="D74" s="29">
        <v>16</v>
      </c>
    </row>
    <row r="75" spans="1:4" ht="18" customHeight="1" x14ac:dyDescent="0.2">
      <c r="A75" s="31">
        <v>58</v>
      </c>
      <c r="B75" s="27">
        <v>9</v>
      </c>
      <c r="C75" s="28">
        <v>6</v>
      </c>
      <c r="D75" s="29">
        <v>15</v>
      </c>
    </row>
    <row r="76" spans="1:4" ht="18" customHeight="1" x14ac:dyDescent="0.2">
      <c r="A76" s="31">
        <v>59</v>
      </c>
      <c r="B76" s="27">
        <v>12</v>
      </c>
      <c r="C76" s="28">
        <v>13</v>
      </c>
      <c r="D76" s="29">
        <v>25</v>
      </c>
    </row>
    <row r="77" spans="1:4" ht="18" customHeight="1" x14ac:dyDescent="0.2">
      <c r="A77" s="31" t="s">
        <v>60</v>
      </c>
      <c r="B77" s="27">
        <v>38</v>
      </c>
      <c r="C77" s="28">
        <v>37</v>
      </c>
      <c r="D77" s="29">
        <v>75</v>
      </c>
    </row>
    <row r="78" spans="1:4" ht="18" customHeight="1" x14ac:dyDescent="0.2">
      <c r="A78" s="31">
        <v>60</v>
      </c>
      <c r="B78" s="27">
        <v>9</v>
      </c>
      <c r="C78" s="28">
        <v>14</v>
      </c>
      <c r="D78" s="29">
        <v>23</v>
      </c>
    </row>
    <row r="79" spans="1:4" ht="18" customHeight="1" x14ac:dyDescent="0.2">
      <c r="A79" s="31">
        <v>61</v>
      </c>
      <c r="B79" s="27">
        <v>11</v>
      </c>
      <c r="C79" s="28">
        <v>7</v>
      </c>
      <c r="D79" s="29">
        <v>18</v>
      </c>
    </row>
    <row r="80" spans="1:4" ht="18" customHeight="1" x14ac:dyDescent="0.2">
      <c r="A80" s="31">
        <v>62</v>
      </c>
      <c r="B80" s="27">
        <v>6</v>
      </c>
      <c r="C80" s="28">
        <v>5</v>
      </c>
      <c r="D80" s="29">
        <v>11</v>
      </c>
    </row>
    <row r="81" spans="1:4" ht="18" customHeight="1" x14ac:dyDescent="0.2">
      <c r="A81" s="31">
        <v>63</v>
      </c>
      <c r="B81" s="27">
        <v>12</v>
      </c>
      <c r="C81" s="28">
        <v>9</v>
      </c>
      <c r="D81" s="29">
        <v>21</v>
      </c>
    </row>
    <row r="82" spans="1:4" ht="18" customHeight="1" x14ac:dyDescent="0.2">
      <c r="A82" s="31">
        <v>64</v>
      </c>
      <c r="B82" s="27">
        <v>16</v>
      </c>
      <c r="C82" s="28">
        <v>12</v>
      </c>
      <c r="D82" s="29">
        <v>28</v>
      </c>
    </row>
    <row r="83" spans="1:4" ht="18" customHeight="1" x14ac:dyDescent="0.2">
      <c r="A83" s="31" t="s">
        <v>61</v>
      </c>
      <c r="B83" s="27">
        <v>54</v>
      </c>
      <c r="C83" s="28">
        <v>47</v>
      </c>
      <c r="D83" s="29">
        <v>101</v>
      </c>
    </row>
    <row r="84" spans="1:4" ht="18" customHeight="1" x14ac:dyDescent="0.2">
      <c r="A84" s="31" t="s">
        <v>62</v>
      </c>
      <c r="B84" s="27">
        <v>331</v>
      </c>
      <c r="C84" s="28">
        <v>336</v>
      </c>
      <c r="D84" s="29">
        <v>667</v>
      </c>
    </row>
    <row r="85" spans="1:4" ht="18" customHeight="1" x14ac:dyDescent="0.2">
      <c r="A85" s="31">
        <v>65</v>
      </c>
      <c r="B85" s="27">
        <v>11</v>
      </c>
      <c r="C85" s="28">
        <v>10</v>
      </c>
      <c r="D85" s="29">
        <v>21</v>
      </c>
    </row>
    <row r="86" spans="1:4" ht="18" customHeight="1" x14ac:dyDescent="0.2">
      <c r="A86" s="31">
        <v>66</v>
      </c>
      <c r="B86" s="27">
        <v>13</v>
      </c>
      <c r="C86" s="28">
        <v>13</v>
      </c>
      <c r="D86" s="29">
        <v>26</v>
      </c>
    </row>
    <row r="87" spans="1:4" ht="18" customHeight="1" x14ac:dyDescent="0.2">
      <c r="A87" s="31">
        <v>67</v>
      </c>
      <c r="B87" s="27">
        <v>16</v>
      </c>
      <c r="C87" s="28">
        <v>7</v>
      </c>
      <c r="D87" s="29">
        <v>23</v>
      </c>
    </row>
    <row r="88" spans="1:4" ht="18" customHeight="1" x14ac:dyDescent="0.2">
      <c r="A88" s="31">
        <v>68</v>
      </c>
      <c r="B88" s="27">
        <v>6</v>
      </c>
      <c r="C88" s="28">
        <v>9</v>
      </c>
      <c r="D88" s="29">
        <v>15</v>
      </c>
    </row>
    <row r="89" spans="1:4" ht="18" customHeight="1" x14ac:dyDescent="0.2">
      <c r="A89" s="31">
        <v>69</v>
      </c>
      <c r="B89" s="27">
        <v>10</v>
      </c>
      <c r="C89" s="28">
        <v>16</v>
      </c>
      <c r="D89" s="29">
        <v>26</v>
      </c>
    </row>
    <row r="90" spans="1:4" ht="18" customHeight="1" x14ac:dyDescent="0.2">
      <c r="A90" s="31" t="s">
        <v>63</v>
      </c>
      <c r="B90" s="27">
        <v>56</v>
      </c>
      <c r="C90" s="28">
        <v>55</v>
      </c>
      <c r="D90" s="29">
        <v>111</v>
      </c>
    </row>
    <row r="91" spans="1:4" ht="18" customHeight="1" x14ac:dyDescent="0.2">
      <c r="A91" s="31">
        <v>70</v>
      </c>
      <c r="B91" s="27">
        <v>14</v>
      </c>
      <c r="C91" s="28">
        <v>10</v>
      </c>
      <c r="D91" s="29">
        <v>24</v>
      </c>
    </row>
    <row r="92" spans="1:4" ht="18" customHeight="1" x14ac:dyDescent="0.2">
      <c r="A92" s="31">
        <v>71</v>
      </c>
      <c r="B92" s="27">
        <v>13</v>
      </c>
      <c r="C92" s="28">
        <v>16</v>
      </c>
      <c r="D92" s="29">
        <v>29</v>
      </c>
    </row>
    <row r="93" spans="1:4" ht="18" customHeight="1" x14ac:dyDescent="0.2">
      <c r="A93" s="31">
        <v>72</v>
      </c>
      <c r="B93" s="27">
        <v>9</v>
      </c>
      <c r="C93" s="28">
        <v>6</v>
      </c>
      <c r="D93" s="29">
        <v>15</v>
      </c>
    </row>
    <row r="94" spans="1:4" ht="18" customHeight="1" x14ac:dyDescent="0.2">
      <c r="A94" s="31">
        <v>73</v>
      </c>
      <c r="B94" s="27">
        <v>5</v>
      </c>
      <c r="C94" s="28">
        <v>6</v>
      </c>
      <c r="D94" s="29">
        <v>11</v>
      </c>
    </row>
    <row r="95" spans="1:4" ht="18" customHeight="1" x14ac:dyDescent="0.2">
      <c r="A95" s="31">
        <v>74</v>
      </c>
      <c r="B95" s="27">
        <v>5</v>
      </c>
      <c r="C95" s="28">
        <v>10</v>
      </c>
      <c r="D95" s="29">
        <v>15</v>
      </c>
    </row>
    <row r="96" spans="1:4" ht="18" customHeight="1" x14ac:dyDescent="0.2">
      <c r="A96" s="31" t="s">
        <v>64</v>
      </c>
      <c r="B96" s="27">
        <v>46</v>
      </c>
      <c r="C96" s="28">
        <v>48</v>
      </c>
      <c r="D96" s="29">
        <v>94</v>
      </c>
    </row>
    <row r="97" spans="1:4" ht="18" customHeight="1" x14ac:dyDescent="0.2">
      <c r="A97" s="31">
        <v>75</v>
      </c>
      <c r="B97" s="27">
        <v>6</v>
      </c>
      <c r="C97" s="28">
        <v>8</v>
      </c>
      <c r="D97" s="29">
        <v>14</v>
      </c>
    </row>
    <row r="98" spans="1:4" ht="18" customHeight="1" x14ac:dyDescent="0.2">
      <c r="A98" s="31">
        <v>76</v>
      </c>
      <c r="B98" s="27">
        <v>3</v>
      </c>
      <c r="C98" s="28">
        <v>6</v>
      </c>
      <c r="D98" s="29">
        <v>9</v>
      </c>
    </row>
    <row r="99" spans="1:4" ht="18" customHeight="1" x14ac:dyDescent="0.2">
      <c r="A99" s="31">
        <v>77</v>
      </c>
      <c r="B99" s="27">
        <v>9</v>
      </c>
      <c r="C99" s="28">
        <v>10</v>
      </c>
      <c r="D99" s="29">
        <v>19</v>
      </c>
    </row>
    <row r="100" spans="1:4" ht="18" customHeight="1" x14ac:dyDescent="0.2">
      <c r="A100" s="31">
        <v>78</v>
      </c>
      <c r="B100" s="27">
        <v>7</v>
      </c>
      <c r="C100" s="28">
        <v>6</v>
      </c>
      <c r="D100" s="29">
        <v>13</v>
      </c>
    </row>
    <row r="101" spans="1:4" ht="18" customHeight="1" x14ac:dyDescent="0.2">
      <c r="A101" s="31">
        <v>79</v>
      </c>
      <c r="B101" s="27">
        <v>2</v>
      </c>
      <c r="C101" s="28">
        <v>7</v>
      </c>
      <c r="D101" s="29">
        <v>9</v>
      </c>
    </row>
    <row r="102" spans="1:4" ht="18" customHeight="1" x14ac:dyDescent="0.2">
      <c r="A102" s="31" t="s">
        <v>65</v>
      </c>
      <c r="B102" s="27">
        <v>27</v>
      </c>
      <c r="C102" s="28">
        <v>37</v>
      </c>
      <c r="D102" s="29">
        <v>64</v>
      </c>
    </row>
    <row r="103" spans="1:4" ht="18" customHeight="1" x14ac:dyDescent="0.2">
      <c r="A103" s="31">
        <v>80</v>
      </c>
      <c r="B103" s="27">
        <v>8</v>
      </c>
      <c r="C103" s="28">
        <v>11</v>
      </c>
      <c r="D103" s="29">
        <v>19</v>
      </c>
    </row>
    <row r="104" spans="1:4" ht="18" customHeight="1" x14ac:dyDescent="0.2">
      <c r="A104" s="31">
        <v>81</v>
      </c>
      <c r="B104" s="27">
        <v>8</v>
      </c>
      <c r="C104" s="28">
        <v>4</v>
      </c>
      <c r="D104" s="29">
        <v>12</v>
      </c>
    </row>
    <row r="105" spans="1:4" ht="18" customHeight="1" x14ac:dyDescent="0.2">
      <c r="A105" s="31">
        <v>82</v>
      </c>
      <c r="B105" s="27">
        <v>9</v>
      </c>
      <c r="C105" s="28">
        <v>9</v>
      </c>
      <c r="D105" s="29">
        <v>18</v>
      </c>
    </row>
    <row r="106" spans="1:4" ht="18" customHeight="1" x14ac:dyDescent="0.2">
      <c r="A106" s="31">
        <v>83</v>
      </c>
      <c r="B106" s="27">
        <v>6</v>
      </c>
      <c r="C106" s="28">
        <v>5</v>
      </c>
      <c r="D106" s="29">
        <v>11</v>
      </c>
    </row>
    <row r="107" spans="1:4" ht="18" customHeight="1" x14ac:dyDescent="0.2">
      <c r="A107" s="31">
        <v>84</v>
      </c>
      <c r="B107" s="27">
        <v>5</v>
      </c>
      <c r="C107" s="28">
        <v>10</v>
      </c>
      <c r="D107" s="29">
        <v>15</v>
      </c>
    </row>
    <row r="108" spans="1:4" ht="18" customHeight="1" x14ac:dyDescent="0.2">
      <c r="A108" s="31" t="s">
        <v>66</v>
      </c>
      <c r="B108" s="27">
        <v>36</v>
      </c>
      <c r="C108" s="28">
        <v>39</v>
      </c>
      <c r="D108" s="29">
        <v>75</v>
      </c>
    </row>
    <row r="109" spans="1:4" ht="18" customHeight="1" x14ac:dyDescent="0.2">
      <c r="A109" s="31">
        <v>85</v>
      </c>
      <c r="B109" s="27">
        <v>11</v>
      </c>
      <c r="C109" s="28">
        <v>3</v>
      </c>
      <c r="D109" s="29">
        <v>14</v>
      </c>
    </row>
    <row r="110" spans="1:4" ht="18" customHeight="1" x14ac:dyDescent="0.2">
      <c r="A110" s="31">
        <v>86</v>
      </c>
      <c r="B110" s="27">
        <v>4</v>
      </c>
      <c r="C110" s="28">
        <v>13</v>
      </c>
      <c r="D110" s="29">
        <v>17</v>
      </c>
    </row>
    <row r="111" spans="1:4" ht="18" customHeight="1" x14ac:dyDescent="0.2">
      <c r="A111" s="31">
        <v>87</v>
      </c>
      <c r="B111" s="27">
        <v>2</v>
      </c>
      <c r="C111" s="28">
        <v>11</v>
      </c>
      <c r="D111" s="29">
        <v>13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5</v>
      </c>
      <c r="C113" s="28">
        <v>5</v>
      </c>
      <c r="D113" s="29">
        <v>10</v>
      </c>
    </row>
    <row r="114" spans="1:4" ht="18" customHeight="1" x14ac:dyDescent="0.2">
      <c r="A114" s="31" t="s">
        <v>67</v>
      </c>
      <c r="B114" s="27">
        <v>23</v>
      </c>
      <c r="C114" s="28">
        <v>38</v>
      </c>
      <c r="D114" s="29">
        <v>61</v>
      </c>
    </row>
    <row r="115" spans="1:4" ht="18" customHeight="1" x14ac:dyDescent="0.2">
      <c r="A115" s="31">
        <v>90</v>
      </c>
      <c r="B115" s="27">
        <v>2</v>
      </c>
      <c r="C115" s="28">
        <v>7</v>
      </c>
      <c r="D115" s="29">
        <v>9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16</v>
      </c>
      <c r="D120" s="29">
        <v>19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6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93</v>
      </c>
      <c r="C130" s="5">
        <v>239</v>
      </c>
      <c r="D130" s="6">
        <v>432</v>
      </c>
    </row>
    <row r="131" spans="1:4" ht="18" customHeight="1" x14ac:dyDescent="0.2">
      <c r="A131" s="33" t="s">
        <v>47</v>
      </c>
      <c r="B131" s="7">
        <v>587</v>
      </c>
      <c r="C131" s="8">
        <v>650</v>
      </c>
      <c r="D131" s="9">
        <v>123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4</v>
      </c>
      <c r="C5" s="12">
        <v>16</v>
      </c>
      <c r="D5" s="13">
        <v>40</v>
      </c>
    </row>
    <row r="6" spans="1:10" ht="18" customHeight="1" x14ac:dyDescent="0.2">
      <c r="A6" s="14">
        <v>1</v>
      </c>
      <c r="B6" s="15">
        <v>24</v>
      </c>
      <c r="C6" s="16">
        <v>16</v>
      </c>
      <c r="D6" s="17">
        <v>40</v>
      </c>
    </row>
    <row r="7" spans="1:10" ht="18" customHeight="1" x14ac:dyDescent="0.2">
      <c r="A7" s="14">
        <v>2</v>
      </c>
      <c r="B7" s="15">
        <v>11</v>
      </c>
      <c r="C7" s="16">
        <v>18</v>
      </c>
      <c r="D7" s="17">
        <v>29</v>
      </c>
    </row>
    <row r="8" spans="1:10" ht="18" customHeight="1" x14ac:dyDescent="0.2">
      <c r="A8" s="14">
        <v>3</v>
      </c>
      <c r="B8" s="15">
        <v>15</v>
      </c>
      <c r="C8" s="16">
        <v>15</v>
      </c>
      <c r="D8" s="17">
        <v>30</v>
      </c>
    </row>
    <row r="9" spans="1:10" ht="18" customHeight="1" x14ac:dyDescent="0.2">
      <c r="A9" s="14">
        <v>4</v>
      </c>
      <c r="B9" s="15">
        <v>22</v>
      </c>
      <c r="C9" s="16">
        <v>21</v>
      </c>
      <c r="D9" s="17">
        <v>43</v>
      </c>
    </row>
    <row r="10" spans="1:10" ht="18" customHeight="1" x14ac:dyDescent="0.2">
      <c r="A10" s="18" t="s">
        <v>48</v>
      </c>
      <c r="B10" s="15">
        <v>96</v>
      </c>
      <c r="C10" s="16">
        <v>86</v>
      </c>
      <c r="D10" s="17">
        <v>182</v>
      </c>
    </row>
    <row r="11" spans="1:10" ht="18" customHeight="1" x14ac:dyDescent="0.2">
      <c r="A11" s="14">
        <v>5</v>
      </c>
      <c r="B11" s="15">
        <v>20</v>
      </c>
      <c r="C11" s="16">
        <v>11</v>
      </c>
      <c r="D11" s="17">
        <v>31</v>
      </c>
    </row>
    <row r="12" spans="1:10" ht="18" customHeight="1" x14ac:dyDescent="0.2">
      <c r="A12" s="14">
        <v>6</v>
      </c>
      <c r="B12" s="15">
        <v>12</v>
      </c>
      <c r="C12" s="16">
        <v>24</v>
      </c>
      <c r="D12" s="17">
        <v>36</v>
      </c>
    </row>
    <row r="13" spans="1:10" ht="18" customHeight="1" x14ac:dyDescent="0.2">
      <c r="A13" s="14">
        <v>7</v>
      </c>
      <c r="B13" s="15">
        <v>18</v>
      </c>
      <c r="C13" s="16">
        <v>19</v>
      </c>
      <c r="D13" s="17">
        <v>37</v>
      </c>
    </row>
    <row r="14" spans="1:10" ht="18" customHeight="1" x14ac:dyDescent="0.2">
      <c r="A14" s="14">
        <v>8</v>
      </c>
      <c r="B14" s="15">
        <v>18</v>
      </c>
      <c r="C14" s="16">
        <v>13</v>
      </c>
      <c r="D14" s="17">
        <v>31</v>
      </c>
    </row>
    <row r="15" spans="1:10" ht="18" customHeight="1" x14ac:dyDescent="0.2">
      <c r="A15" s="14">
        <v>9</v>
      </c>
      <c r="B15" s="15">
        <v>15</v>
      </c>
      <c r="C15" s="16">
        <v>16</v>
      </c>
      <c r="D15" s="17">
        <v>31</v>
      </c>
    </row>
    <row r="16" spans="1:10" ht="18" customHeight="1" x14ac:dyDescent="0.2">
      <c r="A16" s="18" t="s">
        <v>49</v>
      </c>
      <c r="B16" s="15">
        <v>83</v>
      </c>
      <c r="C16" s="16">
        <v>83</v>
      </c>
      <c r="D16" s="17">
        <v>166</v>
      </c>
    </row>
    <row r="17" spans="1:4" ht="18" customHeight="1" x14ac:dyDescent="0.2">
      <c r="A17" s="14">
        <v>10</v>
      </c>
      <c r="B17" s="15">
        <v>12</v>
      </c>
      <c r="C17" s="16">
        <v>23</v>
      </c>
      <c r="D17" s="17">
        <v>35</v>
      </c>
    </row>
    <row r="18" spans="1:4" ht="18" customHeight="1" x14ac:dyDescent="0.2">
      <c r="A18" s="14">
        <v>11</v>
      </c>
      <c r="B18" s="15">
        <v>17</v>
      </c>
      <c r="C18" s="16">
        <v>20</v>
      </c>
      <c r="D18" s="17">
        <v>37</v>
      </c>
    </row>
    <row r="19" spans="1:4" ht="18" customHeight="1" x14ac:dyDescent="0.2">
      <c r="A19" s="14">
        <v>12</v>
      </c>
      <c r="B19" s="15">
        <v>20</v>
      </c>
      <c r="C19" s="16">
        <v>19</v>
      </c>
      <c r="D19" s="17">
        <v>39</v>
      </c>
    </row>
    <row r="20" spans="1:4" ht="18" customHeight="1" x14ac:dyDescent="0.2">
      <c r="A20" s="14">
        <v>13</v>
      </c>
      <c r="B20" s="15">
        <v>22</v>
      </c>
      <c r="C20" s="16">
        <v>16</v>
      </c>
      <c r="D20" s="17">
        <v>38</v>
      </c>
    </row>
    <row r="21" spans="1:4" ht="18" customHeight="1" x14ac:dyDescent="0.2">
      <c r="A21" s="14">
        <v>14</v>
      </c>
      <c r="B21" s="15">
        <v>15</v>
      </c>
      <c r="C21" s="16">
        <v>20</v>
      </c>
      <c r="D21" s="17">
        <v>35</v>
      </c>
    </row>
    <row r="22" spans="1:4" ht="18" customHeight="1" x14ac:dyDescent="0.2">
      <c r="A22" s="18" t="s">
        <v>50</v>
      </c>
      <c r="B22" s="15">
        <v>86</v>
      </c>
      <c r="C22" s="16">
        <v>98</v>
      </c>
      <c r="D22" s="17">
        <v>184</v>
      </c>
    </row>
    <row r="23" spans="1:4" ht="18" customHeight="1" x14ac:dyDescent="0.2">
      <c r="A23" s="18" t="s">
        <v>51</v>
      </c>
      <c r="B23" s="15">
        <v>265</v>
      </c>
      <c r="C23" s="16">
        <v>267</v>
      </c>
      <c r="D23" s="17">
        <v>532</v>
      </c>
    </row>
    <row r="24" spans="1:4" ht="18" customHeight="1" x14ac:dyDescent="0.2">
      <c r="A24" s="14">
        <v>15</v>
      </c>
      <c r="B24" s="15">
        <v>21</v>
      </c>
      <c r="C24" s="16">
        <v>21</v>
      </c>
      <c r="D24" s="17">
        <v>42</v>
      </c>
    </row>
    <row r="25" spans="1:4" ht="18" customHeight="1" x14ac:dyDescent="0.2">
      <c r="A25" s="14">
        <v>16</v>
      </c>
      <c r="B25" s="15">
        <v>15</v>
      </c>
      <c r="C25" s="16">
        <v>21</v>
      </c>
      <c r="D25" s="17">
        <v>36</v>
      </c>
    </row>
    <row r="26" spans="1:4" ht="18" customHeight="1" x14ac:dyDescent="0.2">
      <c r="A26" s="14">
        <v>17</v>
      </c>
      <c r="B26" s="15">
        <v>25</v>
      </c>
      <c r="C26" s="16">
        <v>21</v>
      </c>
      <c r="D26" s="17">
        <v>46</v>
      </c>
    </row>
    <row r="27" spans="1:4" ht="18" customHeight="1" x14ac:dyDescent="0.2">
      <c r="A27" s="14">
        <v>18</v>
      </c>
      <c r="B27" s="15">
        <v>26</v>
      </c>
      <c r="C27" s="16">
        <v>19</v>
      </c>
      <c r="D27" s="17">
        <v>45</v>
      </c>
    </row>
    <row r="28" spans="1:4" ht="18" customHeight="1" x14ac:dyDescent="0.2">
      <c r="A28" s="14">
        <v>19</v>
      </c>
      <c r="B28" s="15">
        <v>17</v>
      </c>
      <c r="C28" s="16">
        <v>20</v>
      </c>
      <c r="D28" s="17">
        <v>37</v>
      </c>
    </row>
    <row r="29" spans="1:4" ht="18" customHeight="1" x14ac:dyDescent="0.2">
      <c r="A29" s="18" t="s">
        <v>52</v>
      </c>
      <c r="B29" s="15">
        <v>104</v>
      </c>
      <c r="C29" s="16">
        <v>102</v>
      </c>
      <c r="D29" s="17">
        <v>206</v>
      </c>
    </row>
    <row r="30" spans="1:4" ht="18" customHeight="1" x14ac:dyDescent="0.2">
      <c r="A30" s="14">
        <v>20</v>
      </c>
      <c r="B30" s="15">
        <v>30</v>
      </c>
      <c r="C30" s="16">
        <v>19</v>
      </c>
      <c r="D30" s="17">
        <v>49</v>
      </c>
    </row>
    <row r="31" spans="1:4" ht="18" customHeight="1" x14ac:dyDescent="0.2">
      <c r="A31" s="14">
        <v>21</v>
      </c>
      <c r="B31" s="15">
        <v>24</v>
      </c>
      <c r="C31" s="16">
        <v>16</v>
      </c>
      <c r="D31" s="17">
        <v>40</v>
      </c>
    </row>
    <row r="32" spans="1:4" ht="18" customHeight="1" x14ac:dyDescent="0.2">
      <c r="A32" s="14">
        <v>22</v>
      </c>
      <c r="B32" s="15">
        <v>28</v>
      </c>
      <c r="C32" s="16">
        <v>20</v>
      </c>
      <c r="D32" s="17">
        <v>48</v>
      </c>
    </row>
    <row r="33" spans="1:4" ht="18" customHeight="1" x14ac:dyDescent="0.2">
      <c r="A33" s="14">
        <v>23</v>
      </c>
      <c r="B33" s="15">
        <v>31</v>
      </c>
      <c r="C33" s="16">
        <v>26</v>
      </c>
      <c r="D33" s="17">
        <v>57</v>
      </c>
    </row>
    <row r="34" spans="1:4" ht="18" customHeight="1" x14ac:dyDescent="0.2">
      <c r="A34" s="14">
        <v>24</v>
      </c>
      <c r="B34" s="15">
        <v>29</v>
      </c>
      <c r="C34" s="16">
        <v>20</v>
      </c>
      <c r="D34" s="17">
        <v>49</v>
      </c>
    </row>
    <row r="35" spans="1:4" ht="18" customHeight="1" x14ac:dyDescent="0.2">
      <c r="A35" s="18" t="s">
        <v>53</v>
      </c>
      <c r="B35" s="15">
        <v>142</v>
      </c>
      <c r="C35" s="16">
        <v>101</v>
      </c>
      <c r="D35" s="17">
        <v>243</v>
      </c>
    </row>
    <row r="36" spans="1:4" ht="18" customHeight="1" x14ac:dyDescent="0.2">
      <c r="A36" s="14">
        <v>25</v>
      </c>
      <c r="B36" s="15">
        <v>33</v>
      </c>
      <c r="C36" s="16">
        <v>22</v>
      </c>
      <c r="D36" s="17">
        <v>55</v>
      </c>
    </row>
    <row r="37" spans="1:4" ht="18" customHeight="1" x14ac:dyDescent="0.2">
      <c r="A37" s="14">
        <v>26</v>
      </c>
      <c r="B37" s="15">
        <v>28</v>
      </c>
      <c r="C37" s="16">
        <v>21</v>
      </c>
      <c r="D37" s="17">
        <v>49</v>
      </c>
    </row>
    <row r="38" spans="1:4" ht="18" customHeight="1" x14ac:dyDescent="0.2">
      <c r="A38" s="14">
        <v>27</v>
      </c>
      <c r="B38" s="15">
        <v>39</v>
      </c>
      <c r="C38" s="16">
        <v>24</v>
      </c>
      <c r="D38" s="17">
        <v>63</v>
      </c>
    </row>
    <row r="39" spans="1:4" ht="18" customHeight="1" x14ac:dyDescent="0.2">
      <c r="A39" s="14">
        <v>28</v>
      </c>
      <c r="B39" s="15">
        <v>24</v>
      </c>
      <c r="C39" s="16">
        <v>23</v>
      </c>
      <c r="D39" s="17">
        <v>47</v>
      </c>
    </row>
    <row r="40" spans="1:4" ht="18" customHeight="1" x14ac:dyDescent="0.2">
      <c r="A40" s="14">
        <v>29</v>
      </c>
      <c r="B40" s="15">
        <v>36</v>
      </c>
      <c r="C40" s="16">
        <v>21</v>
      </c>
      <c r="D40" s="17">
        <v>57</v>
      </c>
    </row>
    <row r="41" spans="1:4" ht="18" customHeight="1" x14ac:dyDescent="0.2">
      <c r="A41" s="18" t="s">
        <v>54</v>
      </c>
      <c r="B41" s="15">
        <v>160</v>
      </c>
      <c r="C41" s="16">
        <v>111</v>
      </c>
      <c r="D41" s="17">
        <v>271</v>
      </c>
    </row>
    <row r="42" spans="1:4" ht="18" customHeight="1" x14ac:dyDescent="0.2">
      <c r="A42" s="14">
        <v>30</v>
      </c>
      <c r="B42" s="15">
        <v>32</v>
      </c>
      <c r="C42" s="16">
        <v>19</v>
      </c>
      <c r="D42" s="17">
        <v>51</v>
      </c>
    </row>
    <row r="43" spans="1:4" ht="18" customHeight="1" x14ac:dyDescent="0.2">
      <c r="A43" s="14">
        <v>31</v>
      </c>
      <c r="B43" s="15">
        <v>30</v>
      </c>
      <c r="C43" s="16">
        <v>30</v>
      </c>
      <c r="D43" s="17">
        <v>60</v>
      </c>
    </row>
    <row r="44" spans="1:4" ht="18" customHeight="1" x14ac:dyDescent="0.2">
      <c r="A44" s="14">
        <v>32</v>
      </c>
      <c r="B44" s="15">
        <v>25</v>
      </c>
      <c r="C44" s="16">
        <v>38</v>
      </c>
      <c r="D44" s="17">
        <v>63</v>
      </c>
    </row>
    <row r="45" spans="1:4" ht="18" customHeight="1" x14ac:dyDescent="0.2">
      <c r="A45" s="14">
        <v>33</v>
      </c>
      <c r="B45" s="15">
        <v>28</v>
      </c>
      <c r="C45" s="16">
        <v>23</v>
      </c>
      <c r="D45" s="17">
        <v>51</v>
      </c>
    </row>
    <row r="46" spans="1:4" ht="18" customHeight="1" x14ac:dyDescent="0.2">
      <c r="A46" s="14">
        <v>34</v>
      </c>
      <c r="B46" s="15">
        <v>27</v>
      </c>
      <c r="C46" s="16">
        <v>29</v>
      </c>
      <c r="D46" s="17">
        <v>56</v>
      </c>
    </row>
    <row r="47" spans="1:4" ht="18" customHeight="1" x14ac:dyDescent="0.2">
      <c r="A47" s="18" t="s">
        <v>55</v>
      </c>
      <c r="B47" s="15">
        <v>142</v>
      </c>
      <c r="C47" s="16">
        <v>139</v>
      </c>
      <c r="D47" s="17">
        <v>281</v>
      </c>
    </row>
    <row r="48" spans="1:4" ht="18" customHeight="1" x14ac:dyDescent="0.2">
      <c r="A48" s="14">
        <v>35</v>
      </c>
      <c r="B48" s="15">
        <v>34</v>
      </c>
      <c r="C48" s="16">
        <v>29</v>
      </c>
      <c r="D48" s="17">
        <v>63</v>
      </c>
    </row>
    <row r="49" spans="1:4" ht="18" customHeight="1" x14ac:dyDescent="0.2">
      <c r="A49" s="14">
        <v>36</v>
      </c>
      <c r="B49" s="15">
        <v>23</v>
      </c>
      <c r="C49" s="16">
        <v>34</v>
      </c>
      <c r="D49" s="17">
        <v>57</v>
      </c>
    </row>
    <row r="50" spans="1:4" ht="18" customHeight="1" x14ac:dyDescent="0.2">
      <c r="A50" s="14">
        <v>37</v>
      </c>
      <c r="B50" s="15">
        <v>30</v>
      </c>
      <c r="C50" s="16">
        <v>28</v>
      </c>
      <c r="D50" s="17">
        <v>58</v>
      </c>
    </row>
    <row r="51" spans="1:4" ht="18" customHeight="1" x14ac:dyDescent="0.2">
      <c r="A51" s="14">
        <v>38</v>
      </c>
      <c r="B51" s="15">
        <v>29</v>
      </c>
      <c r="C51" s="16">
        <v>35</v>
      </c>
      <c r="D51" s="17">
        <v>64</v>
      </c>
    </row>
    <row r="52" spans="1:4" ht="18" customHeight="1" x14ac:dyDescent="0.2">
      <c r="A52" s="14">
        <v>39</v>
      </c>
      <c r="B52" s="15">
        <v>36</v>
      </c>
      <c r="C52" s="16">
        <v>43</v>
      </c>
      <c r="D52" s="17">
        <v>79</v>
      </c>
    </row>
    <row r="53" spans="1:4" ht="18" customHeight="1" x14ac:dyDescent="0.2">
      <c r="A53" s="18" t="s">
        <v>56</v>
      </c>
      <c r="B53" s="15">
        <v>152</v>
      </c>
      <c r="C53" s="16">
        <v>169</v>
      </c>
      <c r="D53" s="17">
        <v>321</v>
      </c>
    </row>
    <row r="54" spans="1:4" ht="18" customHeight="1" x14ac:dyDescent="0.2">
      <c r="A54" s="14">
        <v>40</v>
      </c>
      <c r="B54" s="15">
        <v>43</v>
      </c>
      <c r="C54" s="16">
        <v>41</v>
      </c>
      <c r="D54" s="17">
        <v>84</v>
      </c>
    </row>
    <row r="55" spans="1:4" ht="18" customHeight="1" x14ac:dyDescent="0.2">
      <c r="A55" s="14">
        <v>41</v>
      </c>
      <c r="B55" s="15">
        <v>45</v>
      </c>
      <c r="C55" s="16">
        <v>30</v>
      </c>
      <c r="D55" s="17">
        <v>75</v>
      </c>
    </row>
    <row r="56" spans="1:4" ht="18" customHeight="1" x14ac:dyDescent="0.2">
      <c r="A56" s="14">
        <v>42</v>
      </c>
      <c r="B56" s="15">
        <v>41</v>
      </c>
      <c r="C56" s="16">
        <v>44</v>
      </c>
      <c r="D56" s="17">
        <v>85</v>
      </c>
    </row>
    <row r="57" spans="1:4" ht="18" customHeight="1" x14ac:dyDescent="0.2">
      <c r="A57" s="14">
        <v>43</v>
      </c>
      <c r="B57" s="15">
        <v>38</v>
      </c>
      <c r="C57" s="16">
        <v>32</v>
      </c>
      <c r="D57" s="17">
        <v>70</v>
      </c>
    </row>
    <row r="58" spans="1:4" ht="18" customHeight="1" x14ac:dyDescent="0.2">
      <c r="A58" s="14">
        <v>44</v>
      </c>
      <c r="B58" s="15">
        <v>35</v>
      </c>
      <c r="C58" s="16">
        <v>47</v>
      </c>
      <c r="D58" s="17">
        <v>82</v>
      </c>
    </row>
    <row r="59" spans="1:4" ht="18" customHeight="1" x14ac:dyDescent="0.2">
      <c r="A59" s="18" t="s">
        <v>57</v>
      </c>
      <c r="B59" s="15">
        <v>202</v>
      </c>
      <c r="C59" s="16">
        <v>194</v>
      </c>
      <c r="D59" s="17">
        <v>396</v>
      </c>
    </row>
    <row r="60" spans="1:4" ht="18" customHeight="1" x14ac:dyDescent="0.2">
      <c r="A60" s="14">
        <v>45</v>
      </c>
      <c r="B60" s="15">
        <v>40</v>
      </c>
      <c r="C60" s="16">
        <v>35</v>
      </c>
      <c r="D60" s="17">
        <v>75</v>
      </c>
    </row>
    <row r="61" spans="1:4" ht="18" customHeight="1" x14ac:dyDescent="0.2">
      <c r="A61" s="14">
        <v>46</v>
      </c>
      <c r="B61" s="15">
        <v>42</v>
      </c>
      <c r="C61" s="16">
        <v>47</v>
      </c>
      <c r="D61" s="17">
        <v>89</v>
      </c>
    </row>
    <row r="62" spans="1:4" ht="18" customHeight="1" x14ac:dyDescent="0.2">
      <c r="A62" s="14">
        <v>47</v>
      </c>
      <c r="B62" s="15">
        <v>47</v>
      </c>
      <c r="C62" s="16">
        <v>42</v>
      </c>
      <c r="D62" s="17">
        <v>89</v>
      </c>
    </row>
    <row r="63" spans="1:4" ht="18" customHeight="1" x14ac:dyDescent="0.2">
      <c r="A63" s="14">
        <v>48</v>
      </c>
      <c r="B63" s="15">
        <v>54</v>
      </c>
      <c r="C63" s="16">
        <v>36</v>
      </c>
      <c r="D63" s="17">
        <v>90</v>
      </c>
    </row>
    <row r="64" spans="1:4" ht="18" customHeight="1" x14ac:dyDescent="0.2">
      <c r="A64" s="14">
        <v>49</v>
      </c>
      <c r="B64" s="15">
        <v>43</v>
      </c>
      <c r="C64" s="16">
        <v>49</v>
      </c>
      <c r="D64" s="17">
        <v>92</v>
      </c>
    </row>
    <row r="65" spans="1:4" ht="18" customHeight="1" x14ac:dyDescent="0.2">
      <c r="A65" s="18" t="s">
        <v>58</v>
      </c>
      <c r="B65" s="15">
        <v>226</v>
      </c>
      <c r="C65" s="16">
        <v>209</v>
      </c>
      <c r="D65" s="17">
        <v>435</v>
      </c>
    </row>
    <row r="66" spans="1:4" ht="18" customHeight="1" x14ac:dyDescent="0.2">
      <c r="A66" s="14">
        <v>50</v>
      </c>
      <c r="B66" s="15">
        <v>64</v>
      </c>
      <c r="C66" s="16">
        <v>32</v>
      </c>
      <c r="D66" s="17">
        <v>96</v>
      </c>
    </row>
    <row r="67" spans="1:4" ht="18" customHeight="1" x14ac:dyDescent="0.2">
      <c r="A67" s="14">
        <v>51</v>
      </c>
      <c r="B67" s="15">
        <v>35</v>
      </c>
      <c r="C67" s="16">
        <v>49</v>
      </c>
      <c r="D67" s="17">
        <v>84</v>
      </c>
    </row>
    <row r="68" spans="1:4" ht="18" customHeight="1" x14ac:dyDescent="0.2">
      <c r="A68" s="14">
        <v>52</v>
      </c>
      <c r="B68" s="15">
        <v>26</v>
      </c>
      <c r="C68" s="16">
        <v>33</v>
      </c>
      <c r="D68" s="17">
        <v>59</v>
      </c>
    </row>
    <row r="69" spans="1:4" ht="18" customHeight="1" x14ac:dyDescent="0.2">
      <c r="A69" s="14">
        <v>53</v>
      </c>
      <c r="B69" s="15">
        <v>46</v>
      </c>
      <c r="C69" s="16">
        <v>52</v>
      </c>
      <c r="D69" s="17">
        <v>98</v>
      </c>
    </row>
    <row r="70" spans="1:4" ht="18" customHeight="1" x14ac:dyDescent="0.2">
      <c r="A70" s="14">
        <v>54</v>
      </c>
      <c r="B70" s="15">
        <v>46</v>
      </c>
      <c r="C70" s="16">
        <v>40</v>
      </c>
      <c r="D70" s="17">
        <v>86</v>
      </c>
    </row>
    <row r="71" spans="1:4" ht="18" customHeight="1" x14ac:dyDescent="0.2">
      <c r="A71" s="18" t="s">
        <v>59</v>
      </c>
      <c r="B71" s="15">
        <v>217</v>
      </c>
      <c r="C71" s="16">
        <v>206</v>
      </c>
      <c r="D71" s="17">
        <v>423</v>
      </c>
    </row>
    <row r="72" spans="1:4" ht="18" customHeight="1" x14ac:dyDescent="0.2">
      <c r="A72" s="14">
        <v>55</v>
      </c>
      <c r="B72" s="15">
        <v>42</v>
      </c>
      <c r="C72" s="16">
        <v>48</v>
      </c>
      <c r="D72" s="17">
        <v>90</v>
      </c>
    </row>
    <row r="73" spans="1:4" ht="18" customHeight="1" x14ac:dyDescent="0.2">
      <c r="A73" s="14">
        <v>56</v>
      </c>
      <c r="B73" s="15">
        <v>45</v>
      </c>
      <c r="C73" s="16">
        <v>36</v>
      </c>
      <c r="D73" s="17">
        <v>81</v>
      </c>
    </row>
    <row r="74" spans="1:4" ht="18" customHeight="1" x14ac:dyDescent="0.2">
      <c r="A74" s="14">
        <v>57</v>
      </c>
      <c r="B74" s="15">
        <v>35</v>
      </c>
      <c r="C74" s="16">
        <v>37</v>
      </c>
      <c r="D74" s="17">
        <v>72</v>
      </c>
    </row>
    <row r="75" spans="1:4" ht="18" customHeight="1" x14ac:dyDescent="0.2">
      <c r="A75" s="14">
        <v>58</v>
      </c>
      <c r="B75" s="15">
        <v>30</v>
      </c>
      <c r="C75" s="16">
        <v>41</v>
      </c>
      <c r="D75" s="17">
        <v>71</v>
      </c>
    </row>
    <row r="76" spans="1:4" ht="18" customHeight="1" x14ac:dyDescent="0.2">
      <c r="A76" s="14">
        <v>59</v>
      </c>
      <c r="B76" s="15">
        <v>44</v>
      </c>
      <c r="C76" s="16">
        <v>41</v>
      </c>
      <c r="D76" s="17">
        <v>85</v>
      </c>
    </row>
    <row r="77" spans="1:4" ht="18" customHeight="1" x14ac:dyDescent="0.2">
      <c r="A77" s="18" t="s">
        <v>60</v>
      </c>
      <c r="B77" s="15">
        <v>196</v>
      </c>
      <c r="C77" s="16">
        <v>203</v>
      </c>
      <c r="D77" s="17">
        <v>399</v>
      </c>
    </row>
    <row r="78" spans="1:4" ht="18" customHeight="1" x14ac:dyDescent="0.2">
      <c r="A78" s="14">
        <v>60</v>
      </c>
      <c r="B78" s="15">
        <v>39</v>
      </c>
      <c r="C78" s="16">
        <v>39</v>
      </c>
      <c r="D78" s="17">
        <v>78</v>
      </c>
    </row>
    <row r="79" spans="1:4" ht="18" customHeight="1" x14ac:dyDescent="0.2">
      <c r="A79" s="14">
        <v>61</v>
      </c>
      <c r="B79" s="15">
        <v>39</v>
      </c>
      <c r="C79" s="16">
        <v>30</v>
      </c>
      <c r="D79" s="17">
        <v>69</v>
      </c>
    </row>
    <row r="80" spans="1:4" ht="18" customHeight="1" x14ac:dyDescent="0.2">
      <c r="A80" s="14">
        <v>62</v>
      </c>
      <c r="B80" s="15">
        <v>43</v>
      </c>
      <c r="C80" s="16">
        <v>42</v>
      </c>
      <c r="D80" s="17">
        <v>85</v>
      </c>
    </row>
    <row r="81" spans="1:4" ht="18" customHeight="1" x14ac:dyDescent="0.2">
      <c r="A81" s="14">
        <v>63</v>
      </c>
      <c r="B81" s="15">
        <v>43</v>
      </c>
      <c r="C81" s="16">
        <v>41</v>
      </c>
      <c r="D81" s="17">
        <v>84</v>
      </c>
    </row>
    <row r="82" spans="1:4" ht="18" customHeight="1" x14ac:dyDescent="0.2">
      <c r="A82" s="14">
        <v>64</v>
      </c>
      <c r="B82" s="15">
        <v>20</v>
      </c>
      <c r="C82" s="16">
        <v>43</v>
      </c>
      <c r="D82" s="17">
        <v>63</v>
      </c>
    </row>
    <row r="83" spans="1:4" ht="18" customHeight="1" x14ac:dyDescent="0.2">
      <c r="A83" s="18" t="s">
        <v>61</v>
      </c>
      <c r="B83" s="15">
        <v>184</v>
      </c>
      <c r="C83" s="16">
        <v>195</v>
      </c>
      <c r="D83" s="17">
        <v>379</v>
      </c>
    </row>
    <row r="84" spans="1:4" ht="18" customHeight="1" x14ac:dyDescent="0.2">
      <c r="A84" s="18" t="s">
        <v>62</v>
      </c>
      <c r="B84" s="15">
        <v>1725</v>
      </c>
      <c r="C84" s="16">
        <v>1629</v>
      </c>
      <c r="D84" s="17">
        <v>3354</v>
      </c>
    </row>
    <row r="85" spans="1:4" ht="18" customHeight="1" x14ac:dyDescent="0.2">
      <c r="A85" s="14">
        <v>65</v>
      </c>
      <c r="B85" s="15">
        <v>39</v>
      </c>
      <c r="C85" s="16">
        <v>37</v>
      </c>
      <c r="D85" s="17">
        <v>76</v>
      </c>
    </row>
    <row r="86" spans="1:4" ht="18" customHeight="1" x14ac:dyDescent="0.2">
      <c r="A86" s="14">
        <v>66</v>
      </c>
      <c r="B86" s="15">
        <v>44</v>
      </c>
      <c r="C86" s="16">
        <v>41</v>
      </c>
      <c r="D86" s="17">
        <v>85</v>
      </c>
    </row>
    <row r="87" spans="1:4" ht="18" customHeight="1" x14ac:dyDescent="0.2">
      <c r="A87" s="14">
        <v>67</v>
      </c>
      <c r="B87" s="15">
        <v>35</v>
      </c>
      <c r="C87" s="16">
        <v>41</v>
      </c>
      <c r="D87" s="17">
        <v>76</v>
      </c>
    </row>
    <row r="88" spans="1:4" ht="18" customHeight="1" x14ac:dyDescent="0.2">
      <c r="A88" s="14">
        <v>68</v>
      </c>
      <c r="B88" s="15">
        <v>39</v>
      </c>
      <c r="C88" s="16">
        <v>54</v>
      </c>
      <c r="D88" s="17">
        <v>93</v>
      </c>
    </row>
    <row r="89" spans="1:4" ht="18" customHeight="1" x14ac:dyDescent="0.2">
      <c r="A89" s="14">
        <v>69</v>
      </c>
      <c r="B89" s="15">
        <v>69</v>
      </c>
      <c r="C89" s="16">
        <v>50</v>
      </c>
      <c r="D89" s="17">
        <v>119</v>
      </c>
    </row>
    <row r="90" spans="1:4" ht="18" customHeight="1" x14ac:dyDescent="0.2">
      <c r="A90" s="18" t="s">
        <v>63</v>
      </c>
      <c r="B90" s="15">
        <v>226</v>
      </c>
      <c r="C90" s="16">
        <v>223</v>
      </c>
      <c r="D90" s="17">
        <v>449</v>
      </c>
    </row>
    <row r="91" spans="1:4" ht="18" customHeight="1" x14ac:dyDescent="0.2">
      <c r="A91" s="14">
        <v>70</v>
      </c>
      <c r="B91" s="15">
        <v>59</v>
      </c>
      <c r="C91" s="16">
        <v>71</v>
      </c>
      <c r="D91" s="17">
        <v>130</v>
      </c>
    </row>
    <row r="92" spans="1:4" ht="18" customHeight="1" x14ac:dyDescent="0.2">
      <c r="A92" s="14">
        <v>71</v>
      </c>
      <c r="B92" s="15">
        <v>53</v>
      </c>
      <c r="C92" s="16">
        <v>63</v>
      </c>
      <c r="D92" s="17">
        <v>116</v>
      </c>
    </row>
    <row r="93" spans="1:4" ht="18" customHeight="1" x14ac:dyDescent="0.2">
      <c r="A93" s="14">
        <v>72</v>
      </c>
      <c r="B93" s="15">
        <v>34</v>
      </c>
      <c r="C93" s="16">
        <v>42</v>
      </c>
      <c r="D93" s="17">
        <v>76</v>
      </c>
    </row>
    <row r="94" spans="1:4" ht="18" customHeight="1" x14ac:dyDescent="0.2">
      <c r="A94" s="14">
        <v>73</v>
      </c>
      <c r="B94" s="15">
        <v>30</v>
      </c>
      <c r="C94" s="16">
        <v>37</v>
      </c>
      <c r="D94" s="17">
        <v>67</v>
      </c>
    </row>
    <row r="95" spans="1:4" ht="18" customHeight="1" x14ac:dyDescent="0.2">
      <c r="A95" s="14">
        <v>74</v>
      </c>
      <c r="B95" s="15">
        <v>43</v>
      </c>
      <c r="C95" s="16">
        <v>51</v>
      </c>
      <c r="D95" s="17">
        <v>94</v>
      </c>
    </row>
    <row r="96" spans="1:4" ht="18" customHeight="1" x14ac:dyDescent="0.2">
      <c r="A96" s="18" t="s">
        <v>64</v>
      </c>
      <c r="B96" s="15">
        <v>219</v>
      </c>
      <c r="C96" s="16">
        <v>264</v>
      </c>
      <c r="D96" s="17">
        <v>483</v>
      </c>
    </row>
    <row r="97" spans="1:4" ht="18" customHeight="1" x14ac:dyDescent="0.2">
      <c r="A97" s="14">
        <v>75</v>
      </c>
      <c r="B97" s="15">
        <v>45</v>
      </c>
      <c r="C97" s="16">
        <v>63</v>
      </c>
      <c r="D97" s="17">
        <v>108</v>
      </c>
    </row>
    <row r="98" spans="1:4" ht="18" customHeight="1" x14ac:dyDescent="0.2">
      <c r="A98" s="14">
        <v>76</v>
      </c>
      <c r="B98" s="15">
        <v>50</v>
      </c>
      <c r="C98" s="16">
        <v>56</v>
      </c>
      <c r="D98" s="17">
        <v>106</v>
      </c>
    </row>
    <row r="99" spans="1:4" ht="18" customHeight="1" x14ac:dyDescent="0.2">
      <c r="A99" s="14">
        <v>77</v>
      </c>
      <c r="B99" s="15">
        <v>39</v>
      </c>
      <c r="C99" s="16">
        <v>49</v>
      </c>
      <c r="D99" s="17">
        <v>88</v>
      </c>
    </row>
    <row r="100" spans="1:4" ht="18" customHeight="1" x14ac:dyDescent="0.2">
      <c r="A100" s="14">
        <v>78</v>
      </c>
      <c r="B100" s="15">
        <v>36</v>
      </c>
      <c r="C100" s="16">
        <v>44</v>
      </c>
      <c r="D100" s="17">
        <v>80</v>
      </c>
    </row>
    <row r="101" spans="1:4" ht="18" customHeight="1" x14ac:dyDescent="0.2">
      <c r="A101" s="14">
        <v>79</v>
      </c>
      <c r="B101" s="15">
        <v>28</v>
      </c>
      <c r="C101" s="16">
        <v>40</v>
      </c>
      <c r="D101" s="17">
        <v>68</v>
      </c>
    </row>
    <row r="102" spans="1:4" ht="18" customHeight="1" x14ac:dyDescent="0.2">
      <c r="A102" s="18" t="s">
        <v>65</v>
      </c>
      <c r="B102" s="15">
        <v>198</v>
      </c>
      <c r="C102" s="16">
        <v>252</v>
      </c>
      <c r="D102" s="17">
        <v>450</v>
      </c>
    </row>
    <row r="103" spans="1:4" ht="18" customHeight="1" x14ac:dyDescent="0.2">
      <c r="A103" s="14">
        <v>80</v>
      </c>
      <c r="B103" s="15">
        <v>18</v>
      </c>
      <c r="C103" s="16">
        <v>35</v>
      </c>
      <c r="D103" s="17">
        <v>53</v>
      </c>
    </row>
    <row r="104" spans="1:4" ht="18" customHeight="1" x14ac:dyDescent="0.2">
      <c r="A104" s="14">
        <v>81</v>
      </c>
      <c r="B104" s="15">
        <v>27</v>
      </c>
      <c r="C104" s="16">
        <v>38</v>
      </c>
      <c r="D104" s="17">
        <v>65</v>
      </c>
    </row>
    <row r="105" spans="1:4" ht="18" customHeight="1" x14ac:dyDescent="0.2">
      <c r="A105" s="14">
        <v>82</v>
      </c>
      <c r="B105" s="15">
        <v>25</v>
      </c>
      <c r="C105" s="16">
        <v>57</v>
      </c>
      <c r="D105" s="17">
        <v>82</v>
      </c>
    </row>
    <row r="106" spans="1:4" ht="18" customHeight="1" x14ac:dyDescent="0.2">
      <c r="A106" s="14">
        <v>83</v>
      </c>
      <c r="B106" s="15">
        <v>29</v>
      </c>
      <c r="C106" s="16">
        <v>44</v>
      </c>
      <c r="D106" s="17">
        <v>73</v>
      </c>
    </row>
    <row r="107" spans="1:4" ht="18" customHeight="1" x14ac:dyDescent="0.2">
      <c r="A107" s="14">
        <v>84</v>
      </c>
      <c r="B107" s="15">
        <v>22</v>
      </c>
      <c r="C107" s="16">
        <v>43</v>
      </c>
      <c r="D107" s="17">
        <v>65</v>
      </c>
    </row>
    <row r="108" spans="1:4" ht="18" customHeight="1" x14ac:dyDescent="0.2">
      <c r="A108" s="18" t="s">
        <v>66</v>
      </c>
      <c r="B108" s="15">
        <v>121</v>
      </c>
      <c r="C108" s="16">
        <v>217</v>
      </c>
      <c r="D108" s="17">
        <v>338</v>
      </c>
    </row>
    <row r="109" spans="1:4" ht="18" customHeight="1" x14ac:dyDescent="0.2">
      <c r="A109" s="14">
        <v>85</v>
      </c>
      <c r="B109" s="15">
        <v>21</v>
      </c>
      <c r="C109" s="16">
        <v>48</v>
      </c>
      <c r="D109" s="17">
        <v>69</v>
      </c>
    </row>
    <row r="110" spans="1:4" ht="18" customHeight="1" x14ac:dyDescent="0.2">
      <c r="A110" s="14">
        <v>86</v>
      </c>
      <c r="B110" s="15">
        <v>13</v>
      </c>
      <c r="C110" s="16">
        <v>40</v>
      </c>
      <c r="D110" s="17">
        <v>53</v>
      </c>
    </row>
    <row r="111" spans="1:4" ht="18" customHeight="1" x14ac:dyDescent="0.2">
      <c r="A111" s="14">
        <v>87</v>
      </c>
      <c r="B111" s="15">
        <v>10</v>
      </c>
      <c r="C111" s="16">
        <v>33</v>
      </c>
      <c r="D111" s="17">
        <v>43</v>
      </c>
    </row>
    <row r="112" spans="1:4" ht="18" customHeight="1" x14ac:dyDescent="0.2">
      <c r="A112" s="14">
        <v>88</v>
      </c>
      <c r="B112" s="15">
        <v>10</v>
      </c>
      <c r="C112" s="16">
        <v>29</v>
      </c>
      <c r="D112" s="17">
        <v>39</v>
      </c>
    </row>
    <row r="113" spans="1:4" ht="18" customHeight="1" x14ac:dyDescent="0.2">
      <c r="A113" s="14">
        <v>89</v>
      </c>
      <c r="B113" s="15">
        <v>7</v>
      </c>
      <c r="C113" s="16">
        <v>33</v>
      </c>
      <c r="D113" s="17">
        <v>40</v>
      </c>
    </row>
    <row r="114" spans="1:4" ht="18" customHeight="1" x14ac:dyDescent="0.2">
      <c r="A114" s="18" t="s">
        <v>67</v>
      </c>
      <c r="B114" s="15">
        <v>61</v>
      </c>
      <c r="C114" s="16">
        <v>183</v>
      </c>
      <c r="D114" s="17">
        <v>244</v>
      </c>
    </row>
    <row r="115" spans="1:4" ht="18" customHeight="1" x14ac:dyDescent="0.2">
      <c r="A115" s="14">
        <v>90</v>
      </c>
      <c r="B115" s="15">
        <v>12</v>
      </c>
      <c r="C115" s="16">
        <v>22</v>
      </c>
      <c r="D115" s="17">
        <v>34</v>
      </c>
    </row>
    <row r="116" spans="1:4" ht="18" customHeight="1" x14ac:dyDescent="0.2">
      <c r="A116" s="14">
        <v>91</v>
      </c>
      <c r="B116" s="15">
        <v>2</v>
      </c>
      <c r="C116" s="16">
        <v>25</v>
      </c>
      <c r="D116" s="17">
        <v>27</v>
      </c>
    </row>
    <row r="117" spans="1:4" ht="18" customHeight="1" x14ac:dyDescent="0.2">
      <c r="A117" s="14">
        <v>92</v>
      </c>
      <c r="B117" s="15">
        <v>7</v>
      </c>
      <c r="C117" s="16">
        <v>21</v>
      </c>
      <c r="D117" s="17">
        <v>28</v>
      </c>
    </row>
    <row r="118" spans="1:4" ht="18" customHeight="1" x14ac:dyDescent="0.2">
      <c r="A118" s="14">
        <v>93</v>
      </c>
      <c r="B118" s="15">
        <v>4</v>
      </c>
      <c r="C118" s="16">
        <v>16</v>
      </c>
      <c r="D118" s="17">
        <v>20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26</v>
      </c>
      <c r="C120" s="16">
        <v>92</v>
      </c>
      <c r="D120" s="17">
        <v>118</v>
      </c>
    </row>
    <row r="121" spans="1:4" ht="18" customHeight="1" x14ac:dyDescent="0.2">
      <c r="A121" s="14">
        <v>95</v>
      </c>
      <c r="B121" s="15">
        <v>5</v>
      </c>
      <c r="C121" s="16">
        <v>10</v>
      </c>
      <c r="D121" s="17">
        <v>15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8</v>
      </c>
      <c r="C126" s="16">
        <v>28</v>
      </c>
      <c r="D126" s="17">
        <v>36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861</v>
      </c>
      <c r="C130" s="5">
        <v>1262</v>
      </c>
      <c r="D130" s="6">
        <v>2123</v>
      </c>
    </row>
    <row r="131" spans="1:4" ht="18" customHeight="1" x14ac:dyDescent="0.2">
      <c r="A131" s="20" t="s">
        <v>47</v>
      </c>
      <c r="B131" s="7">
        <v>2851</v>
      </c>
      <c r="C131" s="8">
        <v>3158</v>
      </c>
      <c r="D131" s="9">
        <v>600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0</v>
      </c>
      <c r="D5" s="39">
        <v>2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10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10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10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10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10" ht="18" customHeight="1" x14ac:dyDescent="0.2">
      <c r="A12" s="31">
        <v>6</v>
      </c>
      <c r="B12" s="35">
        <v>4</v>
      </c>
      <c r="C12" s="28">
        <v>1</v>
      </c>
      <c r="D12" s="29">
        <v>5</v>
      </c>
    </row>
    <row r="13" spans="1:10" ht="18" customHeight="1" x14ac:dyDescent="0.2">
      <c r="A13" s="31">
        <v>7</v>
      </c>
      <c r="B13" s="35">
        <v>2</v>
      </c>
      <c r="C13" s="28">
        <v>2</v>
      </c>
      <c r="D13" s="29">
        <v>4</v>
      </c>
    </row>
    <row r="14" spans="1:10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10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10" ht="18" customHeight="1" x14ac:dyDescent="0.2">
      <c r="A16" s="31" t="s">
        <v>49</v>
      </c>
      <c r="B16" s="27">
        <v>11</v>
      </c>
      <c r="C16" s="28">
        <v>6</v>
      </c>
      <c r="D16" s="29">
        <v>17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0</v>
      </c>
      <c r="C20" s="28">
        <v>3</v>
      </c>
      <c r="D20" s="29">
        <v>3</v>
      </c>
    </row>
    <row r="21" spans="1:4" ht="18" customHeight="1" x14ac:dyDescent="0.2">
      <c r="A21" s="31">
        <v>14</v>
      </c>
      <c r="B21" s="27">
        <v>4</v>
      </c>
      <c r="C21" s="28">
        <v>1</v>
      </c>
      <c r="D21" s="29">
        <v>5</v>
      </c>
    </row>
    <row r="22" spans="1:4" ht="18" customHeight="1" x14ac:dyDescent="0.2">
      <c r="A22" s="31" t="s">
        <v>50</v>
      </c>
      <c r="B22" s="27">
        <v>9</v>
      </c>
      <c r="C22" s="28">
        <v>9</v>
      </c>
      <c r="D22" s="29">
        <v>18</v>
      </c>
    </row>
    <row r="23" spans="1:4" ht="18" customHeight="1" x14ac:dyDescent="0.2">
      <c r="A23" s="31" t="s">
        <v>51</v>
      </c>
      <c r="B23" s="27">
        <v>24</v>
      </c>
      <c r="C23" s="28">
        <v>19</v>
      </c>
      <c r="D23" s="29">
        <v>43</v>
      </c>
    </row>
    <row r="24" spans="1:4" ht="18" customHeight="1" x14ac:dyDescent="0.2">
      <c r="A24" s="31">
        <v>15</v>
      </c>
      <c r="B24" s="27">
        <v>4</v>
      </c>
      <c r="C24" s="28">
        <v>0</v>
      </c>
      <c r="D24" s="29">
        <v>4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1</v>
      </c>
      <c r="C28" s="28">
        <v>3</v>
      </c>
      <c r="D28" s="29">
        <v>4</v>
      </c>
    </row>
    <row r="29" spans="1:4" ht="18" customHeight="1" x14ac:dyDescent="0.2">
      <c r="A29" s="31" t="s">
        <v>52</v>
      </c>
      <c r="B29" s="27">
        <v>12</v>
      </c>
      <c r="C29" s="28">
        <v>11</v>
      </c>
      <c r="D29" s="29">
        <v>23</v>
      </c>
    </row>
    <row r="30" spans="1:4" ht="18" customHeight="1" x14ac:dyDescent="0.2">
      <c r="A30" s="31">
        <v>20</v>
      </c>
      <c r="B30" s="27">
        <v>4</v>
      </c>
      <c r="C30" s="28">
        <v>2</v>
      </c>
      <c r="D30" s="29">
        <v>6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3</v>
      </c>
      <c r="D33" s="29">
        <v>5</v>
      </c>
    </row>
    <row r="34" spans="1:4" ht="18" customHeight="1" x14ac:dyDescent="0.2">
      <c r="A34" s="31">
        <v>24</v>
      </c>
      <c r="B34" s="27">
        <v>4</v>
      </c>
      <c r="C34" s="28">
        <v>2</v>
      </c>
      <c r="D34" s="29">
        <v>6</v>
      </c>
    </row>
    <row r="35" spans="1:4" ht="18" customHeight="1" x14ac:dyDescent="0.2">
      <c r="A35" s="31" t="s">
        <v>53</v>
      </c>
      <c r="B35" s="27">
        <v>15</v>
      </c>
      <c r="C35" s="28">
        <v>11</v>
      </c>
      <c r="D35" s="29">
        <v>26</v>
      </c>
    </row>
    <row r="36" spans="1:4" ht="18" customHeight="1" x14ac:dyDescent="0.2">
      <c r="A36" s="31">
        <v>25</v>
      </c>
      <c r="B36" s="27">
        <v>2</v>
      </c>
      <c r="C36" s="28">
        <v>1</v>
      </c>
      <c r="D36" s="29">
        <v>3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3</v>
      </c>
      <c r="C38" s="28">
        <v>1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7</v>
      </c>
      <c r="C41" s="28">
        <v>6</v>
      </c>
      <c r="D41" s="29">
        <v>13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0</v>
      </c>
      <c r="C43" s="28">
        <v>3</v>
      </c>
      <c r="D43" s="29">
        <v>3</v>
      </c>
    </row>
    <row r="44" spans="1:4" ht="18" customHeight="1" x14ac:dyDescent="0.2">
      <c r="A44" s="31">
        <v>32</v>
      </c>
      <c r="B44" s="27">
        <v>3</v>
      </c>
      <c r="C44" s="28">
        <v>2</v>
      </c>
      <c r="D44" s="29">
        <v>5</v>
      </c>
    </row>
    <row r="45" spans="1:4" ht="18" customHeight="1" x14ac:dyDescent="0.2">
      <c r="A45" s="31">
        <v>33</v>
      </c>
      <c r="B45" s="27">
        <v>4</v>
      </c>
      <c r="C45" s="28">
        <v>4</v>
      </c>
      <c r="D45" s="29">
        <v>8</v>
      </c>
    </row>
    <row r="46" spans="1:4" ht="18" customHeight="1" x14ac:dyDescent="0.2">
      <c r="A46" s="31">
        <v>34</v>
      </c>
      <c r="B46" s="27">
        <v>6</v>
      </c>
      <c r="C46" s="28">
        <v>2</v>
      </c>
      <c r="D46" s="29">
        <v>8</v>
      </c>
    </row>
    <row r="47" spans="1:4" ht="18" customHeight="1" x14ac:dyDescent="0.2">
      <c r="A47" s="31" t="s">
        <v>55</v>
      </c>
      <c r="B47" s="27">
        <v>16</v>
      </c>
      <c r="C47" s="28">
        <v>12</v>
      </c>
      <c r="D47" s="29">
        <v>28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2</v>
      </c>
      <c r="C49" s="28">
        <v>4</v>
      </c>
      <c r="D49" s="29">
        <v>6</v>
      </c>
    </row>
    <row r="50" spans="1:4" ht="18" customHeight="1" x14ac:dyDescent="0.2">
      <c r="A50" s="31">
        <v>37</v>
      </c>
      <c r="B50" s="27">
        <v>5</v>
      </c>
      <c r="C50" s="28">
        <v>0</v>
      </c>
      <c r="D50" s="29">
        <v>5</v>
      </c>
    </row>
    <row r="51" spans="1:4" ht="18" customHeight="1" x14ac:dyDescent="0.2">
      <c r="A51" s="31">
        <v>38</v>
      </c>
      <c r="B51" s="27">
        <v>8</v>
      </c>
      <c r="C51" s="28">
        <v>4</v>
      </c>
      <c r="D51" s="29">
        <v>12</v>
      </c>
    </row>
    <row r="52" spans="1:4" ht="18" customHeight="1" x14ac:dyDescent="0.2">
      <c r="A52" s="31">
        <v>39</v>
      </c>
      <c r="B52" s="27">
        <v>3</v>
      </c>
      <c r="C52" s="28">
        <v>0</v>
      </c>
      <c r="D52" s="29">
        <v>3</v>
      </c>
    </row>
    <row r="53" spans="1:4" ht="18" customHeight="1" x14ac:dyDescent="0.2">
      <c r="A53" s="31" t="s">
        <v>56</v>
      </c>
      <c r="B53" s="27">
        <v>19</v>
      </c>
      <c r="C53" s="28">
        <v>10</v>
      </c>
      <c r="D53" s="29">
        <v>29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5</v>
      </c>
      <c r="C56" s="28">
        <v>4</v>
      </c>
      <c r="D56" s="29">
        <v>9</v>
      </c>
    </row>
    <row r="57" spans="1:4" ht="18" customHeight="1" x14ac:dyDescent="0.2">
      <c r="A57" s="31">
        <v>43</v>
      </c>
      <c r="B57" s="27">
        <v>6</v>
      </c>
      <c r="C57" s="28">
        <v>2</v>
      </c>
      <c r="D57" s="29">
        <v>8</v>
      </c>
    </row>
    <row r="58" spans="1:4" ht="18" customHeight="1" x14ac:dyDescent="0.2">
      <c r="A58" s="31">
        <v>44</v>
      </c>
      <c r="B58" s="27">
        <v>6</v>
      </c>
      <c r="C58" s="28">
        <v>7</v>
      </c>
      <c r="D58" s="29">
        <v>13</v>
      </c>
    </row>
    <row r="59" spans="1:4" ht="18" customHeight="1" x14ac:dyDescent="0.2">
      <c r="A59" s="31" t="s">
        <v>57</v>
      </c>
      <c r="B59" s="27">
        <v>24</v>
      </c>
      <c r="C59" s="28">
        <v>20</v>
      </c>
      <c r="D59" s="29">
        <v>44</v>
      </c>
    </row>
    <row r="60" spans="1:4" ht="18" customHeight="1" x14ac:dyDescent="0.2">
      <c r="A60" s="31">
        <v>45</v>
      </c>
      <c r="B60" s="27">
        <v>4</v>
      </c>
      <c r="C60" s="28">
        <v>3</v>
      </c>
      <c r="D60" s="29">
        <v>7</v>
      </c>
    </row>
    <row r="61" spans="1:4" ht="18" customHeight="1" x14ac:dyDescent="0.2">
      <c r="A61" s="31">
        <v>46</v>
      </c>
      <c r="B61" s="27">
        <v>6</v>
      </c>
      <c r="C61" s="28">
        <v>1</v>
      </c>
      <c r="D61" s="29">
        <v>7</v>
      </c>
    </row>
    <row r="62" spans="1:4" ht="18" customHeight="1" x14ac:dyDescent="0.2">
      <c r="A62" s="31">
        <v>47</v>
      </c>
      <c r="B62" s="27">
        <v>3</v>
      </c>
      <c r="C62" s="28">
        <v>2</v>
      </c>
      <c r="D62" s="29">
        <v>5</v>
      </c>
    </row>
    <row r="63" spans="1:4" ht="18" customHeight="1" x14ac:dyDescent="0.2">
      <c r="A63" s="31">
        <v>48</v>
      </c>
      <c r="B63" s="27">
        <v>4</v>
      </c>
      <c r="C63" s="28">
        <v>0</v>
      </c>
      <c r="D63" s="29">
        <v>4</v>
      </c>
    </row>
    <row r="64" spans="1:4" ht="18" customHeight="1" x14ac:dyDescent="0.2">
      <c r="A64" s="31">
        <v>49</v>
      </c>
      <c r="B64" s="27">
        <v>7</v>
      </c>
      <c r="C64" s="28">
        <v>3</v>
      </c>
      <c r="D64" s="29">
        <v>10</v>
      </c>
    </row>
    <row r="65" spans="1:4" ht="18" customHeight="1" x14ac:dyDescent="0.2">
      <c r="A65" s="31" t="s">
        <v>58</v>
      </c>
      <c r="B65" s="27">
        <v>24</v>
      </c>
      <c r="C65" s="28">
        <v>9</v>
      </c>
      <c r="D65" s="29">
        <v>33</v>
      </c>
    </row>
    <row r="66" spans="1:4" ht="18" customHeight="1" x14ac:dyDescent="0.2">
      <c r="A66" s="31">
        <v>50</v>
      </c>
      <c r="B66" s="27">
        <v>6</v>
      </c>
      <c r="C66" s="28">
        <v>5</v>
      </c>
      <c r="D66" s="29">
        <v>11</v>
      </c>
    </row>
    <row r="67" spans="1:4" ht="18" customHeight="1" x14ac:dyDescent="0.2">
      <c r="A67" s="31">
        <v>51</v>
      </c>
      <c r="B67" s="27">
        <v>1</v>
      </c>
      <c r="C67" s="28">
        <v>4</v>
      </c>
      <c r="D67" s="29">
        <v>5</v>
      </c>
    </row>
    <row r="68" spans="1:4" ht="18" customHeight="1" x14ac:dyDescent="0.2">
      <c r="A68" s="31">
        <v>52</v>
      </c>
      <c r="B68" s="27">
        <v>1</v>
      </c>
      <c r="C68" s="28">
        <v>2</v>
      </c>
      <c r="D68" s="29">
        <v>3</v>
      </c>
    </row>
    <row r="69" spans="1:4" ht="18" customHeight="1" x14ac:dyDescent="0.2">
      <c r="A69" s="31">
        <v>53</v>
      </c>
      <c r="B69" s="27">
        <v>6</v>
      </c>
      <c r="C69" s="28">
        <v>4</v>
      </c>
      <c r="D69" s="29">
        <v>10</v>
      </c>
    </row>
    <row r="70" spans="1:4" ht="18" customHeight="1" x14ac:dyDescent="0.2">
      <c r="A70" s="31">
        <v>54</v>
      </c>
      <c r="B70" s="27">
        <v>4</v>
      </c>
      <c r="C70" s="28">
        <v>7</v>
      </c>
      <c r="D70" s="29">
        <v>11</v>
      </c>
    </row>
    <row r="71" spans="1:4" ht="18" customHeight="1" x14ac:dyDescent="0.2">
      <c r="A71" s="31" t="s">
        <v>59</v>
      </c>
      <c r="B71" s="27">
        <v>18</v>
      </c>
      <c r="C71" s="28">
        <v>22</v>
      </c>
      <c r="D71" s="29">
        <v>40</v>
      </c>
    </row>
    <row r="72" spans="1:4" ht="18" customHeight="1" x14ac:dyDescent="0.2">
      <c r="A72" s="31">
        <v>55</v>
      </c>
      <c r="B72" s="27">
        <v>3</v>
      </c>
      <c r="C72" s="28">
        <v>3</v>
      </c>
      <c r="D72" s="29">
        <v>6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6</v>
      </c>
      <c r="C75" s="28">
        <v>4</v>
      </c>
      <c r="D75" s="29">
        <v>10</v>
      </c>
    </row>
    <row r="76" spans="1:4" ht="18" customHeight="1" x14ac:dyDescent="0.2">
      <c r="A76" s="31">
        <v>59</v>
      </c>
      <c r="B76" s="27">
        <v>0</v>
      </c>
      <c r="C76" s="28">
        <v>4</v>
      </c>
      <c r="D76" s="29">
        <v>4</v>
      </c>
    </row>
    <row r="77" spans="1:4" ht="18" customHeight="1" x14ac:dyDescent="0.2">
      <c r="A77" s="31" t="s">
        <v>60</v>
      </c>
      <c r="B77" s="27">
        <v>16</v>
      </c>
      <c r="C77" s="28">
        <v>21</v>
      </c>
      <c r="D77" s="29">
        <v>37</v>
      </c>
    </row>
    <row r="78" spans="1:4" ht="18" customHeight="1" x14ac:dyDescent="0.2">
      <c r="A78" s="31">
        <v>60</v>
      </c>
      <c r="B78" s="27">
        <v>9</v>
      </c>
      <c r="C78" s="28">
        <v>6</v>
      </c>
      <c r="D78" s="29">
        <v>15</v>
      </c>
    </row>
    <row r="79" spans="1:4" ht="18" customHeight="1" x14ac:dyDescent="0.2">
      <c r="A79" s="31">
        <v>61</v>
      </c>
      <c r="B79" s="27">
        <v>9</v>
      </c>
      <c r="C79" s="28">
        <v>6</v>
      </c>
      <c r="D79" s="29">
        <v>15</v>
      </c>
    </row>
    <row r="80" spans="1:4" ht="18" customHeight="1" x14ac:dyDescent="0.2">
      <c r="A80" s="31">
        <v>62</v>
      </c>
      <c r="B80" s="27">
        <v>5</v>
      </c>
      <c r="C80" s="28">
        <v>6</v>
      </c>
      <c r="D80" s="29">
        <v>11</v>
      </c>
    </row>
    <row r="81" spans="1:4" ht="18" customHeight="1" x14ac:dyDescent="0.2">
      <c r="A81" s="31">
        <v>63</v>
      </c>
      <c r="B81" s="27">
        <v>5</v>
      </c>
      <c r="C81" s="28">
        <v>10</v>
      </c>
      <c r="D81" s="29">
        <v>15</v>
      </c>
    </row>
    <row r="82" spans="1:4" ht="18" customHeight="1" x14ac:dyDescent="0.2">
      <c r="A82" s="31">
        <v>64</v>
      </c>
      <c r="B82" s="27">
        <v>7</v>
      </c>
      <c r="C82" s="28">
        <v>14</v>
      </c>
      <c r="D82" s="29">
        <v>21</v>
      </c>
    </row>
    <row r="83" spans="1:4" ht="18" customHeight="1" x14ac:dyDescent="0.2">
      <c r="A83" s="31" t="s">
        <v>61</v>
      </c>
      <c r="B83" s="27">
        <v>35</v>
      </c>
      <c r="C83" s="28">
        <v>42</v>
      </c>
      <c r="D83" s="29">
        <v>77</v>
      </c>
    </row>
    <row r="84" spans="1:4" ht="18" customHeight="1" x14ac:dyDescent="0.2">
      <c r="A84" s="31" t="s">
        <v>62</v>
      </c>
      <c r="B84" s="27">
        <v>186</v>
      </c>
      <c r="C84" s="28">
        <v>164</v>
      </c>
      <c r="D84" s="29">
        <v>350</v>
      </c>
    </row>
    <row r="85" spans="1:4" ht="18" customHeight="1" x14ac:dyDescent="0.2">
      <c r="A85" s="31">
        <v>65</v>
      </c>
      <c r="B85" s="27">
        <v>13</v>
      </c>
      <c r="C85" s="28">
        <v>11</v>
      </c>
      <c r="D85" s="29">
        <v>24</v>
      </c>
    </row>
    <row r="86" spans="1:4" ht="18" customHeight="1" x14ac:dyDescent="0.2">
      <c r="A86" s="31">
        <v>66</v>
      </c>
      <c r="B86" s="27">
        <v>11</v>
      </c>
      <c r="C86" s="28">
        <v>6</v>
      </c>
      <c r="D86" s="29">
        <v>17</v>
      </c>
    </row>
    <row r="87" spans="1:4" ht="18" customHeight="1" x14ac:dyDescent="0.2">
      <c r="A87" s="31">
        <v>67</v>
      </c>
      <c r="B87" s="27">
        <v>13</v>
      </c>
      <c r="C87" s="28">
        <v>5</v>
      </c>
      <c r="D87" s="29">
        <v>18</v>
      </c>
    </row>
    <row r="88" spans="1:4" ht="18" customHeight="1" x14ac:dyDescent="0.2">
      <c r="A88" s="31">
        <v>68</v>
      </c>
      <c r="B88" s="27">
        <v>15</v>
      </c>
      <c r="C88" s="28">
        <v>5</v>
      </c>
      <c r="D88" s="29">
        <v>20</v>
      </c>
    </row>
    <row r="89" spans="1:4" ht="18" customHeight="1" x14ac:dyDescent="0.2">
      <c r="A89" s="31">
        <v>69</v>
      </c>
      <c r="B89" s="27">
        <v>7</v>
      </c>
      <c r="C89" s="28">
        <v>11</v>
      </c>
      <c r="D89" s="29">
        <v>18</v>
      </c>
    </row>
    <row r="90" spans="1:4" ht="18" customHeight="1" x14ac:dyDescent="0.2">
      <c r="A90" s="31" t="s">
        <v>63</v>
      </c>
      <c r="B90" s="27">
        <v>59</v>
      </c>
      <c r="C90" s="28">
        <v>38</v>
      </c>
      <c r="D90" s="29">
        <v>97</v>
      </c>
    </row>
    <row r="91" spans="1:4" ht="18" customHeight="1" x14ac:dyDescent="0.2">
      <c r="A91" s="31">
        <v>70</v>
      </c>
      <c r="B91" s="27">
        <v>9</v>
      </c>
      <c r="C91" s="28">
        <v>10</v>
      </c>
      <c r="D91" s="29">
        <v>19</v>
      </c>
    </row>
    <row r="92" spans="1:4" ht="18" customHeight="1" x14ac:dyDescent="0.2">
      <c r="A92" s="31">
        <v>71</v>
      </c>
      <c r="B92" s="27">
        <v>10</v>
      </c>
      <c r="C92" s="28">
        <v>5</v>
      </c>
      <c r="D92" s="29">
        <v>15</v>
      </c>
    </row>
    <row r="93" spans="1:4" ht="18" customHeight="1" x14ac:dyDescent="0.2">
      <c r="A93" s="31">
        <v>72</v>
      </c>
      <c r="B93" s="27">
        <v>2</v>
      </c>
      <c r="C93" s="28">
        <v>7</v>
      </c>
      <c r="D93" s="29">
        <v>9</v>
      </c>
    </row>
    <row r="94" spans="1:4" ht="18" customHeight="1" x14ac:dyDescent="0.2">
      <c r="A94" s="31">
        <v>73</v>
      </c>
      <c r="B94" s="27">
        <v>7</v>
      </c>
      <c r="C94" s="28">
        <v>4</v>
      </c>
      <c r="D94" s="29">
        <v>11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30</v>
      </c>
      <c r="C96" s="28">
        <v>28</v>
      </c>
      <c r="D96" s="29">
        <v>58</v>
      </c>
    </row>
    <row r="97" spans="1:4" ht="18" customHeight="1" x14ac:dyDescent="0.2">
      <c r="A97" s="31">
        <v>75</v>
      </c>
      <c r="B97" s="27">
        <v>9</v>
      </c>
      <c r="C97" s="28">
        <v>6</v>
      </c>
      <c r="D97" s="29">
        <v>15</v>
      </c>
    </row>
    <row r="98" spans="1:4" ht="18" customHeight="1" x14ac:dyDescent="0.2">
      <c r="A98" s="31">
        <v>76</v>
      </c>
      <c r="B98" s="27">
        <v>3</v>
      </c>
      <c r="C98" s="28">
        <v>5</v>
      </c>
      <c r="D98" s="29">
        <v>8</v>
      </c>
    </row>
    <row r="99" spans="1:4" ht="18" customHeight="1" x14ac:dyDescent="0.2">
      <c r="A99" s="31">
        <v>77</v>
      </c>
      <c r="B99" s="27">
        <v>7</v>
      </c>
      <c r="C99" s="28">
        <v>7</v>
      </c>
      <c r="D99" s="29">
        <v>14</v>
      </c>
    </row>
    <row r="100" spans="1:4" ht="18" customHeight="1" x14ac:dyDescent="0.2">
      <c r="A100" s="31">
        <v>78</v>
      </c>
      <c r="B100" s="27">
        <v>2</v>
      </c>
      <c r="C100" s="28">
        <v>5</v>
      </c>
      <c r="D100" s="29">
        <v>7</v>
      </c>
    </row>
    <row r="101" spans="1:4" ht="18" customHeight="1" x14ac:dyDescent="0.2">
      <c r="A101" s="31">
        <v>79</v>
      </c>
      <c r="B101" s="27">
        <v>5</v>
      </c>
      <c r="C101" s="28">
        <v>4</v>
      </c>
      <c r="D101" s="29">
        <v>9</v>
      </c>
    </row>
    <row r="102" spans="1:4" ht="18" customHeight="1" x14ac:dyDescent="0.2">
      <c r="A102" s="31" t="s">
        <v>65</v>
      </c>
      <c r="B102" s="27">
        <v>26</v>
      </c>
      <c r="C102" s="28">
        <v>27</v>
      </c>
      <c r="D102" s="29">
        <v>53</v>
      </c>
    </row>
    <row r="103" spans="1:4" ht="18" customHeight="1" x14ac:dyDescent="0.2">
      <c r="A103" s="31">
        <v>80</v>
      </c>
      <c r="B103" s="27">
        <v>2</v>
      </c>
      <c r="C103" s="28">
        <v>6</v>
      </c>
      <c r="D103" s="29">
        <v>8</v>
      </c>
    </row>
    <row r="104" spans="1:4" ht="18" customHeight="1" x14ac:dyDescent="0.2">
      <c r="A104" s="31">
        <v>81</v>
      </c>
      <c r="B104" s="27">
        <v>4</v>
      </c>
      <c r="C104" s="28">
        <v>8</v>
      </c>
      <c r="D104" s="29">
        <v>12</v>
      </c>
    </row>
    <row r="105" spans="1:4" ht="18" customHeight="1" x14ac:dyDescent="0.2">
      <c r="A105" s="31">
        <v>82</v>
      </c>
      <c r="B105" s="27">
        <v>5</v>
      </c>
      <c r="C105" s="28">
        <v>4</v>
      </c>
      <c r="D105" s="29">
        <v>9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1</v>
      </c>
      <c r="C107" s="28">
        <v>3</v>
      </c>
      <c r="D107" s="29">
        <v>4</v>
      </c>
    </row>
    <row r="108" spans="1:4" ht="18" customHeight="1" x14ac:dyDescent="0.2">
      <c r="A108" s="31" t="s">
        <v>66</v>
      </c>
      <c r="B108" s="27">
        <v>16</v>
      </c>
      <c r="C108" s="28">
        <v>27</v>
      </c>
      <c r="D108" s="29">
        <v>43</v>
      </c>
    </row>
    <row r="109" spans="1:4" ht="18" customHeight="1" x14ac:dyDescent="0.2">
      <c r="A109" s="31">
        <v>85</v>
      </c>
      <c r="B109" s="27">
        <v>2</v>
      </c>
      <c r="C109" s="28">
        <v>7</v>
      </c>
      <c r="D109" s="29">
        <v>9</v>
      </c>
    </row>
    <row r="110" spans="1:4" ht="18" customHeight="1" x14ac:dyDescent="0.2">
      <c r="A110" s="31">
        <v>86</v>
      </c>
      <c r="B110" s="27">
        <v>3</v>
      </c>
      <c r="C110" s="28">
        <v>4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8</v>
      </c>
      <c r="D111" s="29">
        <v>9</v>
      </c>
    </row>
    <row r="112" spans="1:4" ht="18" customHeight="1" x14ac:dyDescent="0.2">
      <c r="A112" s="31">
        <v>88</v>
      </c>
      <c r="B112" s="27">
        <v>0</v>
      </c>
      <c r="C112" s="28">
        <v>11</v>
      </c>
      <c r="D112" s="29">
        <v>11</v>
      </c>
    </row>
    <row r="113" spans="1:4" ht="18" customHeight="1" x14ac:dyDescent="0.2">
      <c r="A113" s="31">
        <v>89</v>
      </c>
      <c r="B113" s="27">
        <v>2</v>
      </c>
      <c r="C113" s="28">
        <v>9</v>
      </c>
      <c r="D113" s="29">
        <v>11</v>
      </c>
    </row>
    <row r="114" spans="1:4" ht="18" customHeight="1" x14ac:dyDescent="0.2">
      <c r="A114" s="31" t="s">
        <v>67</v>
      </c>
      <c r="B114" s="27">
        <v>8</v>
      </c>
      <c r="C114" s="28">
        <v>39</v>
      </c>
      <c r="D114" s="29">
        <v>47</v>
      </c>
    </row>
    <row r="115" spans="1:4" ht="18" customHeight="1" x14ac:dyDescent="0.2">
      <c r="A115" s="31">
        <v>90</v>
      </c>
      <c r="B115" s="27">
        <v>3</v>
      </c>
      <c r="C115" s="28">
        <v>11</v>
      </c>
      <c r="D115" s="29">
        <v>14</v>
      </c>
    </row>
    <row r="116" spans="1:4" ht="18" customHeight="1" x14ac:dyDescent="0.2">
      <c r="A116" s="31">
        <v>91</v>
      </c>
      <c r="B116" s="27">
        <v>4</v>
      </c>
      <c r="C116" s="28">
        <v>4</v>
      </c>
      <c r="D116" s="29">
        <v>8</v>
      </c>
    </row>
    <row r="117" spans="1:4" ht="18" customHeight="1" x14ac:dyDescent="0.2">
      <c r="A117" s="31">
        <v>92</v>
      </c>
      <c r="B117" s="27">
        <v>2</v>
      </c>
      <c r="C117" s="28">
        <v>5</v>
      </c>
      <c r="D117" s="29">
        <v>7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12</v>
      </c>
      <c r="C120" s="28">
        <v>30</v>
      </c>
      <c r="D120" s="29">
        <v>42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2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153</v>
      </c>
      <c r="C130" s="5">
        <v>203</v>
      </c>
      <c r="D130" s="6">
        <v>356</v>
      </c>
    </row>
    <row r="131" spans="1:4" ht="18" customHeight="1" x14ac:dyDescent="0.2">
      <c r="A131" s="33" t="s">
        <v>47</v>
      </c>
      <c r="B131" s="7">
        <v>363</v>
      </c>
      <c r="C131" s="8">
        <v>386</v>
      </c>
      <c r="D131" s="9">
        <v>74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0</v>
      </c>
      <c r="C10" s="28">
        <v>2</v>
      </c>
      <c r="D10" s="29">
        <v>2</v>
      </c>
    </row>
    <row r="11" spans="1:10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0</v>
      </c>
      <c r="C16" s="28">
        <v>3</v>
      </c>
      <c r="D16" s="29">
        <v>3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51</v>
      </c>
      <c r="B23" s="27">
        <v>1</v>
      </c>
      <c r="C23" s="28">
        <v>6</v>
      </c>
      <c r="D23" s="29">
        <v>7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2</v>
      </c>
      <c r="D32" s="29">
        <v>2</v>
      </c>
    </row>
    <row r="33" spans="1:4" ht="18" customHeight="1" x14ac:dyDescent="0.2">
      <c r="A33" s="31">
        <v>23</v>
      </c>
      <c r="B33" s="27">
        <v>0</v>
      </c>
      <c r="C33" s="28">
        <v>2</v>
      </c>
      <c r="D33" s="29">
        <v>2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2</v>
      </c>
      <c r="C35" s="28">
        <v>7</v>
      </c>
      <c r="D35" s="29">
        <v>9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2</v>
      </c>
      <c r="C41" s="28">
        <v>3</v>
      </c>
      <c r="D41" s="29">
        <v>5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3</v>
      </c>
      <c r="C43" s="28">
        <v>0</v>
      </c>
      <c r="D43" s="29">
        <v>3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6</v>
      </c>
      <c r="C47" s="28">
        <v>2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3</v>
      </c>
      <c r="C49" s="28">
        <v>0</v>
      </c>
      <c r="D49" s="29">
        <v>3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2</v>
      </c>
      <c r="C51" s="28">
        <v>0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0</v>
      </c>
      <c r="D52" s="29">
        <v>2</v>
      </c>
    </row>
    <row r="53" spans="1:4" ht="18" customHeight="1" x14ac:dyDescent="0.2">
      <c r="A53" s="31" t="s">
        <v>56</v>
      </c>
      <c r="B53" s="27">
        <v>7</v>
      </c>
      <c r="C53" s="28">
        <v>3</v>
      </c>
      <c r="D53" s="29">
        <v>10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2</v>
      </c>
      <c r="D59" s="29">
        <v>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1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2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0</v>
      </c>
      <c r="C68" s="28">
        <v>2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0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3</v>
      </c>
      <c r="C71" s="28">
        <v>5</v>
      </c>
      <c r="D71" s="29">
        <v>8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2</v>
      </c>
      <c r="C76" s="28">
        <v>0</v>
      </c>
      <c r="D76" s="29">
        <v>2</v>
      </c>
    </row>
    <row r="77" spans="1:4" ht="18" customHeight="1" x14ac:dyDescent="0.2">
      <c r="A77" s="31" t="s">
        <v>60</v>
      </c>
      <c r="B77" s="27">
        <v>8</v>
      </c>
      <c r="C77" s="28">
        <v>5</v>
      </c>
      <c r="D77" s="29">
        <v>13</v>
      </c>
    </row>
    <row r="78" spans="1:4" ht="18" customHeight="1" x14ac:dyDescent="0.2">
      <c r="A78" s="31">
        <v>60</v>
      </c>
      <c r="B78" s="27">
        <v>0</v>
      </c>
      <c r="C78" s="28">
        <v>1</v>
      </c>
      <c r="D78" s="29">
        <v>1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0</v>
      </c>
      <c r="C80" s="28">
        <v>5</v>
      </c>
      <c r="D80" s="29">
        <v>5</v>
      </c>
    </row>
    <row r="81" spans="1:4" ht="18" customHeight="1" x14ac:dyDescent="0.2">
      <c r="A81" s="31">
        <v>63</v>
      </c>
      <c r="B81" s="27">
        <v>0</v>
      </c>
      <c r="C81" s="28">
        <v>4</v>
      </c>
      <c r="D81" s="29">
        <v>4</v>
      </c>
    </row>
    <row r="82" spans="1:4" ht="18" customHeight="1" x14ac:dyDescent="0.2">
      <c r="A82" s="31">
        <v>64</v>
      </c>
      <c r="B82" s="27">
        <v>2</v>
      </c>
      <c r="C82" s="28">
        <v>1</v>
      </c>
      <c r="D82" s="29">
        <v>3</v>
      </c>
    </row>
    <row r="83" spans="1:4" ht="18" customHeight="1" x14ac:dyDescent="0.2">
      <c r="A83" s="31" t="s">
        <v>61</v>
      </c>
      <c r="B83" s="27">
        <v>4</v>
      </c>
      <c r="C83" s="28">
        <v>13</v>
      </c>
      <c r="D83" s="29">
        <v>17</v>
      </c>
    </row>
    <row r="84" spans="1:4" ht="18" customHeight="1" x14ac:dyDescent="0.2">
      <c r="A84" s="31" t="s">
        <v>62</v>
      </c>
      <c r="B84" s="27">
        <v>36</v>
      </c>
      <c r="C84" s="28">
        <v>45</v>
      </c>
      <c r="D84" s="29">
        <v>81</v>
      </c>
    </row>
    <row r="85" spans="1:4" ht="18" customHeight="1" x14ac:dyDescent="0.2">
      <c r="A85" s="31">
        <v>65</v>
      </c>
      <c r="B85" s="27">
        <v>1</v>
      </c>
      <c r="C85" s="28">
        <v>1</v>
      </c>
      <c r="D85" s="29">
        <v>2</v>
      </c>
    </row>
    <row r="86" spans="1:4" ht="18" customHeight="1" x14ac:dyDescent="0.2">
      <c r="A86" s="31">
        <v>66</v>
      </c>
      <c r="B86" s="27">
        <v>3</v>
      </c>
      <c r="C86" s="28">
        <v>2</v>
      </c>
      <c r="D86" s="29">
        <v>5</v>
      </c>
    </row>
    <row r="87" spans="1:4" ht="18" customHeight="1" x14ac:dyDescent="0.2">
      <c r="A87" s="31">
        <v>67</v>
      </c>
      <c r="B87" s="27">
        <v>2</v>
      </c>
      <c r="C87" s="28">
        <v>0</v>
      </c>
      <c r="D87" s="29">
        <v>2</v>
      </c>
    </row>
    <row r="88" spans="1:4" ht="18" customHeight="1" x14ac:dyDescent="0.2">
      <c r="A88" s="31">
        <v>68</v>
      </c>
      <c r="B88" s="27">
        <v>2</v>
      </c>
      <c r="C88" s="28">
        <v>0</v>
      </c>
      <c r="D88" s="29">
        <v>2</v>
      </c>
    </row>
    <row r="89" spans="1:4" ht="18" customHeight="1" x14ac:dyDescent="0.2">
      <c r="A89" s="31">
        <v>69</v>
      </c>
      <c r="B89" s="27">
        <v>4</v>
      </c>
      <c r="C89" s="28">
        <v>1</v>
      </c>
      <c r="D89" s="29">
        <v>5</v>
      </c>
    </row>
    <row r="90" spans="1:4" ht="18" customHeight="1" x14ac:dyDescent="0.2">
      <c r="A90" s="31" t="s">
        <v>63</v>
      </c>
      <c r="B90" s="27">
        <v>12</v>
      </c>
      <c r="C90" s="28">
        <v>4</v>
      </c>
      <c r="D90" s="29">
        <v>16</v>
      </c>
    </row>
    <row r="91" spans="1:4" ht="18" customHeight="1" x14ac:dyDescent="0.2">
      <c r="A91" s="31">
        <v>70</v>
      </c>
      <c r="B91" s="27">
        <v>4</v>
      </c>
      <c r="C91" s="28">
        <v>2</v>
      </c>
      <c r="D91" s="29">
        <v>6</v>
      </c>
    </row>
    <row r="92" spans="1:4" ht="18" customHeight="1" x14ac:dyDescent="0.2">
      <c r="A92" s="31">
        <v>71</v>
      </c>
      <c r="B92" s="27">
        <v>3</v>
      </c>
      <c r="C92" s="28">
        <v>4</v>
      </c>
      <c r="D92" s="29">
        <v>7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9</v>
      </c>
      <c r="C96" s="28">
        <v>10</v>
      </c>
      <c r="D96" s="29">
        <v>19</v>
      </c>
    </row>
    <row r="97" spans="1:4" ht="18" customHeight="1" x14ac:dyDescent="0.2">
      <c r="A97" s="31">
        <v>75</v>
      </c>
      <c r="B97" s="27">
        <v>2</v>
      </c>
      <c r="C97" s="28">
        <v>0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3</v>
      </c>
      <c r="D98" s="29">
        <v>3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4</v>
      </c>
      <c r="D100" s="29">
        <v>5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65</v>
      </c>
      <c r="B102" s="27">
        <v>4</v>
      </c>
      <c r="C102" s="28">
        <v>9</v>
      </c>
      <c r="D102" s="29">
        <v>13</v>
      </c>
    </row>
    <row r="103" spans="1:4" ht="18" customHeight="1" x14ac:dyDescent="0.2">
      <c r="A103" s="31">
        <v>80</v>
      </c>
      <c r="B103" s="27">
        <v>2</v>
      </c>
      <c r="C103" s="28">
        <v>4</v>
      </c>
      <c r="D103" s="29">
        <v>6</v>
      </c>
    </row>
    <row r="104" spans="1:4" ht="18" customHeight="1" x14ac:dyDescent="0.2">
      <c r="A104" s="31">
        <v>81</v>
      </c>
      <c r="B104" s="27">
        <v>2</v>
      </c>
      <c r="C104" s="28">
        <v>3</v>
      </c>
      <c r="D104" s="29">
        <v>5</v>
      </c>
    </row>
    <row r="105" spans="1:4" ht="18" customHeight="1" x14ac:dyDescent="0.2">
      <c r="A105" s="31">
        <v>82</v>
      </c>
      <c r="B105" s="27">
        <v>5</v>
      </c>
      <c r="C105" s="28">
        <v>1</v>
      </c>
      <c r="D105" s="29">
        <v>6</v>
      </c>
    </row>
    <row r="106" spans="1:4" ht="18" customHeight="1" x14ac:dyDescent="0.2">
      <c r="A106" s="31">
        <v>83</v>
      </c>
      <c r="B106" s="27">
        <v>0</v>
      </c>
      <c r="C106" s="28">
        <v>3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66</v>
      </c>
      <c r="B108" s="27">
        <v>10</v>
      </c>
      <c r="C108" s="28">
        <v>15</v>
      </c>
      <c r="D108" s="29">
        <v>25</v>
      </c>
    </row>
    <row r="109" spans="1:4" ht="18" customHeight="1" x14ac:dyDescent="0.2">
      <c r="A109" s="31">
        <v>85</v>
      </c>
      <c r="B109" s="27">
        <v>2</v>
      </c>
      <c r="C109" s="28">
        <v>1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7</v>
      </c>
      <c r="D114" s="29">
        <v>11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1</v>
      </c>
      <c r="C120" s="28">
        <v>6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1</v>
      </c>
      <c r="C130" s="5">
        <v>52</v>
      </c>
      <c r="D130" s="6">
        <v>93</v>
      </c>
    </row>
    <row r="131" spans="1:4" ht="18" customHeight="1" x14ac:dyDescent="0.2">
      <c r="A131" s="33" t="s">
        <v>47</v>
      </c>
      <c r="B131" s="7">
        <v>78</v>
      </c>
      <c r="C131" s="8">
        <v>103</v>
      </c>
      <c r="D131" s="9">
        <v>18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10" ht="18" customHeight="1" x14ac:dyDescent="0.2">
      <c r="A10" s="31" t="s">
        <v>48</v>
      </c>
      <c r="B10" s="27">
        <v>2</v>
      </c>
      <c r="C10" s="28">
        <v>0</v>
      </c>
      <c r="D10" s="29">
        <v>2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1</v>
      </c>
      <c r="C16" s="28">
        <v>0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3</v>
      </c>
      <c r="C23" s="28">
        <v>0</v>
      </c>
      <c r="D23" s="29">
        <v>3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</v>
      </c>
      <c r="C41" s="28">
        <v>0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1</v>
      </c>
      <c r="C47" s="28">
        <v>0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1</v>
      </c>
      <c r="D59" s="29">
        <v>1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3</v>
      </c>
      <c r="C65" s="28">
        <v>0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2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1</v>
      </c>
      <c r="C78" s="28">
        <v>1</v>
      </c>
      <c r="D78" s="29">
        <v>2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3</v>
      </c>
      <c r="C83" s="28">
        <v>1</v>
      </c>
      <c r="D83" s="29">
        <v>4</v>
      </c>
    </row>
    <row r="84" spans="1:4" ht="18" customHeight="1" x14ac:dyDescent="0.2">
      <c r="A84" s="31" t="s">
        <v>62</v>
      </c>
      <c r="B84" s="27">
        <v>10</v>
      </c>
      <c r="C84" s="28">
        <v>5</v>
      </c>
      <c r="D84" s="29">
        <v>15</v>
      </c>
    </row>
    <row r="85" spans="1:4" ht="18" customHeight="1" x14ac:dyDescent="0.2">
      <c r="A85" s="31">
        <v>65</v>
      </c>
      <c r="B85" s="27">
        <v>2</v>
      </c>
      <c r="C85" s="28">
        <v>0</v>
      </c>
      <c r="D85" s="29">
        <v>2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0</v>
      </c>
      <c r="C89" s="28">
        <v>1</v>
      </c>
      <c r="D89" s="29">
        <v>1</v>
      </c>
    </row>
    <row r="90" spans="1:4" ht="18" customHeight="1" x14ac:dyDescent="0.2">
      <c r="A90" s="31" t="s">
        <v>63</v>
      </c>
      <c r="B90" s="27">
        <v>5</v>
      </c>
      <c r="C90" s="28">
        <v>1</v>
      </c>
      <c r="D90" s="29">
        <v>6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1</v>
      </c>
      <c r="C93" s="28">
        <v>1</v>
      </c>
      <c r="D93" s="29">
        <v>2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2</v>
      </c>
      <c r="C96" s="28">
        <v>1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3</v>
      </c>
      <c r="C102" s="28">
        <v>4</v>
      </c>
      <c r="D102" s="29">
        <v>7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5</v>
      </c>
      <c r="C108" s="28">
        <v>7</v>
      </c>
      <c r="D108" s="29">
        <v>12</v>
      </c>
    </row>
    <row r="109" spans="1:4" ht="18" customHeight="1" x14ac:dyDescent="0.2">
      <c r="A109" s="31">
        <v>85</v>
      </c>
      <c r="B109" s="27">
        <v>2</v>
      </c>
      <c r="C109" s="28">
        <v>0</v>
      </c>
      <c r="D109" s="29">
        <v>2</v>
      </c>
    </row>
    <row r="110" spans="1:4" ht="18" customHeight="1" x14ac:dyDescent="0.2">
      <c r="A110" s="31">
        <v>86</v>
      </c>
      <c r="B110" s="27">
        <v>2</v>
      </c>
      <c r="C110" s="28">
        <v>0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5</v>
      </c>
      <c r="C114" s="28">
        <v>1</v>
      </c>
      <c r="D114" s="29">
        <v>6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2</v>
      </c>
      <c r="C130" s="5">
        <v>16</v>
      </c>
      <c r="D130" s="6">
        <v>38</v>
      </c>
    </row>
    <row r="131" spans="1:4" ht="18" customHeight="1" x14ac:dyDescent="0.2">
      <c r="A131" s="33" t="s">
        <v>47</v>
      </c>
      <c r="B131" s="7">
        <v>35</v>
      </c>
      <c r="C131" s="8">
        <v>21</v>
      </c>
      <c r="D131" s="9">
        <v>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5</v>
      </c>
      <c r="C5" s="37">
        <v>45</v>
      </c>
      <c r="D5" s="39">
        <v>90</v>
      </c>
    </row>
    <row r="6" spans="1:10" ht="18" customHeight="1" x14ac:dyDescent="0.2">
      <c r="A6" s="31">
        <v>1</v>
      </c>
      <c r="B6" s="35">
        <v>61</v>
      </c>
      <c r="C6" s="28">
        <v>64</v>
      </c>
      <c r="D6" s="29">
        <v>125</v>
      </c>
    </row>
    <row r="7" spans="1:10" ht="18" customHeight="1" x14ac:dyDescent="0.2">
      <c r="A7" s="31">
        <v>2</v>
      </c>
      <c r="B7" s="35">
        <v>54</v>
      </c>
      <c r="C7" s="28">
        <v>63</v>
      </c>
      <c r="D7" s="29">
        <v>117</v>
      </c>
    </row>
    <row r="8" spans="1:10" ht="18" customHeight="1" x14ac:dyDescent="0.2">
      <c r="A8" s="31">
        <v>3</v>
      </c>
      <c r="B8" s="35">
        <v>60</v>
      </c>
      <c r="C8" s="28">
        <v>70</v>
      </c>
      <c r="D8" s="29">
        <v>130</v>
      </c>
    </row>
    <row r="9" spans="1:10" ht="18" customHeight="1" x14ac:dyDescent="0.2">
      <c r="A9" s="31">
        <v>4</v>
      </c>
      <c r="B9" s="36">
        <v>60</v>
      </c>
      <c r="C9" s="38">
        <v>64</v>
      </c>
      <c r="D9" s="40">
        <v>124</v>
      </c>
    </row>
    <row r="10" spans="1:10" ht="18" customHeight="1" x14ac:dyDescent="0.2">
      <c r="A10" s="31" t="s">
        <v>48</v>
      </c>
      <c r="B10" s="27">
        <v>280</v>
      </c>
      <c r="C10" s="28">
        <v>306</v>
      </c>
      <c r="D10" s="29">
        <v>586</v>
      </c>
    </row>
    <row r="11" spans="1:10" ht="18" customHeight="1" x14ac:dyDescent="0.2">
      <c r="A11" s="31">
        <v>5</v>
      </c>
      <c r="B11" s="35">
        <v>70</v>
      </c>
      <c r="C11" s="28">
        <v>67</v>
      </c>
      <c r="D11" s="29">
        <v>137</v>
      </c>
    </row>
    <row r="12" spans="1:10" ht="18" customHeight="1" x14ac:dyDescent="0.2">
      <c r="A12" s="31">
        <v>6</v>
      </c>
      <c r="B12" s="35">
        <v>61</v>
      </c>
      <c r="C12" s="28">
        <v>63</v>
      </c>
      <c r="D12" s="29">
        <v>124</v>
      </c>
    </row>
    <row r="13" spans="1:10" ht="18" customHeight="1" x14ac:dyDescent="0.2">
      <c r="A13" s="31">
        <v>7</v>
      </c>
      <c r="B13" s="35">
        <v>70</v>
      </c>
      <c r="C13" s="28">
        <v>61</v>
      </c>
      <c r="D13" s="29">
        <v>131</v>
      </c>
    </row>
    <row r="14" spans="1:10" ht="18" customHeight="1" x14ac:dyDescent="0.2">
      <c r="A14" s="31">
        <v>8</v>
      </c>
      <c r="B14" s="35">
        <v>65</v>
      </c>
      <c r="C14" s="28">
        <v>89</v>
      </c>
      <c r="D14" s="29">
        <v>154</v>
      </c>
    </row>
    <row r="15" spans="1:10" ht="18" customHeight="1" x14ac:dyDescent="0.2">
      <c r="A15" s="31">
        <v>9</v>
      </c>
      <c r="B15" s="35">
        <v>80</v>
      </c>
      <c r="C15" s="28">
        <v>70</v>
      </c>
      <c r="D15" s="29">
        <v>150</v>
      </c>
    </row>
    <row r="16" spans="1:10" ht="18" customHeight="1" x14ac:dyDescent="0.2">
      <c r="A16" s="31" t="s">
        <v>49</v>
      </c>
      <c r="B16" s="27">
        <v>346</v>
      </c>
      <c r="C16" s="28">
        <v>350</v>
      </c>
      <c r="D16" s="29">
        <v>696</v>
      </c>
    </row>
    <row r="17" spans="1:4" ht="18" customHeight="1" x14ac:dyDescent="0.2">
      <c r="A17" s="31">
        <v>10</v>
      </c>
      <c r="B17" s="27">
        <v>84</v>
      </c>
      <c r="C17" s="28">
        <v>83</v>
      </c>
      <c r="D17" s="29">
        <v>167</v>
      </c>
    </row>
    <row r="18" spans="1:4" ht="18" customHeight="1" x14ac:dyDescent="0.2">
      <c r="A18" s="31">
        <v>11</v>
      </c>
      <c r="B18" s="27">
        <v>74</v>
      </c>
      <c r="C18" s="28">
        <v>67</v>
      </c>
      <c r="D18" s="29">
        <v>141</v>
      </c>
    </row>
    <row r="19" spans="1:4" ht="18" customHeight="1" x14ac:dyDescent="0.2">
      <c r="A19" s="31">
        <v>12</v>
      </c>
      <c r="B19" s="27">
        <v>108</v>
      </c>
      <c r="C19" s="28">
        <v>80</v>
      </c>
      <c r="D19" s="29">
        <v>188</v>
      </c>
    </row>
    <row r="20" spans="1:4" ht="18" customHeight="1" x14ac:dyDescent="0.2">
      <c r="A20" s="31">
        <v>13</v>
      </c>
      <c r="B20" s="27">
        <v>89</v>
      </c>
      <c r="C20" s="28">
        <v>88</v>
      </c>
      <c r="D20" s="29">
        <v>177</v>
      </c>
    </row>
    <row r="21" spans="1:4" ht="18" customHeight="1" x14ac:dyDescent="0.2">
      <c r="A21" s="31">
        <v>14</v>
      </c>
      <c r="B21" s="27">
        <v>105</v>
      </c>
      <c r="C21" s="28">
        <v>87</v>
      </c>
      <c r="D21" s="29">
        <v>192</v>
      </c>
    </row>
    <row r="22" spans="1:4" ht="18" customHeight="1" x14ac:dyDescent="0.2">
      <c r="A22" s="31" t="s">
        <v>50</v>
      </c>
      <c r="B22" s="27">
        <v>460</v>
      </c>
      <c r="C22" s="28">
        <v>405</v>
      </c>
      <c r="D22" s="29">
        <v>865</v>
      </c>
    </row>
    <row r="23" spans="1:4" ht="18" customHeight="1" x14ac:dyDescent="0.2">
      <c r="A23" s="31" t="s">
        <v>51</v>
      </c>
      <c r="B23" s="27">
        <v>1086</v>
      </c>
      <c r="C23" s="28">
        <v>1061</v>
      </c>
      <c r="D23" s="29">
        <v>2147</v>
      </c>
    </row>
    <row r="24" spans="1:4" ht="18" customHeight="1" x14ac:dyDescent="0.2">
      <c r="A24" s="31">
        <v>15</v>
      </c>
      <c r="B24" s="27">
        <v>90</v>
      </c>
      <c r="C24" s="28">
        <v>95</v>
      </c>
      <c r="D24" s="29">
        <v>185</v>
      </c>
    </row>
    <row r="25" spans="1:4" ht="18" customHeight="1" x14ac:dyDescent="0.2">
      <c r="A25" s="31">
        <v>16</v>
      </c>
      <c r="B25" s="27">
        <v>112</v>
      </c>
      <c r="C25" s="28">
        <v>99</v>
      </c>
      <c r="D25" s="29">
        <v>211</v>
      </c>
    </row>
    <row r="26" spans="1:4" ht="18" customHeight="1" x14ac:dyDescent="0.2">
      <c r="A26" s="31">
        <v>17</v>
      </c>
      <c r="B26" s="27">
        <v>124</v>
      </c>
      <c r="C26" s="28">
        <v>91</v>
      </c>
      <c r="D26" s="29">
        <v>215</v>
      </c>
    </row>
    <row r="27" spans="1:4" ht="18" customHeight="1" x14ac:dyDescent="0.2">
      <c r="A27" s="31">
        <v>18</v>
      </c>
      <c r="B27" s="27">
        <v>91</v>
      </c>
      <c r="C27" s="28">
        <v>104</v>
      </c>
      <c r="D27" s="29">
        <v>195</v>
      </c>
    </row>
    <row r="28" spans="1:4" ht="18" customHeight="1" x14ac:dyDescent="0.2">
      <c r="A28" s="31">
        <v>19</v>
      </c>
      <c r="B28" s="27">
        <v>96</v>
      </c>
      <c r="C28" s="28">
        <v>100</v>
      </c>
      <c r="D28" s="29">
        <v>196</v>
      </c>
    </row>
    <row r="29" spans="1:4" ht="18" customHeight="1" x14ac:dyDescent="0.2">
      <c r="A29" s="31" t="s">
        <v>52</v>
      </c>
      <c r="B29" s="27">
        <v>513</v>
      </c>
      <c r="C29" s="28">
        <v>489</v>
      </c>
      <c r="D29" s="29">
        <v>1002</v>
      </c>
    </row>
    <row r="30" spans="1:4" ht="18" customHeight="1" x14ac:dyDescent="0.2">
      <c r="A30" s="31">
        <v>20</v>
      </c>
      <c r="B30" s="27">
        <v>118</v>
      </c>
      <c r="C30" s="28">
        <v>93</v>
      </c>
      <c r="D30" s="29">
        <v>211</v>
      </c>
    </row>
    <row r="31" spans="1:4" ht="18" customHeight="1" x14ac:dyDescent="0.2">
      <c r="A31" s="31">
        <v>21</v>
      </c>
      <c r="B31" s="27">
        <v>89</v>
      </c>
      <c r="C31" s="28">
        <v>97</v>
      </c>
      <c r="D31" s="29">
        <v>186</v>
      </c>
    </row>
    <row r="32" spans="1:4" ht="18" customHeight="1" x14ac:dyDescent="0.2">
      <c r="A32" s="31">
        <v>22</v>
      </c>
      <c r="B32" s="27">
        <v>111</v>
      </c>
      <c r="C32" s="28">
        <v>99</v>
      </c>
      <c r="D32" s="29">
        <v>210</v>
      </c>
    </row>
    <row r="33" spans="1:4" ht="18" customHeight="1" x14ac:dyDescent="0.2">
      <c r="A33" s="31">
        <v>23</v>
      </c>
      <c r="B33" s="27">
        <v>94</v>
      </c>
      <c r="C33" s="28">
        <v>78</v>
      </c>
      <c r="D33" s="29">
        <v>172</v>
      </c>
    </row>
    <row r="34" spans="1:4" ht="18" customHeight="1" x14ac:dyDescent="0.2">
      <c r="A34" s="31">
        <v>24</v>
      </c>
      <c r="B34" s="27">
        <v>99</v>
      </c>
      <c r="C34" s="28">
        <v>72</v>
      </c>
      <c r="D34" s="29">
        <v>171</v>
      </c>
    </row>
    <row r="35" spans="1:4" ht="18" customHeight="1" x14ac:dyDescent="0.2">
      <c r="A35" s="31" t="s">
        <v>53</v>
      </c>
      <c r="B35" s="27">
        <v>511</v>
      </c>
      <c r="C35" s="28">
        <v>439</v>
      </c>
      <c r="D35" s="29">
        <v>950</v>
      </c>
    </row>
    <row r="36" spans="1:4" ht="18" customHeight="1" x14ac:dyDescent="0.2">
      <c r="A36" s="31">
        <v>25</v>
      </c>
      <c r="B36" s="27">
        <v>72</v>
      </c>
      <c r="C36" s="28">
        <v>71</v>
      </c>
      <c r="D36" s="29">
        <v>143</v>
      </c>
    </row>
    <row r="37" spans="1:4" ht="18" customHeight="1" x14ac:dyDescent="0.2">
      <c r="A37" s="31">
        <v>26</v>
      </c>
      <c r="B37" s="27">
        <v>94</v>
      </c>
      <c r="C37" s="28">
        <v>76</v>
      </c>
      <c r="D37" s="29">
        <v>170</v>
      </c>
    </row>
    <row r="38" spans="1:4" ht="18" customHeight="1" x14ac:dyDescent="0.2">
      <c r="A38" s="31">
        <v>27</v>
      </c>
      <c r="B38" s="27">
        <v>102</v>
      </c>
      <c r="C38" s="28">
        <v>62</v>
      </c>
      <c r="D38" s="29">
        <v>164</v>
      </c>
    </row>
    <row r="39" spans="1:4" ht="18" customHeight="1" x14ac:dyDescent="0.2">
      <c r="A39" s="31">
        <v>28</v>
      </c>
      <c r="B39" s="27">
        <v>78</v>
      </c>
      <c r="C39" s="28">
        <v>63</v>
      </c>
      <c r="D39" s="29">
        <v>141</v>
      </c>
    </row>
    <row r="40" spans="1:4" ht="18" customHeight="1" x14ac:dyDescent="0.2">
      <c r="A40" s="31">
        <v>29</v>
      </c>
      <c r="B40" s="27">
        <v>75</v>
      </c>
      <c r="C40" s="28">
        <v>72</v>
      </c>
      <c r="D40" s="29">
        <v>147</v>
      </c>
    </row>
    <row r="41" spans="1:4" ht="18" customHeight="1" x14ac:dyDescent="0.2">
      <c r="A41" s="31" t="s">
        <v>54</v>
      </c>
      <c r="B41" s="27">
        <v>421</v>
      </c>
      <c r="C41" s="28">
        <v>344</v>
      </c>
      <c r="D41" s="29">
        <v>765</v>
      </c>
    </row>
    <row r="42" spans="1:4" ht="18" customHeight="1" x14ac:dyDescent="0.2">
      <c r="A42" s="31">
        <v>30</v>
      </c>
      <c r="B42" s="27">
        <v>100</v>
      </c>
      <c r="C42" s="28">
        <v>74</v>
      </c>
      <c r="D42" s="29">
        <v>174</v>
      </c>
    </row>
    <row r="43" spans="1:4" ht="18" customHeight="1" x14ac:dyDescent="0.2">
      <c r="A43" s="31">
        <v>31</v>
      </c>
      <c r="B43" s="27">
        <v>95</v>
      </c>
      <c r="C43" s="28">
        <v>89</v>
      </c>
      <c r="D43" s="29">
        <v>184</v>
      </c>
    </row>
    <row r="44" spans="1:4" ht="18" customHeight="1" x14ac:dyDescent="0.2">
      <c r="A44" s="31">
        <v>32</v>
      </c>
      <c r="B44" s="27">
        <v>93</v>
      </c>
      <c r="C44" s="28">
        <v>90</v>
      </c>
      <c r="D44" s="29">
        <v>183</v>
      </c>
    </row>
    <row r="45" spans="1:4" ht="18" customHeight="1" x14ac:dyDescent="0.2">
      <c r="A45" s="31">
        <v>33</v>
      </c>
      <c r="B45" s="27">
        <v>86</v>
      </c>
      <c r="C45" s="28">
        <v>88</v>
      </c>
      <c r="D45" s="29">
        <v>174</v>
      </c>
    </row>
    <row r="46" spans="1:4" ht="18" customHeight="1" x14ac:dyDescent="0.2">
      <c r="A46" s="31">
        <v>34</v>
      </c>
      <c r="B46" s="27">
        <v>100</v>
      </c>
      <c r="C46" s="28">
        <v>103</v>
      </c>
      <c r="D46" s="29">
        <v>203</v>
      </c>
    </row>
    <row r="47" spans="1:4" ht="18" customHeight="1" x14ac:dyDescent="0.2">
      <c r="A47" s="31" t="s">
        <v>55</v>
      </c>
      <c r="B47" s="27">
        <v>474</v>
      </c>
      <c r="C47" s="28">
        <v>444</v>
      </c>
      <c r="D47" s="29">
        <v>918</v>
      </c>
    </row>
    <row r="48" spans="1:4" ht="18" customHeight="1" x14ac:dyDescent="0.2">
      <c r="A48" s="31">
        <v>35</v>
      </c>
      <c r="B48" s="27">
        <v>101</v>
      </c>
      <c r="C48" s="28">
        <v>94</v>
      </c>
      <c r="D48" s="29">
        <v>195</v>
      </c>
    </row>
    <row r="49" spans="1:4" ht="18" customHeight="1" x14ac:dyDescent="0.2">
      <c r="A49" s="31">
        <v>36</v>
      </c>
      <c r="B49" s="27">
        <v>98</v>
      </c>
      <c r="C49" s="28">
        <v>113</v>
      </c>
      <c r="D49" s="29">
        <v>211</v>
      </c>
    </row>
    <row r="50" spans="1:4" ht="18" customHeight="1" x14ac:dyDescent="0.2">
      <c r="A50" s="31">
        <v>37</v>
      </c>
      <c r="B50" s="27">
        <v>119</v>
      </c>
      <c r="C50" s="28">
        <v>104</v>
      </c>
      <c r="D50" s="29">
        <v>223</v>
      </c>
    </row>
    <row r="51" spans="1:4" ht="18" customHeight="1" x14ac:dyDescent="0.2">
      <c r="A51" s="31">
        <v>38</v>
      </c>
      <c r="B51" s="27">
        <v>116</v>
      </c>
      <c r="C51" s="28">
        <v>91</v>
      </c>
      <c r="D51" s="29">
        <v>207</v>
      </c>
    </row>
    <row r="52" spans="1:4" ht="18" customHeight="1" x14ac:dyDescent="0.2">
      <c r="A52" s="31">
        <v>39</v>
      </c>
      <c r="B52" s="27">
        <v>126</v>
      </c>
      <c r="C52" s="28">
        <v>111</v>
      </c>
      <c r="D52" s="29">
        <v>237</v>
      </c>
    </row>
    <row r="53" spans="1:4" ht="18" customHeight="1" x14ac:dyDescent="0.2">
      <c r="A53" s="31" t="s">
        <v>56</v>
      </c>
      <c r="B53" s="27">
        <v>560</v>
      </c>
      <c r="C53" s="28">
        <v>513</v>
      </c>
      <c r="D53" s="29">
        <v>1073</v>
      </c>
    </row>
    <row r="54" spans="1:4" ht="18" customHeight="1" x14ac:dyDescent="0.2">
      <c r="A54" s="31">
        <v>40</v>
      </c>
      <c r="B54" s="27">
        <v>107</v>
      </c>
      <c r="C54" s="28">
        <v>116</v>
      </c>
      <c r="D54" s="29">
        <v>223</v>
      </c>
    </row>
    <row r="55" spans="1:4" ht="18" customHeight="1" x14ac:dyDescent="0.2">
      <c r="A55" s="31">
        <v>41</v>
      </c>
      <c r="B55" s="27">
        <v>116</v>
      </c>
      <c r="C55" s="28">
        <v>115</v>
      </c>
      <c r="D55" s="29">
        <v>231</v>
      </c>
    </row>
    <row r="56" spans="1:4" ht="18" customHeight="1" x14ac:dyDescent="0.2">
      <c r="A56" s="31">
        <v>42</v>
      </c>
      <c r="B56" s="27">
        <v>133</v>
      </c>
      <c r="C56" s="28">
        <v>118</v>
      </c>
      <c r="D56" s="29">
        <v>251</v>
      </c>
    </row>
    <row r="57" spans="1:4" ht="18" customHeight="1" x14ac:dyDescent="0.2">
      <c r="A57" s="31">
        <v>43</v>
      </c>
      <c r="B57" s="27">
        <v>144</v>
      </c>
      <c r="C57" s="28">
        <v>142</v>
      </c>
      <c r="D57" s="29">
        <v>286</v>
      </c>
    </row>
    <row r="58" spans="1:4" ht="18" customHeight="1" x14ac:dyDescent="0.2">
      <c r="A58" s="31">
        <v>44</v>
      </c>
      <c r="B58" s="27">
        <v>133</v>
      </c>
      <c r="C58" s="28">
        <v>133</v>
      </c>
      <c r="D58" s="29">
        <v>266</v>
      </c>
    </row>
    <row r="59" spans="1:4" ht="18" customHeight="1" x14ac:dyDescent="0.2">
      <c r="A59" s="31" t="s">
        <v>57</v>
      </c>
      <c r="B59" s="27">
        <v>633</v>
      </c>
      <c r="C59" s="28">
        <v>624</v>
      </c>
      <c r="D59" s="29">
        <v>1257</v>
      </c>
    </row>
    <row r="60" spans="1:4" ht="18" customHeight="1" x14ac:dyDescent="0.2">
      <c r="A60" s="31">
        <v>45</v>
      </c>
      <c r="B60" s="27">
        <v>167</v>
      </c>
      <c r="C60" s="28">
        <v>128</v>
      </c>
      <c r="D60" s="29">
        <v>295</v>
      </c>
    </row>
    <row r="61" spans="1:4" ht="18" customHeight="1" x14ac:dyDescent="0.2">
      <c r="A61" s="31">
        <v>46</v>
      </c>
      <c r="B61" s="27">
        <v>145</v>
      </c>
      <c r="C61" s="28">
        <v>154</v>
      </c>
      <c r="D61" s="29">
        <v>299</v>
      </c>
    </row>
    <row r="62" spans="1:4" ht="18" customHeight="1" x14ac:dyDescent="0.2">
      <c r="A62" s="31">
        <v>47</v>
      </c>
      <c r="B62" s="27">
        <v>131</v>
      </c>
      <c r="C62" s="28">
        <v>126</v>
      </c>
      <c r="D62" s="29">
        <v>257</v>
      </c>
    </row>
    <row r="63" spans="1:4" ht="18" customHeight="1" x14ac:dyDescent="0.2">
      <c r="A63" s="31">
        <v>48</v>
      </c>
      <c r="B63" s="27">
        <v>162</v>
      </c>
      <c r="C63" s="28">
        <v>135</v>
      </c>
      <c r="D63" s="29">
        <v>297</v>
      </c>
    </row>
    <row r="64" spans="1:4" ht="18" customHeight="1" x14ac:dyDescent="0.2">
      <c r="A64" s="31">
        <v>49</v>
      </c>
      <c r="B64" s="27">
        <v>125</v>
      </c>
      <c r="C64" s="28">
        <v>128</v>
      </c>
      <c r="D64" s="29">
        <v>253</v>
      </c>
    </row>
    <row r="65" spans="1:4" ht="18" customHeight="1" x14ac:dyDescent="0.2">
      <c r="A65" s="31" t="s">
        <v>58</v>
      </c>
      <c r="B65" s="27">
        <v>730</v>
      </c>
      <c r="C65" s="28">
        <v>671</v>
      </c>
      <c r="D65" s="29">
        <v>1401</v>
      </c>
    </row>
    <row r="66" spans="1:4" ht="18" customHeight="1" x14ac:dyDescent="0.2">
      <c r="A66" s="31">
        <v>50</v>
      </c>
      <c r="B66" s="27">
        <v>114</v>
      </c>
      <c r="C66" s="28">
        <v>138</v>
      </c>
      <c r="D66" s="29">
        <v>252</v>
      </c>
    </row>
    <row r="67" spans="1:4" ht="18" customHeight="1" x14ac:dyDescent="0.2">
      <c r="A67" s="31">
        <v>51</v>
      </c>
      <c r="B67" s="27">
        <v>124</v>
      </c>
      <c r="C67" s="28">
        <v>126</v>
      </c>
      <c r="D67" s="29">
        <v>250</v>
      </c>
    </row>
    <row r="68" spans="1:4" ht="18" customHeight="1" x14ac:dyDescent="0.2">
      <c r="A68" s="31">
        <v>52</v>
      </c>
      <c r="B68" s="27">
        <v>76</v>
      </c>
      <c r="C68" s="28">
        <v>92</v>
      </c>
      <c r="D68" s="29">
        <v>168</v>
      </c>
    </row>
    <row r="69" spans="1:4" ht="18" customHeight="1" x14ac:dyDescent="0.2">
      <c r="A69" s="31">
        <v>53</v>
      </c>
      <c r="B69" s="27">
        <v>129</v>
      </c>
      <c r="C69" s="28">
        <v>111</v>
      </c>
      <c r="D69" s="29">
        <v>240</v>
      </c>
    </row>
    <row r="70" spans="1:4" ht="18" customHeight="1" x14ac:dyDescent="0.2">
      <c r="A70" s="31">
        <v>54</v>
      </c>
      <c r="B70" s="27">
        <v>135</v>
      </c>
      <c r="C70" s="28">
        <v>118</v>
      </c>
      <c r="D70" s="29">
        <v>253</v>
      </c>
    </row>
    <row r="71" spans="1:4" ht="18" customHeight="1" x14ac:dyDescent="0.2">
      <c r="A71" s="31" t="s">
        <v>59</v>
      </c>
      <c r="B71" s="27">
        <v>578</v>
      </c>
      <c r="C71" s="28">
        <v>585</v>
      </c>
      <c r="D71" s="29">
        <v>1163</v>
      </c>
    </row>
    <row r="72" spans="1:4" ht="18" customHeight="1" x14ac:dyDescent="0.2">
      <c r="A72" s="31">
        <v>55</v>
      </c>
      <c r="B72" s="27">
        <v>102</v>
      </c>
      <c r="C72" s="28">
        <v>120</v>
      </c>
      <c r="D72" s="29">
        <v>222</v>
      </c>
    </row>
    <row r="73" spans="1:4" ht="18" customHeight="1" x14ac:dyDescent="0.2">
      <c r="A73" s="31">
        <v>56</v>
      </c>
      <c r="B73" s="27">
        <v>117</v>
      </c>
      <c r="C73" s="28">
        <v>96</v>
      </c>
      <c r="D73" s="29">
        <v>213</v>
      </c>
    </row>
    <row r="74" spans="1:4" ht="18" customHeight="1" x14ac:dyDescent="0.2">
      <c r="A74" s="31">
        <v>57</v>
      </c>
      <c r="B74" s="27">
        <v>115</v>
      </c>
      <c r="C74" s="28">
        <v>128</v>
      </c>
      <c r="D74" s="29">
        <v>243</v>
      </c>
    </row>
    <row r="75" spans="1:4" ht="18" customHeight="1" x14ac:dyDescent="0.2">
      <c r="A75" s="31">
        <v>58</v>
      </c>
      <c r="B75" s="27">
        <v>137</v>
      </c>
      <c r="C75" s="28">
        <v>118</v>
      </c>
      <c r="D75" s="29">
        <v>255</v>
      </c>
    </row>
    <row r="76" spans="1:4" ht="18" customHeight="1" x14ac:dyDescent="0.2">
      <c r="A76" s="31">
        <v>59</v>
      </c>
      <c r="B76" s="27">
        <v>115</v>
      </c>
      <c r="C76" s="28">
        <v>116</v>
      </c>
      <c r="D76" s="29">
        <v>231</v>
      </c>
    </row>
    <row r="77" spans="1:4" ht="18" customHeight="1" x14ac:dyDescent="0.2">
      <c r="A77" s="31" t="s">
        <v>60</v>
      </c>
      <c r="B77" s="27">
        <v>586</v>
      </c>
      <c r="C77" s="28">
        <v>578</v>
      </c>
      <c r="D77" s="29">
        <v>1164</v>
      </c>
    </row>
    <row r="78" spans="1:4" ht="18" customHeight="1" x14ac:dyDescent="0.2">
      <c r="A78" s="31">
        <v>60</v>
      </c>
      <c r="B78" s="27">
        <v>115</v>
      </c>
      <c r="C78" s="28">
        <v>132</v>
      </c>
      <c r="D78" s="29">
        <v>247</v>
      </c>
    </row>
    <row r="79" spans="1:4" ht="18" customHeight="1" x14ac:dyDescent="0.2">
      <c r="A79" s="31">
        <v>61</v>
      </c>
      <c r="B79" s="27">
        <v>126</v>
      </c>
      <c r="C79" s="28">
        <v>136</v>
      </c>
      <c r="D79" s="29">
        <v>262</v>
      </c>
    </row>
    <row r="80" spans="1:4" ht="18" customHeight="1" x14ac:dyDescent="0.2">
      <c r="A80" s="31">
        <v>62</v>
      </c>
      <c r="B80" s="27">
        <v>133</v>
      </c>
      <c r="C80" s="28">
        <v>128</v>
      </c>
      <c r="D80" s="29">
        <v>261</v>
      </c>
    </row>
    <row r="81" spans="1:4" ht="18" customHeight="1" x14ac:dyDescent="0.2">
      <c r="A81" s="31">
        <v>63</v>
      </c>
      <c r="B81" s="27">
        <v>139</v>
      </c>
      <c r="C81" s="28">
        <v>149</v>
      </c>
      <c r="D81" s="29">
        <v>288</v>
      </c>
    </row>
    <row r="82" spans="1:4" ht="18" customHeight="1" x14ac:dyDescent="0.2">
      <c r="A82" s="31">
        <v>64</v>
      </c>
      <c r="B82" s="27">
        <v>162</v>
      </c>
      <c r="C82" s="28">
        <v>169</v>
      </c>
      <c r="D82" s="29">
        <v>331</v>
      </c>
    </row>
    <row r="83" spans="1:4" ht="18" customHeight="1" x14ac:dyDescent="0.2">
      <c r="A83" s="31" t="s">
        <v>61</v>
      </c>
      <c r="B83" s="27">
        <v>675</v>
      </c>
      <c r="C83" s="28">
        <v>714</v>
      </c>
      <c r="D83" s="29">
        <v>1389</v>
      </c>
    </row>
    <row r="84" spans="1:4" ht="18" customHeight="1" x14ac:dyDescent="0.2">
      <c r="A84" s="31" t="s">
        <v>62</v>
      </c>
      <c r="B84" s="27">
        <v>5681</v>
      </c>
      <c r="C84" s="28">
        <v>5401</v>
      </c>
      <c r="D84" s="29">
        <v>11082</v>
      </c>
    </row>
    <row r="85" spans="1:4" ht="18" customHeight="1" x14ac:dyDescent="0.2">
      <c r="A85" s="31">
        <v>65</v>
      </c>
      <c r="B85" s="27">
        <v>170</v>
      </c>
      <c r="C85" s="28">
        <v>154</v>
      </c>
      <c r="D85" s="29">
        <v>324</v>
      </c>
    </row>
    <row r="86" spans="1:4" ht="18" customHeight="1" x14ac:dyDescent="0.2">
      <c r="A86" s="31">
        <v>66</v>
      </c>
      <c r="B86" s="27">
        <v>175</v>
      </c>
      <c r="C86" s="28">
        <v>153</v>
      </c>
      <c r="D86" s="29">
        <v>328</v>
      </c>
    </row>
    <row r="87" spans="1:4" ht="18" customHeight="1" x14ac:dyDescent="0.2">
      <c r="A87" s="31">
        <v>67</v>
      </c>
      <c r="B87" s="27">
        <v>174</v>
      </c>
      <c r="C87" s="28">
        <v>183</v>
      </c>
      <c r="D87" s="29">
        <v>357</v>
      </c>
    </row>
    <row r="88" spans="1:4" ht="18" customHeight="1" x14ac:dyDescent="0.2">
      <c r="A88" s="31">
        <v>68</v>
      </c>
      <c r="B88" s="27">
        <v>192</v>
      </c>
      <c r="C88" s="28">
        <v>177</v>
      </c>
      <c r="D88" s="29">
        <v>369</v>
      </c>
    </row>
    <row r="89" spans="1:4" ht="18" customHeight="1" x14ac:dyDescent="0.2">
      <c r="A89" s="31">
        <v>69</v>
      </c>
      <c r="B89" s="27">
        <v>213</v>
      </c>
      <c r="C89" s="28">
        <v>200</v>
      </c>
      <c r="D89" s="29">
        <v>413</v>
      </c>
    </row>
    <row r="90" spans="1:4" ht="18" customHeight="1" x14ac:dyDescent="0.2">
      <c r="A90" s="31" t="s">
        <v>63</v>
      </c>
      <c r="B90" s="27">
        <v>924</v>
      </c>
      <c r="C90" s="28">
        <v>867</v>
      </c>
      <c r="D90" s="29">
        <v>1791</v>
      </c>
    </row>
    <row r="91" spans="1:4" ht="18" customHeight="1" x14ac:dyDescent="0.2">
      <c r="A91" s="31">
        <v>70</v>
      </c>
      <c r="B91" s="27">
        <v>221</v>
      </c>
      <c r="C91" s="28">
        <v>202</v>
      </c>
      <c r="D91" s="29">
        <v>423</v>
      </c>
    </row>
    <row r="92" spans="1:4" ht="18" customHeight="1" x14ac:dyDescent="0.2">
      <c r="A92" s="31">
        <v>71</v>
      </c>
      <c r="B92" s="27">
        <v>205</v>
      </c>
      <c r="C92" s="28">
        <v>201</v>
      </c>
      <c r="D92" s="29">
        <v>406</v>
      </c>
    </row>
    <row r="93" spans="1:4" ht="18" customHeight="1" x14ac:dyDescent="0.2">
      <c r="A93" s="31">
        <v>72</v>
      </c>
      <c r="B93" s="27">
        <v>100</v>
      </c>
      <c r="C93" s="28">
        <v>120</v>
      </c>
      <c r="D93" s="29">
        <v>220</v>
      </c>
    </row>
    <row r="94" spans="1:4" ht="18" customHeight="1" x14ac:dyDescent="0.2">
      <c r="A94" s="31">
        <v>73</v>
      </c>
      <c r="B94" s="27">
        <v>88</v>
      </c>
      <c r="C94" s="28">
        <v>100</v>
      </c>
      <c r="D94" s="29">
        <v>188</v>
      </c>
    </row>
    <row r="95" spans="1:4" ht="18" customHeight="1" x14ac:dyDescent="0.2">
      <c r="A95" s="31">
        <v>74</v>
      </c>
      <c r="B95" s="27">
        <v>123</v>
      </c>
      <c r="C95" s="28">
        <v>136</v>
      </c>
      <c r="D95" s="29">
        <v>259</v>
      </c>
    </row>
    <row r="96" spans="1:4" ht="18" customHeight="1" x14ac:dyDescent="0.2">
      <c r="A96" s="31" t="s">
        <v>64</v>
      </c>
      <c r="B96" s="27">
        <v>737</v>
      </c>
      <c r="C96" s="28">
        <v>759</v>
      </c>
      <c r="D96" s="29">
        <v>1496</v>
      </c>
    </row>
    <row r="97" spans="1:4" ht="18" customHeight="1" x14ac:dyDescent="0.2">
      <c r="A97" s="31">
        <v>75</v>
      </c>
      <c r="B97" s="27">
        <v>133</v>
      </c>
      <c r="C97" s="28">
        <v>124</v>
      </c>
      <c r="D97" s="29">
        <v>257</v>
      </c>
    </row>
    <row r="98" spans="1:4" ht="18" customHeight="1" x14ac:dyDescent="0.2">
      <c r="A98" s="31">
        <v>76</v>
      </c>
      <c r="B98" s="27">
        <v>121</v>
      </c>
      <c r="C98" s="28">
        <v>131</v>
      </c>
      <c r="D98" s="29">
        <v>252</v>
      </c>
    </row>
    <row r="99" spans="1:4" ht="18" customHeight="1" x14ac:dyDescent="0.2">
      <c r="A99" s="31">
        <v>77</v>
      </c>
      <c r="B99" s="27">
        <v>132</v>
      </c>
      <c r="C99" s="28">
        <v>129</v>
      </c>
      <c r="D99" s="29">
        <v>261</v>
      </c>
    </row>
    <row r="100" spans="1:4" ht="18" customHeight="1" x14ac:dyDescent="0.2">
      <c r="A100" s="31">
        <v>78</v>
      </c>
      <c r="B100" s="27">
        <v>84</v>
      </c>
      <c r="C100" s="28">
        <v>113</v>
      </c>
      <c r="D100" s="29">
        <v>197</v>
      </c>
    </row>
    <row r="101" spans="1:4" ht="18" customHeight="1" x14ac:dyDescent="0.2">
      <c r="A101" s="31">
        <v>79</v>
      </c>
      <c r="B101" s="27">
        <v>71</v>
      </c>
      <c r="C101" s="28">
        <v>103</v>
      </c>
      <c r="D101" s="29">
        <v>174</v>
      </c>
    </row>
    <row r="102" spans="1:4" ht="18" customHeight="1" x14ac:dyDescent="0.2">
      <c r="A102" s="31" t="s">
        <v>65</v>
      </c>
      <c r="B102" s="27">
        <v>541</v>
      </c>
      <c r="C102" s="28">
        <v>600</v>
      </c>
      <c r="D102" s="29">
        <v>1141</v>
      </c>
    </row>
    <row r="103" spans="1:4" ht="18" customHeight="1" x14ac:dyDescent="0.2">
      <c r="A103" s="31">
        <v>80</v>
      </c>
      <c r="B103" s="27">
        <v>76</v>
      </c>
      <c r="C103" s="28">
        <v>117</v>
      </c>
      <c r="D103" s="29">
        <v>193</v>
      </c>
    </row>
    <row r="104" spans="1:4" ht="18" customHeight="1" x14ac:dyDescent="0.2">
      <c r="A104" s="31">
        <v>81</v>
      </c>
      <c r="B104" s="27">
        <v>84</v>
      </c>
      <c r="C104" s="28">
        <v>130</v>
      </c>
      <c r="D104" s="29">
        <v>214</v>
      </c>
    </row>
    <row r="105" spans="1:4" ht="18" customHeight="1" x14ac:dyDescent="0.2">
      <c r="A105" s="31">
        <v>82</v>
      </c>
      <c r="B105" s="27">
        <v>96</v>
      </c>
      <c r="C105" s="28">
        <v>124</v>
      </c>
      <c r="D105" s="29">
        <v>220</v>
      </c>
    </row>
    <row r="106" spans="1:4" ht="18" customHeight="1" x14ac:dyDescent="0.2">
      <c r="A106" s="31">
        <v>83</v>
      </c>
      <c r="B106" s="27">
        <v>73</v>
      </c>
      <c r="C106" s="28">
        <v>106</v>
      </c>
      <c r="D106" s="29">
        <v>179</v>
      </c>
    </row>
    <row r="107" spans="1:4" ht="18" customHeight="1" x14ac:dyDescent="0.2">
      <c r="A107" s="31">
        <v>84</v>
      </c>
      <c r="B107" s="27">
        <v>66</v>
      </c>
      <c r="C107" s="28">
        <v>129</v>
      </c>
      <c r="D107" s="29">
        <v>195</v>
      </c>
    </row>
    <row r="108" spans="1:4" ht="18" customHeight="1" x14ac:dyDescent="0.2">
      <c r="A108" s="31" t="s">
        <v>66</v>
      </c>
      <c r="B108" s="27">
        <v>395</v>
      </c>
      <c r="C108" s="28">
        <v>606</v>
      </c>
      <c r="D108" s="29">
        <v>1001</v>
      </c>
    </row>
    <row r="109" spans="1:4" ht="18" customHeight="1" x14ac:dyDescent="0.2">
      <c r="A109" s="31">
        <v>85</v>
      </c>
      <c r="B109" s="27">
        <v>74</v>
      </c>
      <c r="C109" s="28">
        <v>100</v>
      </c>
      <c r="D109" s="29">
        <v>174</v>
      </c>
    </row>
    <row r="110" spans="1:4" ht="18" customHeight="1" x14ac:dyDescent="0.2">
      <c r="A110" s="31">
        <v>86</v>
      </c>
      <c r="B110" s="27">
        <v>62</v>
      </c>
      <c r="C110" s="28">
        <v>117</v>
      </c>
      <c r="D110" s="29">
        <v>179</v>
      </c>
    </row>
    <row r="111" spans="1:4" ht="18" customHeight="1" x14ac:dyDescent="0.2">
      <c r="A111" s="31">
        <v>87</v>
      </c>
      <c r="B111" s="27">
        <v>40</v>
      </c>
      <c r="C111" s="28">
        <v>114</v>
      </c>
      <c r="D111" s="29">
        <v>154</v>
      </c>
    </row>
    <row r="112" spans="1:4" ht="18" customHeight="1" x14ac:dyDescent="0.2">
      <c r="A112" s="31">
        <v>88</v>
      </c>
      <c r="B112" s="27">
        <v>42</v>
      </c>
      <c r="C112" s="28">
        <v>97</v>
      </c>
      <c r="D112" s="29">
        <v>139</v>
      </c>
    </row>
    <row r="113" spans="1:4" ht="18" customHeight="1" x14ac:dyDescent="0.2">
      <c r="A113" s="31">
        <v>89</v>
      </c>
      <c r="B113" s="27">
        <v>48</v>
      </c>
      <c r="C113" s="28">
        <v>94</v>
      </c>
      <c r="D113" s="29">
        <v>142</v>
      </c>
    </row>
    <row r="114" spans="1:4" ht="18" customHeight="1" x14ac:dyDescent="0.2">
      <c r="A114" s="31" t="s">
        <v>67</v>
      </c>
      <c r="B114" s="27">
        <v>266</v>
      </c>
      <c r="C114" s="28">
        <v>522</v>
      </c>
      <c r="D114" s="29">
        <v>788</v>
      </c>
    </row>
    <row r="115" spans="1:4" ht="18" customHeight="1" x14ac:dyDescent="0.2">
      <c r="A115" s="31">
        <v>90</v>
      </c>
      <c r="B115" s="27">
        <v>35</v>
      </c>
      <c r="C115" s="28">
        <v>83</v>
      </c>
      <c r="D115" s="29">
        <v>118</v>
      </c>
    </row>
    <row r="116" spans="1:4" ht="18" customHeight="1" x14ac:dyDescent="0.2">
      <c r="A116" s="31">
        <v>91</v>
      </c>
      <c r="B116" s="27">
        <v>30</v>
      </c>
      <c r="C116" s="28">
        <v>56</v>
      </c>
      <c r="D116" s="29">
        <v>86</v>
      </c>
    </row>
    <row r="117" spans="1:4" ht="18" customHeight="1" x14ac:dyDescent="0.2">
      <c r="A117" s="31">
        <v>92</v>
      </c>
      <c r="B117" s="27">
        <v>25</v>
      </c>
      <c r="C117" s="28">
        <v>72</v>
      </c>
      <c r="D117" s="29">
        <v>97</v>
      </c>
    </row>
    <row r="118" spans="1:4" ht="18" customHeight="1" x14ac:dyDescent="0.2">
      <c r="A118" s="31">
        <v>93</v>
      </c>
      <c r="B118" s="27">
        <v>8</v>
      </c>
      <c r="C118" s="28">
        <v>47</v>
      </c>
      <c r="D118" s="29">
        <v>55</v>
      </c>
    </row>
    <row r="119" spans="1:4" ht="18" customHeight="1" x14ac:dyDescent="0.2">
      <c r="A119" s="31">
        <v>94</v>
      </c>
      <c r="B119" s="27">
        <v>8</v>
      </c>
      <c r="C119" s="28">
        <v>34</v>
      </c>
      <c r="D119" s="29">
        <v>42</v>
      </c>
    </row>
    <row r="120" spans="1:4" ht="18" customHeight="1" x14ac:dyDescent="0.2">
      <c r="A120" s="31" t="s">
        <v>68</v>
      </c>
      <c r="B120" s="27">
        <v>106</v>
      </c>
      <c r="C120" s="28">
        <v>292</v>
      </c>
      <c r="D120" s="29">
        <v>398</v>
      </c>
    </row>
    <row r="121" spans="1:4" ht="18" customHeight="1" x14ac:dyDescent="0.2">
      <c r="A121" s="31">
        <v>95</v>
      </c>
      <c r="B121" s="27">
        <v>5</v>
      </c>
      <c r="C121" s="28">
        <v>40</v>
      </c>
      <c r="D121" s="29">
        <v>45</v>
      </c>
    </row>
    <row r="122" spans="1:4" ht="18" customHeight="1" x14ac:dyDescent="0.2">
      <c r="A122" s="31">
        <v>96</v>
      </c>
      <c r="B122" s="27">
        <v>6</v>
      </c>
      <c r="C122" s="28">
        <v>22</v>
      </c>
      <c r="D122" s="29">
        <v>28</v>
      </c>
    </row>
    <row r="123" spans="1:4" ht="18" customHeight="1" x14ac:dyDescent="0.2">
      <c r="A123" s="31">
        <v>97</v>
      </c>
      <c r="B123" s="27">
        <v>4</v>
      </c>
      <c r="C123" s="28">
        <v>22</v>
      </c>
      <c r="D123" s="29">
        <v>26</v>
      </c>
    </row>
    <row r="124" spans="1:4" ht="18" customHeight="1" x14ac:dyDescent="0.2">
      <c r="A124" s="31">
        <v>98</v>
      </c>
      <c r="B124" s="27">
        <v>4</v>
      </c>
      <c r="C124" s="28">
        <v>9</v>
      </c>
      <c r="D124" s="29">
        <v>13</v>
      </c>
    </row>
    <row r="125" spans="1:4" ht="18" customHeight="1" x14ac:dyDescent="0.2">
      <c r="A125" s="31">
        <v>99</v>
      </c>
      <c r="B125" s="27">
        <v>0</v>
      </c>
      <c r="C125" s="28">
        <v>7</v>
      </c>
      <c r="D125" s="29">
        <v>7</v>
      </c>
    </row>
    <row r="126" spans="1:4" ht="18" customHeight="1" x14ac:dyDescent="0.2">
      <c r="A126" s="31" t="s">
        <v>69</v>
      </c>
      <c r="B126" s="27">
        <v>19</v>
      </c>
      <c r="C126" s="28">
        <v>100</v>
      </c>
      <c r="D126" s="29">
        <v>119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4</v>
      </c>
      <c r="C128" s="28">
        <v>8</v>
      </c>
      <c r="D128" s="29">
        <v>12</v>
      </c>
    </row>
    <row r="129" spans="1:4" ht="18" customHeight="1" x14ac:dyDescent="0.2">
      <c r="A129" s="31" t="s">
        <v>71</v>
      </c>
      <c r="B129" s="27">
        <v>4</v>
      </c>
      <c r="C129" s="28">
        <v>11</v>
      </c>
      <c r="D129" s="29">
        <v>15</v>
      </c>
    </row>
    <row r="130" spans="1:4" ht="18" customHeight="1" x14ac:dyDescent="0.2">
      <c r="A130" s="31" t="s">
        <v>72</v>
      </c>
      <c r="B130" s="4">
        <v>2992</v>
      </c>
      <c r="C130" s="5">
        <v>3757</v>
      </c>
      <c r="D130" s="6">
        <v>6749</v>
      </c>
    </row>
    <row r="131" spans="1:4" ht="18" customHeight="1" x14ac:dyDescent="0.2">
      <c r="A131" s="33" t="s">
        <v>47</v>
      </c>
      <c r="B131" s="7">
        <v>9759</v>
      </c>
      <c r="C131" s="8">
        <v>10219</v>
      </c>
      <c r="D131" s="9">
        <v>1997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6</v>
      </c>
      <c r="C5" s="37">
        <v>49</v>
      </c>
      <c r="D5" s="39">
        <v>95</v>
      </c>
    </row>
    <row r="6" spans="1:10" ht="18" customHeight="1" x14ac:dyDescent="0.2">
      <c r="A6" s="31">
        <v>1</v>
      </c>
      <c r="B6" s="35">
        <v>43</v>
      </c>
      <c r="C6" s="28">
        <v>54</v>
      </c>
      <c r="D6" s="29">
        <v>97</v>
      </c>
    </row>
    <row r="7" spans="1:10" ht="18" customHeight="1" x14ac:dyDescent="0.2">
      <c r="A7" s="31">
        <v>2</v>
      </c>
      <c r="B7" s="35">
        <v>58</v>
      </c>
      <c r="C7" s="28">
        <v>40</v>
      </c>
      <c r="D7" s="29">
        <v>98</v>
      </c>
    </row>
    <row r="8" spans="1:10" ht="18" customHeight="1" x14ac:dyDescent="0.2">
      <c r="A8" s="31">
        <v>3</v>
      </c>
      <c r="B8" s="35">
        <v>46</v>
      </c>
      <c r="C8" s="28">
        <v>41</v>
      </c>
      <c r="D8" s="29">
        <v>87</v>
      </c>
    </row>
    <row r="9" spans="1:10" ht="18" customHeight="1" x14ac:dyDescent="0.2">
      <c r="A9" s="31">
        <v>4</v>
      </c>
      <c r="B9" s="36">
        <v>46</v>
      </c>
      <c r="C9" s="38">
        <v>45</v>
      </c>
      <c r="D9" s="40">
        <v>91</v>
      </c>
    </row>
    <row r="10" spans="1:10" ht="18" customHeight="1" x14ac:dyDescent="0.2">
      <c r="A10" s="31" t="s">
        <v>48</v>
      </c>
      <c r="B10" s="27">
        <v>239</v>
      </c>
      <c r="C10" s="28">
        <v>229</v>
      </c>
      <c r="D10" s="29">
        <v>468</v>
      </c>
    </row>
    <row r="11" spans="1:10" ht="18" customHeight="1" x14ac:dyDescent="0.2">
      <c r="A11" s="31">
        <v>5</v>
      </c>
      <c r="B11" s="35">
        <v>57</v>
      </c>
      <c r="C11" s="28">
        <v>56</v>
      </c>
      <c r="D11" s="29">
        <v>113</v>
      </c>
    </row>
    <row r="12" spans="1:10" ht="18" customHeight="1" x14ac:dyDescent="0.2">
      <c r="A12" s="31">
        <v>6</v>
      </c>
      <c r="B12" s="35">
        <v>55</v>
      </c>
      <c r="C12" s="28">
        <v>54</v>
      </c>
      <c r="D12" s="29">
        <v>109</v>
      </c>
    </row>
    <row r="13" spans="1:10" ht="18" customHeight="1" x14ac:dyDescent="0.2">
      <c r="A13" s="31">
        <v>7</v>
      </c>
      <c r="B13" s="35">
        <v>69</v>
      </c>
      <c r="C13" s="28">
        <v>63</v>
      </c>
      <c r="D13" s="29">
        <v>132</v>
      </c>
    </row>
    <row r="14" spans="1:10" ht="18" customHeight="1" x14ac:dyDescent="0.2">
      <c r="A14" s="31">
        <v>8</v>
      </c>
      <c r="B14" s="35">
        <v>58</v>
      </c>
      <c r="C14" s="28">
        <v>70</v>
      </c>
      <c r="D14" s="29">
        <v>128</v>
      </c>
    </row>
    <row r="15" spans="1:10" ht="18" customHeight="1" x14ac:dyDescent="0.2">
      <c r="A15" s="31">
        <v>9</v>
      </c>
      <c r="B15" s="35">
        <v>73</v>
      </c>
      <c r="C15" s="28">
        <v>79</v>
      </c>
      <c r="D15" s="29">
        <v>152</v>
      </c>
    </row>
    <row r="16" spans="1:10" ht="18" customHeight="1" x14ac:dyDescent="0.2">
      <c r="A16" s="31" t="s">
        <v>49</v>
      </c>
      <c r="B16" s="27">
        <v>312</v>
      </c>
      <c r="C16" s="28">
        <v>322</v>
      </c>
      <c r="D16" s="29">
        <v>634</v>
      </c>
    </row>
    <row r="17" spans="1:4" ht="18" customHeight="1" x14ac:dyDescent="0.2">
      <c r="A17" s="31">
        <v>10</v>
      </c>
      <c r="B17" s="27">
        <v>95</v>
      </c>
      <c r="C17" s="28">
        <v>82</v>
      </c>
      <c r="D17" s="29">
        <v>177</v>
      </c>
    </row>
    <row r="18" spans="1:4" ht="18" customHeight="1" x14ac:dyDescent="0.2">
      <c r="A18" s="31">
        <v>11</v>
      </c>
      <c r="B18" s="27">
        <v>82</v>
      </c>
      <c r="C18" s="28">
        <v>79</v>
      </c>
      <c r="D18" s="29">
        <v>161</v>
      </c>
    </row>
    <row r="19" spans="1:4" ht="18" customHeight="1" x14ac:dyDescent="0.2">
      <c r="A19" s="31">
        <v>12</v>
      </c>
      <c r="B19" s="27">
        <v>90</v>
      </c>
      <c r="C19" s="28">
        <v>88</v>
      </c>
      <c r="D19" s="29">
        <v>178</v>
      </c>
    </row>
    <row r="20" spans="1:4" ht="18" customHeight="1" x14ac:dyDescent="0.2">
      <c r="A20" s="31">
        <v>13</v>
      </c>
      <c r="B20" s="27">
        <v>75</v>
      </c>
      <c r="C20" s="28">
        <v>71</v>
      </c>
      <c r="D20" s="29">
        <v>146</v>
      </c>
    </row>
    <row r="21" spans="1:4" ht="18" customHeight="1" x14ac:dyDescent="0.2">
      <c r="A21" s="31">
        <v>14</v>
      </c>
      <c r="B21" s="27">
        <v>91</v>
      </c>
      <c r="C21" s="28">
        <v>92</v>
      </c>
      <c r="D21" s="29">
        <v>183</v>
      </c>
    </row>
    <row r="22" spans="1:4" ht="18" customHeight="1" x14ac:dyDescent="0.2">
      <c r="A22" s="31" t="s">
        <v>50</v>
      </c>
      <c r="B22" s="27">
        <v>433</v>
      </c>
      <c r="C22" s="28">
        <v>412</v>
      </c>
      <c r="D22" s="29">
        <v>845</v>
      </c>
    </row>
    <row r="23" spans="1:4" ht="18" customHeight="1" x14ac:dyDescent="0.2">
      <c r="A23" s="31" t="s">
        <v>51</v>
      </c>
      <c r="B23" s="27">
        <v>984</v>
      </c>
      <c r="C23" s="28">
        <v>963</v>
      </c>
      <c r="D23" s="29">
        <v>1947</v>
      </c>
    </row>
    <row r="24" spans="1:4" ht="18" customHeight="1" x14ac:dyDescent="0.2">
      <c r="A24" s="31">
        <v>15</v>
      </c>
      <c r="B24" s="27">
        <v>90</v>
      </c>
      <c r="C24" s="28">
        <v>87</v>
      </c>
      <c r="D24" s="29">
        <v>177</v>
      </c>
    </row>
    <row r="25" spans="1:4" ht="18" customHeight="1" x14ac:dyDescent="0.2">
      <c r="A25" s="31">
        <v>16</v>
      </c>
      <c r="B25" s="27">
        <v>68</v>
      </c>
      <c r="C25" s="28">
        <v>65</v>
      </c>
      <c r="D25" s="29">
        <v>133</v>
      </c>
    </row>
    <row r="26" spans="1:4" ht="18" customHeight="1" x14ac:dyDescent="0.2">
      <c r="A26" s="31">
        <v>17</v>
      </c>
      <c r="B26" s="27">
        <v>67</v>
      </c>
      <c r="C26" s="28">
        <v>66</v>
      </c>
      <c r="D26" s="29">
        <v>133</v>
      </c>
    </row>
    <row r="27" spans="1:4" ht="18" customHeight="1" x14ac:dyDescent="0.2">
      <c r="A27" s="31">
        <v>18</v>
      </c>
      <c r="B27" s="27">
        <v>78</v>
      </c>
      <c r="C27" s="28">
        <v>59</v>
      </c>
      <c r="D27" s="29">
        <v>137</v>
      </c>
    </row>
    <row r="28" spans="1:4" ht="18" customHeight="1" x14ac:dyDescent="0.2">
      <c r="A28" s="31">
        <v>19</v>
      </c>
      <c r="B28" s="27">
        <v>73</v>
      </c>
      <c r="C28" s="28">
        <v>70</v>
      </c>
      <c r="D28" s="29">
        <v>143</v>
      </c>
    </row>
    <row r="29" spans="1:4" ht="18" customHeight="1" x14ac:dyDescent="0.2">
      <c r="A29" s="31" t="s">
        <v>52</v>
      </c>
      <c r="B29" s="27">
        <v>376</v>
      </c>
      <c r="C29" s="28">
        <v>347</v>
      </c>
      <c r="D29" s="29">
        <v>723</v>
      </c>
    </row>
    <row r="30" spans="1:4" ht="18" customHeight="1" x14ac:dyDescent="0.2">
      <c r="A30" s="31">
        <v>20</v>
      </c>
      <c r="B30" s="27">
        <v>64</v>
      </c>
      <c r="C30" s="28">
        <v>57</v>
      </c>
      <c r="D30" s="29">
        <v>121</v>
      </c>
    </row>
    <row r="31" spans="1:4" ht="18" customHeight="1" x14ac:dyDescent="0.2">
      <c r="A31" s="31">
        <v>21</v>
      </c>
      <c r="B31" s="27">
        <v>51</v>
      </c>
      <c r="C31" s="28">
        <v>60</v>
      </c>
      <c r="D31" s="29">
        <v>111</v>
      </c>
    </row>
    <row r="32" spans="1:4" ht="18" customHeight="1" x14ac:dyDescent="0.2">
      <c r="A32" s="31">
        <v>22</v>
      </c>
      <c r="B32" s="27">
        <v>69</v>
      </c>
      <c r="C32" s="28">
        <v>64</v>
      </c>
      <c r="D32" s="29">
        <v>133</v>
      </c>
    </row>
    <row r="33" spans="1:4" ht="18" customHeight="1" x14ac:dyDescent="0.2">
      <c r="A33" s="31">
        <v>23</v>
      </c>
      <c r="B33" s="27">
        <v>71</v>
      </c>
      <c r="C33" s="28">
        <v>59</v>
      </c>
      <c r="D33" s="29">
        <v>130</v>
      </c>
    </row>
    <row r="34" spans="1:4" ht="18" customHeight="1" x14ac:dyDescent="0.2">
      <c r="A34" s="31">
        <v>24</v>
      </c>
      <c r="B34" s="27">
        <v>57</v>
      </c>
      <c r="C34" s="28">
        <v>64</v>
      </c>
      <c r="D34" s="29">
        <v>121</v>
      </c>
    </row>
    <row r="35" spans="1:4" ht="18" customHeight="1" x14ac:dyDescent="0.2">
      <c r="A35" s="31" t="s">
        <v>53</v>
      </c>
      <c r="B35" s="27">
        <v>312</v>
      </c>
      <c r="C35" s="28">
        <v>304</v>
      </c>
      <c r="D35" s="29">
        <v>616</v>
      </c>
    </row>
    <row r="36" spans="1:4" ht="18" customHeight="1" x14ac:dyDescent="0.2">
      <c r="A36" s="31">
        <v>25</v>
      </c>
      <c r="B36" s="27">
        <v>77</v>
      </c>
      <c r="C36" s="28">
        <v>48</v>
      </c>
      <c r="D36" s="29">
        <v>125</v>
      </c>
    </row>
    <row r="37" spans="1:4" ht="18" customHeight="1" x14ac:dyDescent="0.2">
      <c r="A37" s="31">
        <v>26</v>
      </c>
      <c r="B37" s="27">
        <v>67</v>
      </c>
      <c r="C37" s="28">
        <v>56</v>
      </c>
      <c r="D37" s="29">
        <v>123</v>
      </c>
    </row>
    <row r="38" spans="1:4" ht="18" customHeight="1" x14ac:dyDescent="0.2">
      <c r="A38" s="31">
        <v>27</v>
      </c>
      <c r="B38" s="27">
        <v>73</v>
      </c>
      <c r="C38" s="28">
        <v>52</v>
      </c>
      <c r="D38" s="29">
        <v>125</v>
      </c>
    </row>
    <row r="39" spans="1:4" ht="18" customHeight="1" x14ac:dyDescent="0.2">
      <c r="A39" s="31">
        <v>28</v>
      </c>
      <c r="B39" s="27">
        <v>74</v>
      </c>
      <c r="C39" s="28">
        <v>60</v>
      </c>
      <c r="D39" s="29">
        <v>134</v>
      </c>
    </row>
    <row r="40" spans="1:4" ht="18" customHeight="1" x14ac:dyDescent="0.2">
      <c r="A40" s="31">
        <v>29</v>
      </c>
      <c r="B40" s="27">
        <v>70</v>
      </c>
      <c r="C40" s="28">
        <v>49</v>
      </c>
      <c r="D40" s="29">
        <v>119</v>
      </c>
    </row>
    <row r="41" spans="1:4" ht="18" customHeight="1" x14ac:dyDescent="0.2">
      <c r="A41" s="31" t="s">
        <v>54</v>
      </c>
      <c r="B41" s="27">
        <v>361</v>
      </c>
      <c r="C41" s="28">
        <v>265</v>
      </c>
      <c r="D41" s="29">
        <v>626</v>
      </c>
    </row>
    <row r="42" spans="1:4" ht="18" customHeight="1" x14ac:dyDescent="0.2">
      <c r="A42" s="31">
        <v>30</v>
      </c>
      <c r="B42" s="27">
        <v>63</v>
      </c>
      <c r="C42" s="28">
        <v>55</v>
      </c>
      <c r="D42" s="29">
        <v>118</v>
      </c>
    </row>
    <row r="43" spans="1:4" ht="18" customHeight="1" x14ac:dyDescent="0.2">
      <c r="A43" s="31">
        <v>31</v>
      </c>
      <c r="B43" s="27">
        <v>73</v>
      </c>
      <c r="C43" s="28">
        <v>73</v>
      </c>
      <c r="D43" s="29">
        <v>146</v>
      </c>
    </row>
    <row r="44" spans="1:4" ht="18" customHeight="1" x14ac:dyDescent="0.2">
      <c r="A44" s="31">
        <v>32</v>
      </c>
      <c r="B44" s="27">
        <v>79</v>
      </c>
      <c r="C44" s="28">
        <v>66</v>
      </c>
      <c r="D44" s="29">
        <v>145</v>
      </c>
    </row>
    <row r="45" spans="1:4" ht="18" customHeight="1" x14ac:dyDescent="0.2">
      <c r="A45" s="31">
        <v>33</v>
      </c>
      <c r="B45" s="27">
        <v>74</v>
      </c>
      <c r="C45" s="28">
        <v>63</v>
      </c>
      <c r="D45" s="29">
        <v>137</v>
      </c>
    </row>
    <row r="46" spans="1:4" ht="18" customHeight="1" x14ac:dyDescent="0.2">
      <c r="A46" s="31">
        <v>34</v>
      </c>
      <c r="B46" s="27">
        <v>81</v>
      </c>
      <c r="C46" s="28">
        <v>83</v>
      </c>
      <c r="D46" s="29">
        <v>164</v>
      </c>
    </row>
    <row r="47" spans="1:4" ht="18" customHeight="1" x14ac:dyDescent="0.2">
      <c r="A47" s="31" t="s">
        <v>55</v>
      </c>
      <c r="B47" s="27">
        <v>370</v>
      </c>
      <c r="C47" s="28">
        <v>340</v>
      </c>
      <c r="D47" s="29">
        <v>710</v>
      </c>
    </row>
    <row r="48" spans="1:4" ht="18" customHeight="1" x14ac:dyDescent="0.2">
      <c r="A48" s="31">
        <v>35</v>
      </c>
      <c r="B48" s="27">
        <v>68</v>
      </c>
      <c r="C48" s="28">
        <v>72</v>
      </c>
      <c r="D48" s="29">
        <v>140</v>
      </c>
    </row>
    <row r="49" spans="1:4" ht="18" customHeight="1" x14ac:dyDescent="0.2">
      <c r="A49" s="31">
        <v>36</v>
      </c>
      <c r="B49" s="27">
        <v>63</v>
      </c>
      <c r="C49" s="28">
        <v>80</v>
      </c>
      <c r="D49" s="29">
        <v>143</v>
      </c>
    </row>
    <row r="50" spans="1:4" ht="18" customHeight="1" x14ac:dyDescent="0.2">
      <c r="A50" s="31">
        <v>37</v>
      </c>
      <c r="B50" s="27">
        <v>70</v>
      </c>
      <c r="C50" s="28">
        <v>73</v>
      </c>
      <c r="D50" s="29">
        <v>143</v>
      </c>
    </row>
    <row r="51" spans="1:4" ht="18" customHeight="1" x14ac:dyDescent="0.2">
      <c r="A51" s="31">
        <v>38</v>
      </c>
      <c r="B51" s="27">
        <v>79</v>
      </c>
      <c r="C51" s="28">
        <v>84</v>
      </c>
      <c r="D51" s="29">
        <v>163</v>
      </c>
    </row>
    <row r="52" spans="1:4" ht="18" customHeight="1" x14ac:dyDescent="0.2">
      <c r="A52" s="31">
        <v>39</v>
      </c>
      <c r="B52" s="27">
        <v>72</v>
      </c>
      <c r="C52" s="28">
        <v>88</v>
      </c>
      <c r="D52" s="29">
        <v>160</v>
      </c>
    </row>
    <row r="53" spans="1:4" ht="18" customHeight="1" x14ac:dyDescent="0.2">
      <c r="A53" s="31" t="s">
        <v>56</v>
      </c>
      <c r="B53" s="27">
        <v>352</v>
      </c>
      <c r="C53" s="28">
        <v>397</v>
      </c>
      <c r="D53" s="29">
        <v>749</v>
      </c>
    </row>
    <row r="54" spans="1:4" ht="18" customHeight="1" x14ac:dyDescent="0.2">
      <c r="A54" s="31">
        <v>40</v>
      </c>
      <c r="B54" s="27">
        <v>97</v>
      </c>
      <c r="C54" s="28">
        <v>86</v>
      </c>
      <c r="D54" s="29">
        <v>183</v>
      </c>
    </row>
    <row r="55" spans="1:4" ht="18" customHeight="1" x14ac:dyDescent="0.2">
      <c r="A55" s="31">
        <v>41</v>
      </c>
      <c r="B55" s="27">
        <v>118</v>
      </c>
      <c r="C55" s="28">
        <v>105</v>
      </c>
      <c r="D55" s="29">
        <v>223</v>
      </c>
    </row>
    <row r="56" spans="1:4" ht="18" customHeight="1" x14ac:dyDescent="0.2">
      <c r="A56" s="31">
        <v>42</v>
      </c>
      <c r="B56" s="27">
        <v>111</v>
      </c>
      <c r="C56" s="28">
        <v>108</v>
      </c>
      <c r="D56" s="29">
        <v>219</v>
      </c>
    </row>
    <row r="57" spans="1:4" ht="18" customHeight="1" x14ac:dyDescent="0.2">
      <c r="A57" s="31">
        <v>43</v>
      </c>
      <c r="B57" s="27">
        <v>121</v>
      </c>
      <c r="C57" s="28">
        <v>122</v>
      </c>
      <c r="D57" s="29">
        <v>243</v>
      </c>
    </row>
    <row r="58" spans="1:4" ht="18" customHeight="1" x14ac:dyDescent="0.2">
      <c r="A58" s="31">
        <v>44</v>
      </c>
      <c r="B58" s="27">
        <v>110</v>
      </c>
      <c r="C58" s="28">
        <v>105</v>
      </c>
      <c r="D58" s="29">
        <v>215</v>
      </c>
    </row>
    <row r="59" spans="1:4" ht="18" customHeight="1" x14ac:dyDescent="0.2">
      <c r="A59" s="31" t="s">
        <v>57</v>
      </c>
      <c r="B59" s="27">
        <v>557</v>
      </c>
      <c r="C59" s="28">
        <v>526</v>
      </c>
      <c r="D59" s="29">
        <v>1083</v>
      </c>
    </row>
    <row r="60" spans="1:4" ht="18" customHeight="1" x14ac:dyDescent="0.2">
      <c r="A60" s="31">
        <v>45</v>
      </c>
      <c r="B60" s="27">
        <v>135</v>
      </c>
      <c r="C60" s="28">
        <v>126</v>
      </c>
      <c r="D60" s="29">
        <v>261</v>
      </c>
    </row>
    <row r="61" spans="1:4" ht="18" customHeight="1" x14ac:dyDescent="0.2">
      <c r="A61" s="31">
        <v>46</v>
      </c>
      <c r="B61" s="27">
        <v>114</v>
      </c>
      <c r="C61" s="28">
        <v>135</v>
      </c>
      <c r="D61" s="29">
        <v>249</v>
      </c>
    </row>
    <row r="62" spans="1:4" ht="18" customHeight="1" x14ac:dyDescent="0.2">
      <c r="A62" s="31">
        <v>47</v>
      </c>
      <c r="B62" s="27">
        <v>119</v>
      </c>
      <c r="C62" s="28">
        <v>105</v>
      </c>
      <c r="D62" s="29">
        <v>224</v>
      </c>
    </row>
    <row r="63" spans="1:4" ht="18" customHeight="1" x14ac:dyDescent="0.2">
      <c r="A63" s="31">
        <v>48</v>
      </c>
      <c r="B63" s="27">
        <v>124</v>
      </c>
      <c r="C63" s="28">
        <v>102</v>
      </c>
      <c r="D63" s="29">
        <v>226</v>
      </c>
    </row>
    <row r="64" spans="1:4" ht="18" customHeight="1" x14ac:dyDescent="0.2">
      <c r="A64" s="31">
        <v>49</v>
      </c>
      <c r="B64" s="27">
        <v>104</v>
      </c>
      <c r="C64" s="28">
        <v>79</v>
      </c>
      <c r="D64" s="29">
        <v>183</v>
      </c>
    </row>
    <row r="65" spans="1:4" ht="18" customHeight="1" x14ac:dyDescent="0.2">
      <c r="A65" s="31" t="s">
        <v>58</v>
      </c>
      <c r="B65" s="27">
        <v>596</v>
      </c>
      <c r="C65" s="28">
        <v>547</v>
      </c>
      <c r="D65" s="29">
        <v>1143</v>
      </c>
    </row>
    <row r="66" spans="1:4" ht="18" customHeight="1" x14ac:dyDescent="0.2">
      <c r="A66" s="31">
        <v>50</v>
      </c>
      <c r="B66" s="27">
        <v>94</v>
      </c>
      <c r="C66" s="28">
        <v>107</v>
      </c>
      <c r="D66" s="29">
        <v>201</v>
      </c>
    </row>
    <row r="67" spans="1:4" ht="18" customHeight="1" x14ac:dyDescent="0.2">
      <c r="A67" s="31">
        <v>51</v>
      </c>
      <c r="B67" s="27">
        <v>78</v>
      </c>
      <c r="C67" s="28">
        <v>89</v>
      </c>
      <c r="D67" s="29">
        <v>167</v>
      </c>
    </row>
    <row r="68" spans="1:4" ht="18" customHeight="1" x14ac:dyDescent="0.2">
      <c r="A68" s="31">
        <v>52</v>
      </c>
      <c r="B68" s="27">
        <v>61</v>
      </c>
      <c r="C68" s="28">
        <v>54</v>
      </c>
      <c r="D68" s="29">
        <v>115</v>
      </c>
    </row>
    <row r="69" spans="1:4" ht="18" customHeight="1" x14ac:dyDescent="0.2">
      <c r="A69" s="31">
        <v>53</v>
      </c>
      <c r="B69" s="27">
        <v>74</v>
      </c>
      <c r="C69" s="28">
        <v>90</v>
      </c>
      <c r="D69" s="29">
        <v>164</v>
      </c>
    </row>
    <row r="70" spans="1:4" ht="18" customHeight="1" x14ac:dyDescent="0.2">
      <c r="A70" s="31">
        <v>54</v>
      </c>
      <c r="B70" s="27">
        <v>81</v>
      </c>
      <c r="C70" s="28">
        <v>86</v>
      </c>
      <c r="D70" s="29">
        <v>167</v>
      </c>
    </row>
    <row r="71" spans="1:4" ht="18" customHeight="1" x14ac:dyDescent="0.2">
      <c r="A71" s="31" t="s">
        <v>59</v>
      </c>
      <c r="B71" s="27">
        <v>388</v>
      </c>
      <c r="C71" s="28">
        <v>426</v>
      </c>
      <c r="D71" s="29">
        <v>814</v>
      </c>
    </row>
    <row r="72" spans="1:4" ht="18" customHeight="1" x14ac:dyDescent="0.2">
      <c r="A72" s="31">
        <v>55</v>
      </c>
      <c r="B72" s="27">
        <v>72</v>
      </c>
      <c r="C72" s="28">
        <v>72</v>
      </c>
      <c r="D72" s="29">
        <v>144</v>
      </c>
    </row>
    <row r="73" spans="1:4" ht="18" customHeight="1" x14ac:dyDescent="0.2">
      <c r="A73" s="31">
        <v>56</v>
      </c>
      <c r="B73" s="27">
        <v>66</v>
      </c>
      <c r="C73" s="28">
        <v>73</v>
      </c>
      <c r="D73" s="29">
        <v>139</v>
      </c>
    </row>
    <row r="74" spans="1:4" ht="18" customHeight="1" x14ac:dyDescent="0.2">
      <c r="A74" s="31">
        <v>57</v>
      </c>
      <c r="B74" s="27">
        <v>67</v>
      </c>
      <c r="C74" s="28">
        <v>62</v>
      </c>
      <c r="D74" s="29">
        <v>129</v>
      </c>
    </row>
    <row r="75" spans="1:4" ht="18" customHeight="1" x14ac:dyDescent="0.2">
      <c r="A75" s="31">
        <v>58</v>
      </c>
      <c r="B75" s="27">
        <v>58</v>
      </c>
      <c r="C75" s="28">
        <v>76</v>
      </c>
      <c r="D75" s="29">
        <v>134</v>
      </c>
    </row>
    <row r="76" spans="1:4" ht="18" customHeight="1" x14ac:dyDescent="0.2">
      <c r="A76" s="31">
        <v>59</v>
      </c>
      <c r="B76" s="27">
        <v>57</v>
      </c>
      <c r="C76" s="28">
        <v>62</v>
      </c>
      <c r="D76" s="29">
        <v>119</v>
      </c>
    </row>
    <row r="77" spans="1:4" ht="18" customHeight="1" x14ac:dyDescent="0.2">
      <c r="A77" s="31" t="s">
        <v>60</v>
      </c>
      <c r="B77" s="27">
        <v>320</v>
      </c>
      <c r="C77" s="28">
        <v>345</v>
      </c>
      <c r="D77" s="29">
        <v>665</v>
      </c>
    </row>
    <row r="78" spans="1:4" ht="18" customHeight="1" x14ac:dyDescent="0.2">
      <c r="A78" s="31">
        <v>60</v>
      </c>
      <c r="B78" s="27">
        <v>59</v>
      </c>
      <c r="C78" s="28">
        <v>55</v>
      </c>
      <c r="D78" s="29">
        <v>114</v>
      </c>
    </row>
    <row r="79" spans="1:4" ht="18" customHeight="1" x14ac:dyDescent="0.2">
      <c r="A79" s="31">
        <v>61</v>
      </c>
      <c r="B79" s="27">
        <v>54</v>
      </c>
      <c r="C79" s="28">
        <v>53</v>
      </c>
      <c r="D79" s="29">
        <v>107</v>
      </c>
    </row>
    <row r="80" spans="1:4" ht="18" customHeight="1" x14ac:dyDescent="0.2">
      <c r="A80" s="31">
        <v>62</v>
      </c>
      <c r="B80" s="27">
        <v>58</v>
      </c>
      <c r="C80" s="28">
        <v>58</v>
      </c>
      <c r="D80" s="29">
        <v>116</v>
      </c>
    </row>
    <row r="81" spans="1:4" ht="18" customHeight="1" x14ac:dyDescent="0.2">
      <c r="A81" s="31">
        <v>63</v>
      </c>
      <c r="B81" s="27">
        <v>64</v>
      </c>
      <c r="C81" s="28">
        <v>66</v>
      </c>
      <c r="D81" s="29">
        <v>130</v>
      </c>
    </row>
    <row r="82" spans="1:4" ht="18" customHeight="1" x14ac:dyDescent="0.2">
      <c r="A82" s="31">
        <v>64</v>
      </c>
      <c r="B82" s="27">
        <v>62</v>
      </c>
      <c r="C82" s="28">
        <v>60</v>
      </c>
      <c r="D82" s="29">
        <v>122</v>
      </c>
    </row>
    <row r="83" spans="1:4" ht="18" customHeight="1" x14ac:dyDescent="0.2">
      <c r="A83" s="31" t="s">
        <v>61</v>
      </c>
      <c r="B83" s="27">
        <v>297</v>
      </c>
      <c r="C83" s="28">
        <v>292</v>
      </c>
      <c r="D83" s="29">
        <v>589</v>
      </c>
    </row>
    <row r="84" spans="1:4" ht="18" customHeight="1" x14ac:dyDescent="0.2">
      <c r="A84" s="31" t="s">
        <v>62</v>
      </c>
      <c r="B84" s="27">
        <v>3929</v>
      </c>
      <c r="C84" s="28">
        <v>3789</v>
      </c>
      <c r="D84" s="29">
        <v>7718</v>
      </c>
    </row>
    <row r="85" spans="1:4" ht="18" customHeight="1" x14ac:dyDescent="0.2">
      <c r="A85" s="31">
        <v>65</v>
      </c>
      <c r="B85" s="27">
        <v>83</v>
      </c>
      <c r="C85" s="28">
        <v>63</v>
      </c>
      <c r="D85" s="29">
        <v>146</v>
      </c>
    </row>
    <row r="86" spans="1:4" ht="18" customHeight="1" x14ac:dyDescent="0.2">
      <c r="A86" s="31">
        <v>66</v>
      </c>
      <c r="B86" s="27">
        <v>59</v>
      </c>
      <c r="C86" s="28">
        <v>70</v>
      </c>
      <c r="D86" s="29">
        <v>129</v>
      </c>
    </row>
    <row r="87" spans="1:4" ht="18" customHeight="1" x14ac:dyDescent="0.2">
      <c r="A87" s="31">
        <v>67</v>
      </c>
      <c r="B87" s="27">
        <v>65</v>
      </c>
      <c r="C87" s="28">
        <v>68</v>
      </c>
      <c r="D87" s="29">
        <v>133</v>
      </c>
    </row>
    <row r="88" spans="1:4" ht="18" customHeight="1" x14ac:dyDescent="0.2">
      <c r="A88" s="31">
        <v>68</v>
      </c>
      <c r="B88" s="27">
        <v>72</v>
      </c>
      <c r="C88" s="28">
        <v>75</v>
      </c>
      <c r="D88" s="29">
        <v>147</v>
      </c>
    </row>
    <row r="89" spans="1:4" ht="18" customHeight="1" x14ac:dyDescent="0.2">
      <c r="A89" s="31">
        <v>69</v>
      </c>
      <c r="B89" s="27">
        <v>77</v>
      </c>
      <c r="C89" s="28">
        <v>75</v>
      </c>
      <c r="D89" s="29">
        <v>152</v>
      </c>
    </row>
    <row r="90" spans="1:4" ht="18" customHeight="1" x14ac:dyDescent="0.2">
      <c r="A90" s="31" t="s">
        <v>63</v>
      </c>
      <c r="B90" s="27">
        <v>356</v>
      </c>
      <c r="C90" s="28">
        <v>351</v>
      </c>
      <c r="D90" s="29">
        <v>707</v>
      </c>
    </row>
    <row r="91" spans="1:4" ht="18" customHeight="1" x14ac:dyDescent="0.2">
      <c r="A91" s="31">
        <v>70</v>
      </c>
      <c r="B91" s="27">
        <v>89</v>
      </c>
      <c r="C91" s="28">
        <v>86</v>
      </c>
      <c r="D91" s="29">
        <v>175</v>
      </c>
    </row>
    <row r="92" spans="1:4" ht="18" customHeight="1" x14ac:dyDescent="0.2">
      <c r="A92" s="31">
        <v>71</v>
      </c>
      <c r="B92" s="27">
        <v>67</v>
      </c>
      <c r="C92" s="28">
        <v>93</v>
      </c>
      <c r="D92" s="29">
        <v>160</v>
      </c>
    </row>
    <row r="93" spans="1:4" ht="18" customHeight="1" x14ac:dyDescent="0.2">
      <c r="A93" s="31">
        <v>72</v>
      </c>
      <c r="B93" s="27">
        <v>36</v>
      </c>
      <c r="C93" s="28">
        <v>45</v>
      </c>
      <c r="D93" s="29">
        <v>81</v>
      </c>
    </row>
    <row r="94" spans="1:4" ht="18" customHeight="1" x14ac:dyDescent="0.2">
      <c r="A94" s="31">
        <v>73</v>
      </c>
      <c r="B94" s="27">
        <v>40</v>
      </c>
      <c r="C94" s="28">
        <v>33</v>
      </c>
      <c r="D94" s="29">
        <v>73</v>
      </c>
    </row>
    <row r="95" spans="1:4" ht="18" customHeight="1" x14ac:dyDescent="0.2">
      <c r="A95" s="31">
        <v>74</v>
      </c>
      <c r="B95" s="27">
        <v>45</v>
      </c>
      <c r="C95" s="28">
        <v>58</v>
      </c>
      <c r="D95" s="29">
        <v>103</v>
      </c>
    </row>
    <row r="96" spans="1:4" ht="18" customHeight="1" x14ac:dyDescent="0.2">
      <c r="A96" s="31" t="s">
        <v>64</v>
      </c>
      <c r="B96" s="27">
        <v>277</v>
      </c>
      <c r="C96" s="28">
        <v>315</v>
      </c>
      <c r="D96" s="29">
        <v>592</v>
      </c>
    </row>
    <row r="97" spans="1:4" ht="18" customHeight="1" x14ac:dyDescent="0.2">
      <c r="A97" s="31">
        <v>75</v>
      </c>
      <c r="B97" s="27">
        <v>49</v>
      </c>
      <c r="C97" s="28">
        <v>57</v>
      </c>
      <c r="D97" s="29">
        <v>106</v>
      </c>
    </row>
    <row r="98" spans="1:4" ht="18" customHeight="1" x14ac:dyDescent="0.2">
      <c r="A98" s="31">
        <v>76</v>
      </c>
      <c r="B98" s="27">
        <v>43</v>
      </c>
      <c r="C98" s="28">
        <v>38</v>
      </c>
      <c r="D98" s="29">
        <v>81</v>
      </c>
    </row>
    <row r="99" spans="1:4" ht="18" customHeight="1" x14ac:dyDescent="0.2">
      <c r="A99" s="31">
        <v>77</v>
      </c>
      <c r="B99" s="27">
        <v>43</v>
      </c>
      <c r="C99" s="28">
        <v>66</v>
      </c>
      <c r="D99" s="29">
        <v>109</v>
      </c>
    </row>
    <row r="100" spans="1:4" ht="18" customHeight="1" x14ac:dyDescent="0.2">
      <c r="A100" s="31">
        <v>78</v>
      </c>
      <c r="B100" s="27">
        <v>44</v>
      </c>
      <c r="C100" s="28">
        <v>47</v>
      </c>
      <c r="D100" s="29">
        <v>91</v>
      </c>
    </row>
    <row r="101" spans="1:4" ht="18" customHeight="1" x14ac:dyDescent="0.2">
      <c r="A101" s="31">
        <v>79</v>
      </c>
      <c r="B101" s="27">
        <v>30</v>
      </c>
      <c r="C101" s="28">
        <v>42</v>
      </c>
      <c r="D101" s="29">
        <v>72</v>
      </c>
    </row>
    <row r="102" spans="1:4" ht="18" customHeight="1" x14ac:dyDescent="0.2">
      <c r="A102" s="31" t="s">
        <v>65</v>
      </c>
      <c r="B102" s="27">
        <v>209</v>
      </c>
      <c r="C102" s="28">
        <v>250</v>
      </c>
      <c r="D102" s="29">
        <v>459</v>
      </c>
    </row>
    <row r="103" spans="1:4" ht="18" customHeight="1" x14ac:dyDescent="0.2">
      <c r="A103" s="31">
        <v>80</v>
      </c>
      <c r="B103" s="27">
        <v>31</v>
      </c>
      <c r="C103" s="28">
        <v>34</v>
      </c>
      <c r="D103" s="29">
        <v>65</v>
      </c>
    </row>
    <row r="104" spans="1:4" ht="18" customHeight="1" x14ac:dyDescent="0.2">
      <c r="A104" s="31">
        <v>81</v>
      </c>
      <c r="B104" s="27">
        <v>22</v>
      </c>
      <c r="C104" s="28">
        <v>33</v>
      </c>
      <c r="D104" s="29">
        <v>55</v>
      </c>
    </row>
    <row r="105" spans="1:4" ht="18" customHeight="1" x14ac:dyDescent="0.2">
      <c r="A105" s="31">
        <v>82</v>
      </c>
      <c r="B105" s="27">
        <v>27</v>
      </c>
      <c r="C105" s="28">
        <v>30</v>
      </c>
      <c r="D105" s="29">
        <v>57</v>
      </c>
    </row>
    <row r="106" spans="1:4" ht="18" customHeight="1" x14ac:dyDescent="0.2">
      <c r="A106" s="31">
        <v>83</v>
      </c>
      <c r="B106" s="27">
        <v>22</v>
      </c>
      <c r="C106" s="28">
        <v>55</v>
      </c>
      <c r="D106" s="29">
        <v>77</v>
      </c>
    </row>
    <row r="107" spans="1:4" ht="18" customHeight="1" x14ac:dyDescent="0.2">
      <c r="A107" s="31">
        <v>84</v>
      </c>
      <c r="B107" s="27">
        <v>19</v>
      </c>
      <c r="C107" s="28">
        <v>33</v>
      </c>
      <c r="D107" s="29">
        <v>52</v>
      </c>
    </row>
    <row r="108" spans="1:4" ht="18" customHeight="1" x14ac:dyDescent="0.2">
      <c r="A108" s="31" t="s">
        <v>66</v>
      </c>
      <c r="B108" s="27">
        <v>121</v>
      </c>
      <c r="C108" s="28">
        <v>185</v>
      </c>
      <c r="D108" s="29">
        <v>306</v>
      </c>
    </row>
    <row r="109" spans="1:4" ht="18" customHeight="1" x14ac:dyDescent="0.2">
      <c r="A109" s="31">
        <v>85</v>
      </c>
      <c r="B109" s="27">
        <v>18</v>
      </c>
      <c r="C109" s="28">
        <v>43</v>
      </c>
      <c r="D109" s="29">
        <v>61</v>
      </c>
    </row>
    <row r="110" spans="1:4" ht="18" customHeight="1" x14ac:dyDescent="0.2">
      <c r="A110" s="31">
        <v>86</v>
      </c>
      <c r="B110" s="27">
        <v>16</v>
      </c>
      <c r="C110" s="28">
        <v>47</v>
      </c>
      <c r="D110" s="29">
        <v>63</v>
      </c>
    </row>
    <row r="111" spans="1:4" ht="18" customHeight="1" x14ac:dyDescent="0.2">
      <c r="A111" s="31">
        <v>87</v>
      </c>
      <c r="B111" s="27">
        <v>22</v>
      </c>
      <c r="C111" s="28">
        <v>29</v>
      </c>
      <c r="D111" s="29">
        <v>51</v>
      </c>
    </row>
    <row r="112" spans="1:4" ht="18" customHeight="1" x14ac:dyDescent="0.2">
      <c r="A112" s="31">
        <v>88</v>
      </c>
      <c r="B112" s="27">
        <v>14</v>
      </c>
      <c r="C112" s="28">
        <v>30</v>
      </c>
      <c r="D112" s="29">
        <v>44</v>
      </c>
    </row>
    <row r="113" spans="1:4" ht="18" customHeight="1" x14ac:dyDescent="0.2">
      <c r="A113" s="31">
        <v>89</v>
      </c>
      <c r="B113" s="27">
        <v>13</v>
      </c>
      <c r="C113" s="28">
        <v>22</v>
      </c>
      <c r="D113" s="29">
        <v>35</v>
      </c>
    </row>
    <row r="114" spans="1:4" ht="18" customHeight="1" x14ac:dyDescent="0.2">
      <c r="A114" s="31" t="s">
        <v>67</v>
      </c>
      <c r="B114" s="27">
        <v>83</v>
      </c>
      <c r="C114" s="28">
        <v>171</v>
      </c>
      <c r="D114" s="29">
        <v>254</v>
      </c>
    </row>
    <row r="115" spans="1:4" ht="18" customHeight="1" x14ac:dyDescent="0.2">
      <c r="A115" s="31">
        <v>90</v>
      </c>
      <c r="B115" s="27">
        <v>10</v>
      </c>
      <c r="C115" s="28">
        <v>20</v>
      </c>
      <c r="D115" s="29">
        <v>30</v>
      </c>
    </row>
    <row r="116" spans="1:4" ht="18" customHeight="1" x14ac:dyDescent="0.2">
      <c r="A116" s="31">
        <v>91</v>
      </c>
      <c r="B116" s="27">
        <v>20</v>
      </c>
      <c r="C116" s="28">
        <v>27</v>
      </c>
      <c r="D116" s="29">
        <v>47</v>
      </c>
    </row>
    <row r="117" spans="1:4" ht="18" customHeight="1" x14ac:dyDescent="0.2">
      <c r="A117" s="31">
        <v>92</v>
      </c>
      <c r="B117" s="27">
        <v>5</v>
      </c>
      <c r="C117" s="28">
        <v>14</v>
      </c>
      <c r="D117" s="29">
        <v>19</v>
      </c>
    </row>
    <row r="118" spans="1:4" ht="18" customHeight="1" x14ac:dyDescent="0.2">
      <c r="A118" s="31">
        <v>93</v>
      </c>
      <c r="B118" s="27">
        <v>6</v>
      </c>
      <c r="C118" s="28">
        <v>15</v>
      </c>
      <c r="D118" s="29">
        <v>21</v>
      </c>
    </row>
    <row r="119" spans="1:4" ht="18" customHeight="1" x14ac:dyDescent="0.2">
      <c r="A119" s="31">
        <v>94</v>
      </c>
      <c r="B119" s="27">
        <v>6</v>
      </c>
      <c r="C119" s="28">
        <v>8</v>
      </c>
      <c r="D119" s="29">
        <v>14</v>
      </c>
    </row>
    <row r="120" spans="1:4" ht="18" customHeight="1" x14ac:dyDescent="0.2">
      <c r="A120" s="31" t="s">
        <v>68</v>
      </c>
      <c r="B120" s="27">
        <v>47</v>
      </c>
      <c r="C120" s="28">
        <v>84</v>
      </c>
      <c r="D120" s="29">
        <v>131</v>
      </c>
    </row>
    <row r="121" spans="1:4" ht="18" customHeight="1" x14ac:dyDescent="0.2">
      <c r="A121" s="31">
        <v>95</v>
      </c>
      <c r="B121" s="27">
        <v>2</v>
      </c>
      <c r="C121" s="28">
        <v>12</v>
      </c>
      <c r="D121" s="29">
        <v>14</v>
      </c>
    </row>
    <row r="122" spans="1:4" ht="18" customHeight="1" x14ac:dyDescent="0.2">
      <c r="A122" s="31">
        <v>96</v>
      </c>
      <c r="B122" s="27">
        <v>4</v>
      </c>
      <c r="C122" s="28">
        <v>5</v>
      </c>
      <c r="D122" s="29">
        <v>9</v>
      </c>
    </row>
    <row r="123" spans="1:4" ht="18" customHeight="1" x14ac:dyDescent="0.2">
      <c r="A123" s="31">
        <v>97</v>
      </c>
      <c r="B123" s="27">
        <v>2</v>
      </c>
      <c r="C123" s="28">
        <v>5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5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8</v>
      </c>
      <c r="C126" s="28">
        <v>32</v>
      </c>
      <c r="D126" s="29">
        <v>4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1101</v>
      </c>
      <c r="C130" s="5">
        <v>1393</v>
      </c>
      <c r="D130" s="6">
        <v>2494</v>
      </c>
    </row>
    <row r="131" spans="1:4" ht="18" customHeight="1" x14ac:dyDescent="0.2">
      <c r="A131" s="33" t="s">
        <v>47</v>
      </c>
      <c r="B131" s="7">
        <v>6014</v>
      </c>
      <c r="C131" s="8">
        <v>6145</v>
      </c>
      <c r="D131" s="9">
        <v>1215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70</v>
      </c>
      <c r="C5" s="37">
        <v>61</v>
      </c>
      <c r="D5" s="39">
        <v>131</v>
      </c>
    </row>
    <row r="6" spans="1:10" ht="18" customHeight="1" x14ac:dyDescent="0.2">
      <c r="A6" s="31">
        <v>1</v>
      </c>
      <c r="B6" s="35">
        <v>60</v>
      </c>
      <c r="C6" s="28">
        <v>65</v>
      </c>
      <c r="D6" s="29">
        <v>125</v>
      </c>
    </row>
    <row r="7" spans="1:10" ht="18" customHeight="1" x14ac:dyDescent="0.2">
      <c r="A7" s="31">
        <v>2</v>
      </c>
      <c r="B7" s="35">
        <v>80</v>
      </c>
      <c r="C7" s="28">
        <v>56</v>
      </c>
      <c r="D7" s="29">
        <v>136</v>
      </c>
    </row>
    <row r="8" spans="1:10" ht="18" customHeight="1" x14ac:dyDescent="0.2">
      <c r="A8" s="31">
        <v>3</v>
      </c>
      <c r="B8" s="35">
        <v>83</v>
      </c>
      <c r="C8" s="28">
        <v>68</v>
      </c>
      <c r="D8" s="29">
        <v>151</v>
      </c>
    </row>
    <row r="9" spans="1:10" ht="18" customHeight="1" x14ac:dyDescent="0.2">
      <c r="A9" s="31">
        <v>4</v>
      </c>
      <c r="B9" s="36">
        <v>66</v>
      </c>
      <c r="C9" s="38">
        <v>52</v>
      </c>
      <c r="D9" s="40">
        <v>118</v>
      </c>
    </row>
    <row r="10" spans="1:10" ht="18" customHeight="1" x14ac:dyDescent="0.2">
      <c r="A10" s="31" t="s">
        <v>48</v>
      </c>
      <c r="B10" s="27">
        <v>359</v>
      </c>
      <c r="C10" s="28">
        <v>302</v>
      </c>
      <c r="D10" s="29">
        <v>661</v>
      </c>
    </row>
    <row r="11" spans="1:10" ht="18" customHeight="1" x14ac:dyDescent="0.2">
      <c r="A11" s="31">
        <v>5</v>
      </c>
      <c r="B11" s="35">
        <v>69</v>
      </c>
      <c r="C11" s="28">
        <v>87</v>
      </c>
      <c r="D11" s="29">
        <v>156</v>
      </c>
    </row>
    <row r="12" spans="1:10" ht="18" customHeight="1" x14ac:dyDescent="0.2">
      <c r="A12" s="31">
        <v>6</v>
      </c>
      <c r="B12" s="35">
        <v>62</v>
      </c>
      <c r="C12" s="28">
        <v>74</v>
      </c>
      <c r="D12" s="29">
        <v>136</v>
      </c>
    </row>
    <row r="13" spans="1:10" ht="18" customHeight="1" x14ac:dyDescent="0.2">
      <c r="A13" s="31">
        <v>7</v>
      </c>
      <c r="B13" s="35">
        <v>72</v>
      </c>
      <c r="C13" s="28">
        <v>64</v>
      </c>
      <c r="D13" s="29">
        <v>136</v>
      </c>
    </row>
    <row r="14" spans="1:10" ht="18" customHeight="1" x14ac:dyDescent="0.2">
      <c r="A14" s="31">
        <v>8</v>
      </c>
      <c r="B14" s="35">
        <v>89</v>
      </c>
      <c r="C14" s="28">
        <v>76</v>
      </c>
      <c r="D14" s="29">
        <v>165</v>
      </c>
    </row>
    <row r="15" spans="1:10" ht="18" customHeight="1" x14ac:dyDescent="0.2">
      <c r="A15" s="31">
        <v>9</v>
      </c>
      <c r="B15" s="35">
        <v>78</v>
      </c>
      <c r="C15" s="28">
        <v>82</v>
      </c>
      <c r="D15" s="29">
        <v>160</v>
      </c>
    </row>
    <row r="16" spans="1:10" ht="18" customHeight="1" x14ac:dyDescent="0.2">
      <c r="A16" s="31" t="s">
        <v>49</v>
      </c>
      <c r="B16" s="27">
        <v>370</v>
      </c>
      <c r="C16" s="28">
        <v>383</v>
      </c>
      <c r="D16" s="29">
        <v>753</v>
      </c>
    </row>
    <row r="17" spans="1:4" ht="18" customHeight="1" x14ac:dyDescent="0.2">
      <c r="A17" s="31">
        <v>10</v>
      </c>
      <c r="B17" s="27">
        <v>86</v>
      </c>
      <c r="C17" s="28">
        <v>78</v>
      </c>
      <c r="D17" s="29">
        <v>164</v>
      </c>
    </row>
    <row r="18" spans="1:4" ht="18" customHeight="1" x14ac:dyDescent="0.2">
      <c r="A18" s="31">
        <v>11</v>
      </c>
      <c r="B18" s="27">
        <v>71</v>
      </c>
      <c r="C18" s="28">
        <v>81</v>
      </c>
      <c r="D18" s="29">
        <v>152</v>
      </c>
    </row>
    <row r="19" spans="1:4" ht="18" customHeight="1" x14ac:dyDescent="0.2">
      <c r="A19" s="31">
        <v>12</v>
      </c>
      <c r="B19" s="27">
        <v>91</v>
      </c>
      <c r="C19" s="28">
        <v>67</v>
      </c>
      <c r="D19" s="29">
        <v>158</v>
      </c>
    </row>
    <row r="20" spans="1:4" ht="18" customHeight="1" x14ac:dyDescent="0.2">
      <c r="A20" s="31">
        <v>13</v>
      </c>
      <c r="B20" s="27">
        <v>68</v>
      </c>
      <c r="C20" s="28">
        <v>69</v>
      </c>
      <c r="D20" s="29">
        <v>137</v>
      </c>
    </row>
    <row r="21" spans="1:4" ht="18" customHeight="1" x14ac:dyDescent="0.2">
      <c r="A21" s="31">
        <v>14</v>
      </c>
      <c r="B21" s="27">
        <v>88</v>
      </c>
      <c r="C21" s="28">
        <v>74</v>
      </c>
      <c r="D21" s="29">
        <v>162</v>
      </c>
    </row>
    <row r="22" spans="1:4" ht="18" customHeight="1" x14ac:dyDescent="0.2">
      <c r="A22" s="31" t="s">
        <v>50</v>
      </c>
      <c r="B22" s="27">
        <v>404</v>
      </c>
      <c r="C22" s="28">
        <v>369</v>
      </c>
      <c r="D22" s="29">
        <v>773</v>
      </c>
    </row>
    <row r="23" spans="1:4" ht="18" customHeight="1" x14ac:dyDescent="0.2">
      <c r="A23" s="31" t="s">
        <v>51</v>
      </c>
      <c r="B23" s="27">
        <v>1133</v>
      </c>
      <c r="C23" s="28">
        <v>1054</v>
      </c>
      <c r="D23" s="29">
        <v>2187</v>
      </c>
    </row>
    <row r="24" spans="1:4" ht="18" customHeight="1" x14ac:dyDescent="0.2">
      <c r="A24" s="31">
        <v>15</v>
      </c>
      <c r="B24" s="27">
        <v>62</v>
      </c>
      <c r="C24" s="28">
        <v>56</v>
      </c>
      <c r="D24" s="29">
        <v>118</v>
      </c>
    </row>
    <row r="25" spans="1:4" ht="18" customHeight="1" x14ac:dyDescent="0.2">
      <c r="A25" s="31">
        <v>16</v>
      </c>
      <c r="B25" s="27">
        <v>72</v>
      </c>
      <c r="C25" s="28">
        <v>67</v>
      </c>
      <c r="D25" s="29">
        <v>139</v>
      </c>
    </row>
    <row r="26" spans="1:4" ht="18" customHeight="1" x14ac:dyDescent="0.2">
      <c r="A26" s="31">
        <v>17</v>
      </c>
      <c r="B26" s="27">
        <v>70</v>
      </c>
      <c r="C26" s="28">
        <v>59</v>
      </c>
      <c r="D26" s="29">
        <v>129</v>
      </c>
    </row>
    <row r="27" spans="1:4" ht="18" customHeight="1" x14ac:dyDescent="0.2">
      <c r="A27" s="31">
        <v>18</v>
      </c>
      <c r="B27" s="27">
        <v>71</v>
      </c>
      <c r="C27" s="28">
        <v>53</v>
      </c>
      <c r="D27" s="29">
        <v>124</v>
      </c>
    </row>
    <row r="28" spans="1:4" ht="18" customHeight="1" x14ac:dyDescent="0.2">
      <c r="A28" s="31">
        <v>19</v>
      </c>
      <c r="B28" s="27">
        <v>52</v>
      </c>
      <c r="C28" s="28">
        <v>53</v>
      </c>
      <c r="D28" s="29">
        <v>105</v>
      </c>
    </row>
    <row r="29" spans="1:4" ht="18" customHeight="1" x14ac:dyDescent="0.2">
      <c r="A29" s="31" t="s">
        <v>52</v>
      </c>
      <c r="B29" s="27">
        <v>327</v>
      </c>
      <c r="C29" s="28">
        <v>288</v>
      </c>
      <c r="D29" s="29">
        <v>615</v>
      </c>
    </row>
    <row r="30" spans="1:4" ht="18" customHeight="1" x14ac:dyDescent="0.2">
      <c r="A30" s="31">
        <v>20</v>
      </c>
      <c r="B30" s="27">
        <v>53</v>
      </c>
      <c r="C30" s="28">
        <v>64</v>
      </c>
      <c r="D30" s="29">
        <v>117</v>
      </c>
    </row>
    <row r="31" spans="1:4" ht="18" customHeight="1" x14ac:dyDescent="0.2">
      <c r="A31" s="31">
        <v>21</v>
      </c>
      <c r="B31" s="27">
        <v>49</v>
      </c>
      <c r="C31" s="28">
        <v>52</v>
      </c>
      <c r="D31" s="29">
        <v>101</v>
      </c>
    </row>
    <row r="32" spans="1:4" ht="18" customHeight="1" x14ac:dyDescent="0.2">
      <c r="A32" s="31">
        <v>22</v>
      </c>
      <c r="B32" s="27">
        <v>57</v>
      </c>
      <c r="C32" s="28">
        <v>52</v>
      </c>
      <c r="D32" s="29">
        <v>109</v>
      </c>
    </row>
    <row r="33" spans="1:4" ht="18" customHeight="1" x14ac:dyDescent="0.2">
      <c r="A33" s="31">
        <v>23</v>
      </c>
      <c r="B33" s="27">
        <v>63</v>
      </c>
      <c r="C33" s="28">
        <v>54</v>
      </c>
      <c r="D33" s="29">
        <v>117</v>
      </c>
    </row>
    <row r="34" spans="1:4" ht="18" customHeight="1" x14ac:dyDescent="0.2">
      <c r="A34" s="31">
        <v>24</v>
      </c>
      <c r="B34" s="27">
        <v>61</v>
      </c>
      <c r="C34" s="28">
        <v>65</v>
      </c>
      <c r="D34" s="29">
        <v>126</v>
      </c>
    </row>
    <row r="35" spans="1:4" ht="18" customHeight="1" x14ac:dyDescent="0.2">
      <c r="A35" s="31" t="s">
        <v>53</v>
      </c>
      <c r="B35" s="27">
        <v>283</v>
      </c>
      <c r="C35" s="28">
        <v>287</v>
      </c>
      <c r="D35" s="29">
        <v>570</v>
      </c>
    </row>
    <row r="36" spans="1:4" ht="18" customHeight="1" x14ac:dyDescent="0.2">
      <c r="A36" s="31">
        <v>25</v>
      </c>
      <c r="B36" s="27">
        <v>67</v>
      </c>
      <c r="C36" s="28">
        <v>74</v>
      </c>
      <c r="D36" s="29">
        <v>141</v>
      </c>
    </row>
    <row r="37" spans="1:4" ht="18" customHeight="1" x14ac:dyDescent="0.2">
      <c r="A37" s="31">
        <v>26</v>
      </c>
      <c r="B37" s="27">
        <v>82</v>
      </c>
      <c r="C37" s="28">
        <v>73</v>
      </c>
      <c r="D37" s="29">
        <v>155</v>
      </c>
    </row>
    <row r="38" spans="1:4" ht="18" customHeight="1" x14ac:dyDescent="0.2">
      <c r="A38" s="31">
        <v>27</v>
      </c>
      <c r="B38" s="27">
        <v>88</v>
      </c>
      <c r="C38" s="28">
        <v>61</v>
      </c>
      <c r="D38" s="29">
        <v>149</v>
      </c>
    </row>
    <row r="39" spans="1:4" ht="18" customHeight="1" x14ac:dyDescent="0.2">
      <c r="A39" s="31">
        <v>28</v>
      </c>
      <c r="B39" s="27">
        <v>94</v>
      </c>
      <c r="C39" s="28">
        <v>69</v>
      </c>
      <c r="D39" s="29">
        <v>163</v>
      </c>
    </row>
    <row r="40" spans="1:4" ht="18" customHeight="1" x14ac:dyDescent="0.2">
      <c r="A40" s="31">
        <v>29</v>
      </c>
      <c r="B40" s="27">
        <v>83</v>
      </c>
      <c r="C40" s="28">
        <v>60</v>
      </c>
      <c r="D40" s="29">
        <v>143</v>
      </c>
    </row>
    <row r="41" spans="1:4" ht="18" customHeight="1" x14ac:dyDescent="0.2">
      <c r="A41" s="31" t="s">
        <v>54</v>
      </c>
      <c r="B41" s="27">
        <v>414</v>
      </c>
      <c r="C41" s="28">
        <v>337</v>
      </c>
      <c r="D41" s="29">
        <v>751</v>
      </c>
    </row>
    <row r="42" spans="1:4" ht="18" customHeight="1" x14ac:dyDescent="0.2">
      <c r="A42" s="31">
        <v>30</v>
      </c>
      <c r="B42" s="27">
        <v>86</v>
      </c>
      <c r="C42" s="28">
        <v>61</v>
      </c>
      <c r="D42" s="29">
        <v>147</v>
      </c>
    </row>
    <row r="43" spans="1:4" ht="18" customHeight="1" x14ac:dyDescent="0.2">
      <c r="A43" s="31">
        <v>31</v>
      </c>
      <c r="B43" s="27">
        <v>56</v>
      </c>
      <c r="C43" s="28">
        <v>69</v>
      </c>
      <c r="D43" s="29">
        <v>125</v>
      </c>
    </row>
    <row r="44" spans="1:4" ht="18" customHeight="1" x14ac:dyDescent="0.2">
      <c r="A44" s="31">
        <v>32</v>
      </c>
      <c r="B44" s="27">
        <v>79</v>
      </c>
      <c r="C44" s="28">
        <v>67</v>
      </c>
      <c r="D44" s="29">
        <v>146</v>
      </c>
    </row>
    <row r="45" spans="1:4" ht="18" customHeight="1" x14ac:dyDescent="0.2">
      <c r="A45" s="31">
        <v>33</v>
      </c>
      <c r="B45" s="27">
        <v>67</v>
      </c>
      <c r="C45" s="28">
        <v>81</v>
      </c>
      <c r="D45" s="29">
        <v>148</v>
      </c>
    </row>
    <row r="46" spans="1:4" ht="18" customHeight="1" x14ac:dyDescent="0.2">
      <c r="A46" s="31">
        <v>34</v>
      </c>
      <c r="B46" s="27">
        <v>72</v>
      </c>
      <c r="C46" s="28">
        <v>90</v>
      </c>
      <c r="D46" s="29">
        <v>162</v>
      </c>
    </row>
    <row r="47" spans="1:4" ht="18" customHeight="1" x14ac:dyDescent="0.2">
      <c r="A47" s="31" t="s">
        <v>55</v>
      </c>
      <c r="B47" s="27">
        <v>360</v>
      </c>
      <c r="C47" s="28">
        <v>368</v>
      </c>
      <c r="D47" s="29">
        <v>728</v>
      </c>
    </row>
    <row r="48" spans="1:4" ht="18" customHeight="1" x14ac:dyDescent="0.2">
      <c r="A48" s="31">
        <v>35</v>
      </c>
      <c r="B48" s="27">
        <v>95</v>
      </c>
      <c r="C48" s="28">
        <v>94</v>
      </c>
      <c r="D48" s="29">
        <v>189</v>
      </c>
    </row>
    <row r="49" spans="1:4" ht="18" customHeight="1" x14ac:dyDescent="0.2">
      <c r="A49" s="31">
        <v>36</v>
      </c>
      <c r="B49" s="27">
        <v>87</v>
      </c>
      <c r="C49" s="28">
        <v>91</v>
      </c>
      <c r="D49" s="29">
        <v>178</v>
      </c>
    </row>
    <row r="50" spans="1:4" ht="18" customHeight="1" x14ac:dyDescent="0.2">
      <c r="A50" s="31">
        <v>37</v>
      </c>
      <c r="B50" s="27">
        <v>86</v>
      </c>
      <c r="C50" s="28">
        <v>92</v>
      </c>
      <c r="D50" s="29">
        <v>178</v>
      </c>
    </row>
    <row r="51" spans="1:4" ht="18" customHeight="1" x14ac:dyDescent="0.2">
      <c r="A51" s="31">
        <v>38</v>
      </c>
      <c r="B51" s="27">
        <v>111</v>
      </c>
      <c r="C51" s="28">
        <v>98</v>
      </c>
      <c r="D51" s="29">
        <v>209</v>
      </c>
    </row>
    <row r="52" spans="1:4" ht="18" customHeight="1" x14ac:dyDescent="0.2">
      <c r="A52" s="31">
        <v>39</v>
      </c>
      <c r="B52" s="27">
        <v>86</v>
      </c>
      <c r="C52" s="28">
        <v>103</v>
      </c>
      <c r="D52" s="29">
        <v>189</v>
      </c>
    </row>
    <row r="53" spans="1:4" ht="18" customHeight="1" x14ac:dyDescent="0.2">
      <c r="A53" s="31" t="s">
        <v>56</v>
      </c>
      <c r="B53" s="27">
        <v>465</v>
      </c>
      <c r="C53" s="28">
        <v>478</v>
      </c>
      <c r="D53" s="29">
        <v>943</v>
      </c>
    </row>
    <row r="54" spans="1:4" ht="18" customHeight="1" x14ac:dyDescent="0.2">
      <c r="A54" s="31">
        <v>40</v>
      </c>
      <c r="B54" s="27">
        <v>124</v>
      </c>
      <c r="C54" s="28">
        <v>113</v>
      </c>
      <c r="D54" s="29">
        <v>237</v>
      </c>
    </row>
    <row r="55" spans="1:4" ht="18" customHeight="1" x14ac:dyDescent="0.2">
      <c r="A55" s="31">
        <v>41</v>
      </c>
      <c r="B55" s="27">
        <v>111</v>
      </c>
      <c r="C55" s="28">
        <v>132</v>
      </c>
      <c r="D55" s="29">
        <v>243</v>
      </c>
    </row>
    <row r="56" spans="1:4" ht="18" customHeight="1" x14ac:dyDescent="0.2">
      <c r="A56" s="31">
        <v>42</v>
      </c>
      <c r="B56" s="27">
        <v>129</v>
      </c>
      <c r="C56" s="28">
        <v>123</v>
      </c>
      <c r="D56" s="29">
        <v>252</v>
      </c>
    </row>
    <row r="57" spans="1:4" ht="18" customHeight="1" x14ac:dyDescent="0.2">
      <c r="A57" s="31">
        <v>43</v>
      </c>
      <c r="B57" s="27">
        <v>106</v>
      </c>
      <c r="C57" s="28">
        <v>94</v>
      </c>
      <c r="D57" s="29">
        <v>200</v>
      </c>
    </row>
    <row r="58" spans="1:4" ht="18" customHeight="1" x14ac:dyDescent="0.2">
      <c r="A58" s="31">
        <v>44</v>
      </c>
      <c r="B58" s="27">
        <v>120</v>
      </c>
      <c r="C58" s="28">
        <v>108</v>
      </c>
      <c r="D58" s="29">
        <v>228</v>
      </c>
    </row>
    <row r="59" spans="1:4" ht="18" customHeight="1" x14ac:dyDescent="0.2">
      <c r="A59" s="31" t="s">
        <v>57</v>
      </c>
      <c r="B59" s="27">
        <v>590</v>
      </c>
      <c r="C59" s="28">
        <v>570</v>
      </c>
      <c r="D59" s="29">
        <v>1160</v>
      </c>
    </row>
    <row r="60" spans="1:4" ht="18" customHeight="1" x14ac:dyDescent="0.2">
      <c r="A60" s="31">
        <v>45</v>
      </c>
      <c r="B60" s="27">
        <v>127</v>
      </c>
      <c r="C60" s="28">
        <v>121</v>
      </c>
      <c r="D60" s="29">
        <v>248</v>
      </c>
    </row>
    <row r="61" spans="1:4" ht="18" customHeight="1" x14ac:dyDescent="0.2">
      <c r="A61" s="31">
        <v>46</v>
      </c>
      <c r="B61" s="27">
        <v>112</v>
      </c>
      <c r="C61" s="28">
        <v>121</v>
      </c>
      <c r="D61" s="29">
        <v>233</v>
      </c>
    </row>
    <row r="62" spans="1:4" ht="18" customHeight="1" x14ac:dyDescent="0.2">
      <c r="A62" s="31">
        <v>47</v>
      </c>
      <c r="B62" s="27">
        <v>98</v>
      </c>
      <c r="C62" s="28">
        <v>111</v>
      </c>
      <c r="D62" s="29">
        <v>209</v>
      </c>
    </row>
    <row r="63" spans="1:4" ht="18" customHeight="1" x14ac:dyDescent="0.2">
      <c r="A63" s="31">
        <v>48</v>
      </c>
      <c r="B63" s="27">
        <v>85</v>
      </c>
      <c r="C63" s="28">
        <v>99</v>
      </c>
      <c r="D63" s="29">
        <v>184</v>
      </c>
    </row>
    <row r="64" spans="1:4" ht="18" customHeight="1" x14ac:dyDescent="0.2">
      <c r="A64" s="31">
        <v>49</v>
      </c>
      <c r="B64" s="27">
        <v>90</v>
      </c>
      <c r="C64" s="28">
        <v>83</v>
      </c>
      <c r="D64" s="29">
        <v>173</v>
      </c>
    </row>
    <row r="65" spans="1:4" ht="18" customHeight="1" x14ac:dyDescent="0.2">
      <c r="A65" s="31" t="s">
        <v>58</v>
      </c>
      <c r="B65" s="27">
        <v>512</v>
      </c>
      <c r="C65" s="28">
        <v>535</v>
      </c>
      <c r="D65" s="29">
        <v>1047</v>
      </c>
    </row>
    <row r="66" spans="1:4" ht="18" customHeight="1" x14ac:dyDescent="0.2">
      <c r="A66" s="31">
        <v>50</v>
      </c>
      <c r="B66" s="27">
        <v>95</v>
      </c>
      <c r="C66" s="28">
        <v>84</v>
      </c>
      <c r="D66" s="29">
        <v>179</v>
      </c>
    </row>
    <row r="67" spans="1:4" ht="18" customHeight="1" x14ac:dyDescent="0.2">
      <c r="A67" s="31">
        <v>51</v>
      </c>
      <c r="B67" s="27">
        <v>77</v>
      </c>
      <c r="C67" s="28">
        <v>66</v>
      </c>
      <c r="D67" s="29">
        <v>143</v>
      </c>
    </row>
    <row r="68" spans="1:4" ht="18" customHeight="1" x14ac:dyDescent="0.2">
      <c r="A68" s="31">
        <v>52</v>
      </c>
      <c r="B68" s="27">
        <v>47</v>
      </c>
      <c r="C68" s="28">
        <v>43</v>
      </c>
      <c r="D68" s="29">
        <v>90</v>
      </c>
    </row>
    <row r="69" spans="1:4" ht="18" customHeight="1" x14ac:dyDescent="0.2">
      <c r="A69" s="31">
        <v>53</v>
      </c>
      <c r="B69" s="27">
        <v>66</v>
      </c>
      <c r="C69" s="28">
        <v>78</v>
      </c>
      <c r="D69" s="29">
        <v>144</v>
      </c>
    </row>
    <row r="70" spans="1:4" ht="18" customHeight="1" x14ac:dyDescent="0.2">
      <c r="A70" s="31">
        <v>54</v>
      </c>
      <c r="B70" s="27">
        <v>58</v>
      </c>
      <c r="C70" s="28">
        <v>67</v>
      </c>
      <c r="D70" s="29">
        <v>125</v>
      </c>
    </row>
    <row r="71" spans="1:4" ht="18" customHeight="1" x14ac:dyDescent="0.2">
      <c r="A71" s="31" t="s">
        <v>59</v>
      </c>
      <c r="B71" s="27">
        <v>343</v>
      </c>
      <c r="C71" s="28">
        <v>338</v>
      </c>
      <c r="D71" s="29">
        <v>681</v>
      </c>
    </row>
    <row r="72" spans="1:4" ht="18" customHeight="1" x14ac:dyDescent="0.2">
      <c r="A72" s="31">
        <v>55</v>
      </c>
      <c r="B72" s="27">
        <v>69</v>
      </c>
      <c r="C72" s="28">
        <v>66</v>
      </c>
      <c r="D72" s="29">
        <v>135</v>
      </c>
    </row>
    <row r="73" spans="1:4" ht="18" customHeight="1" x14ac:dyDescent="0.2">
      <c r="A73" s="31">
        <v>56</v>
      </c>
      <c r="B73" s="27">
        <v>71</v>
      </c>
      <c r="C73" s="28">
        <v>61</v>
      </c>
      <c r="D73" s="29">
        <v>132</v>
      </c>
    </row>
    <row r="74" spans="1:4" ht="18" customHeight="1" x14ac:dyDescent="0.2">
      <c r="A74" s="31">
        <v>57</v>
      </c>
      <c r="B74" s="27">
        <v>56</v>
      </c>
      <c r="C74" s="28">
        <v>70</v>
      </c>
      <c r="D74" s="29">
        <v>126</v>
      </c>
    </row>
    <row r="75" spans="1:4" ht="18" customHeight="1" x14ac:dyDescent="0.2">
      <c r="A75" s="31">
        <v>58</v>
      </c>
      <c r="B75" s="27">
        <v>58</v>
      </c>
      <c r="C75" s="28">
        <v>53</v>
      </c>
      <c r="D75" s="29">
        <v>111</v>
      </c>
    </row>
    <row r="76" spans="1:4" ht="18" customHeight="1" x14ac:dyDescent="0.2">
      <c r="A76" s="31">
        <v>59</v>
      </c>
      <c r="B76" s="27">
        <v>61</v>
      </c>
      <c r="C76" s="28">
        <v>49</v>
      </c>
      <c r="D76" s="29">
        <v>110</v>
      </c>
    </row>
    <row r="77" spans="1:4" ht="18" customHeight="1" x14ac:dyDescent="0.2">
      <c r="A77" s="31" t="s">
        <v>60</v>
      </c>
      <c r="B77" s="27">
        <v>315</v>
      </c>
      <c r="C77" s="28">
        <v>299</v>
      </c>
      <c r="D77" s="29">
        <v>614</v>
      </c>
    </row>
    <row r="78" spans="1:4" ht="18" customHeight="1" x14ac:dyDescent="0.2">
      <c r="A78" s="31">
        <v>60</v>
      </c>
      <c r="B78" s="27">
        <v>49</v>
      </c>
      <c r="C78" s="28">
        <v>57</v>
      </c>
      <c r="D78" s="29">
        <v>106</v>
      </c>
    </row>
    <row r="79" spans="1:4" ht="18" customHeight="1" x14ac:dyDescent="0.2">
      <c r="A79" s="31">
        <v>61</v>
      </c>
      <c r="B79" s="27">
        <v>48</v>
      </c>
      <c r="C79" s="28">
        <v>51</v>
      </c>
      <c r="D79" s="29">
        <v>99</v>
      </c>
    </row>
    <row r="80" spans="1:4" ht="18" customHeight="1" x14ac:dyDescent="0.2">
      <c r="A80" s="31">
        <v>62</v>
      </c>
      <c r="B80" s="27">
        <v>53</v>
      </c>
      <c r="C80" s="28">
        <v>58</v>
      </c>
      <c r="D80" s="29">
        <v>111</v>
      </c>
    </row>
    <row r="81" spans="1:4" ht="18" customHeight="1" x14ac:dyDescent="0.2">
      <c r="A81" s="31">
        <v>63</v>
      </c>
      <c r="B81" s="27">
        <v>59</v>
      </c>
      <c r="C81" s="28">
        <v>60</v>
      </c>
      <c r="D81" s="29">
        <v>119</v>
      </c>
    </row>
    <row r="82" spans="1:4" ht="18" customHeight="1" x14ac:dyDescent="0.2">
      <c r="A82" s="31">
        <v>64</v>
      </c>
      <c r="B82" s="27">
        <v>53</v>
      </c>
      <c r="C82" s="28">
        <v>63</v>
      </c>
      <c r="D82" s="29">
        <v>116</v>
      </c>
    </row>
    <row r="83" spans="1:4" ht="18" customHeight="1" x14ac:dyDescent="0.2">
      <c r="A83" s="31" t="s">
        <v>61</v>
      </c>
      <c r="B83" s="27">
        <v>262</v>
      </c>
      <c r="C83" s="28">
        <v>289</v>
      </c>
      <c r="D83" s="29">
        <v>551</v>
      </c>
    </row>
    <row r="84" spans="1:4" ht="18" customHeight="1" x14ac:dyDescent="0.2">
      <c r="A84" s="31" t="s">
        <v>62</v>
      </c>
      <c r="B84" s="27">
        <v>3871</v>
      </c>
      <c r="C84" s="28">
        <v>3789</v>
      </c>
      <c r="D84" s="29">
        <v>7660</v>
      </c>
    </row>
    <row r="85" spans="1:4" ht="18" customHeight="1" x14ac:dyDescent="0.2">
      <c r="A85" s="31">
        <v>65</v>
      </c>
      <c r="B85" s="27">
        <v>56</v>
      </c>
      <c r="C85" s="28">
        <v>58</v>
      </c>
      <c r="D85" s="29">
        <v>114</v>
      </c>
    </row>
    <row r="86" spans="1:4" ht="18" customHeight="1" x14ac:dyDescent="0.2">
      <c r="A86" s="31">
        <v>66</v>
      </c>
      <c r="B86" s="27">
        <v>60</v>
      </c>
      <c r="C86" s="28">
        <v>54</v>
      </c>
      <c r="D86" s="29">
        <v>114</v>
      </c>
    </row>
    <row r="87" spans="1:4" ht="18" customHeight="1" x14ac:dyDescent="0.2">
      <c r="A87" s="31">
        <v>67</v>
      </c>
      <c r="B87" s="27">
        <v>42</v>
      </c>
      <c r="C87" s="28">
        <v>64</v>
      </c>
      <c r="D87" s="29">
        <v>106</v>
      </c>
    </row>
    <row r="88" spans="1:4" ht="18" customHeight="1" x14ac:dyDescent="0.2">
      <c r="A88" s="31">
        <v>68</v>
      </c>
      <c r="B88" s="27">
        <v>61</v>
      </c>
      <c r="C88" s="28">
        <v>68</v>
      </c>
      <c r="D88" s="29">
        <v>129</v>
      </c>
    </row>
    <row r="89" spans="1:4" ht="18" customHeight="1" x14ac:dyDescent="0.2">
      <c r="A89" s="31">
        <v>69</v>
      </c>
      <c r="B89" s="27">
        <v>58</v>
      </c>
      <c r="C89" s="28">
        <v>69</v>
      </c>
      <c r="D89" s="29">
        <v>127</v>
      </c>
    </row>
    <row r="90" spans="1:4" ht="18" customHeight="1" x14ac:dyDescent="0.2">
      <c r="A90" s="31" t="s">
        <v>63</v>
      </c>
      <c r="B90" s="27">
        <v>277</v>
      </c>
      <c r="C90" s="28">
        <v>313</v>
      </c>
      <c r="D90" s="29">
        <v>590</v>
      </c>
    </row>
    <row r="91" spans="1:4" ht="18" customHeight="1" x14ac:dyDescent="0.2">
      <c r="A91" s="31">
        <v>70</v>
      </c>
      <c r="B91" s="27">
        <v>58</v>
      </c>
      <c r="C91" s="28">
        <v>77</v>
      </c>
      <c r="D91" s="29">
        <v>135</v>
      </c>
    </row>
    <row r="92" spans="1:4" ht="18" customHeight="1" x14ac:dyDescent="0.2">
      <c r="A92" s="31">
        <v>71</v>
      </c>
      <c r="B92" s="27">
        <v>68</v>
      </c>
      <c r="C92" s="28">
        <v>88</v>
      </c>
      <c r="D92" s="29">
        <v>156</v>
      </c>
    </row>
    <row r="93" spans="1:4" ht="18" customHeight="1" x14ac:dyDescent="0.2">
      <c r="A93" s="31">
        <v>72</v>
      </c>
      <c r="B93" s="27">
        <v>41</v>
      </c>
      <c r="C93" s="28">
        <v>44</v>
      </c>
      <c r="D93" s="29">
        <v>85</v>
      </c>
    </row>
    <row r="94" spans="1:4" ht="18" customHeight="1" x14ac:dyDescent="0.2">
      <c r="A94" s="31">
        <v>73</v>
      </c>
      <c r="B94" s="27">
        <v>32</v>
      </c>
      <c r="C94" s="28">
        <v>32</v>
      </c>
      <c r="D94" s="29">
        <v>64</v>
      </c>
    </row>
    <row r="95" spans="1:4" ht="18" customHeight="1" x14ac:dyDescent="0.2">
      <c r="A95" s="31">
        <v>74</v>
      </c>
      <c r="B95" s="27">
        <v>38</v>
      </c>
      <c r="C95" s="28">
        <v>50</v>
      </c>
      <c r="D95" s="29">
        <v>88</v>
      </c>
    </row>
    <row r="96" spans="1:4" ht="18" customHeight="1" x14ac:dyDescent="0.2">
      <c r="A96" s="31" t="s">
        <v>64</v>
      </c>
      <c r="B96" s="27">
        <v>237</v>
      </c>
      <c r="C96" s="28">
        <v>291</v>
      </c>
      <c r="D96" s="29">
        <v>528</v>
      </c>
    </row>
    <row r="97" spans="1:4" ht="18" customHeight="1" x14ac:dyDescent="0.2">
      <c r="A97" s="31">
        <v>75</v>
      </c>
      <c r="B97" s="27">
        <v>43</v>
      </c>
      <c r="C97" s="28">
        <v>42</v>
      </c>
      <c r="D97" s="29">
        <v>85</v>
      </c>
    </row>
    <row r="98" spans="1:4" ht="18" customHeight="1" x14ac:dyDescent="0.2">
      <c r="A98" s="31">
        <v>76</v>
      </c>
      <c r="B98" s="27">
        <v>52</v>
      </c>
      <c r="C98" s="28">
        <v>55</v>
      </c>
      <c r="D98" s="29">
        <v>107</v>
      </c>
    </row>
    <row r="99" spans="1:4" ht="18" customHeight="1" x14ac:dyDescent="0.2">
      <c r="A99" s="31">
        <v>77</v>
      </c>
      <c r="B99" s="27">
        <v>39</v>
      </c>
      <c r="C99" s="28">
        <v>37</v>
      </c>
      <c r="D99" s="29">
        <v>76</v>
      </c>
    </row>
    <row r="100" spans="1:4" ht="18" customHeight="1" x14ac:dyDescent="0.2">
      <c r="A100" s="31">
        <v>78</v>
      </c>
      <c r="B100" s="27">
        <v>27</v>
      </c>
      <c r="C100" s="28">
        <v>36</v>
      </c>
      <c r="D100" s="29">
        <v>63</v>
      </c>
    </row>
    <row r="101" spans="1:4" ht="18" customHeight="1" x14ac:dyDescent="0.2">
      <c r="A101" s="31">
        <v>79</v>
      </c>
      <c r="B101" s="27">
        <v>22</v>
      </c>
      <c r="C101" s="28">
        <v>41</v>
      </c>
      <c r="D101" s="29">
        <v>63</v>
      </c>
    </row>
    <row r="102" spans="1:4" ht="18" customHeight="1" x14ac:dyDescent="0.2">
      <c r="A102" s="31" t="s">
        <v>65</v>
      </c>
      <c r="B102" s="27">
        <v>183</v>
      </c>
      <c r="C102" s="28">
        <v>211</v>
      </c>
      <c r="D102" s="29">
        <v>394</v>
      </c>
    </row>
    <row r="103" spans="1:4" ht="18" customHeight="1" x14ac:dyDescent="0.2">
      <c r="A103" s="31">
        <v>80</v>
      </c>
      <c r="B103" s="27">
        <v>33</v>
      </c>
      <c r="C103" s="28">
        <v>28</v>
      </c>
      <c r="D103" s="29">
        <v>61</v>
      </c>
    </row>
    <row r="104" spans="1:4" ht="18" customHeight="1" x14ac:dyDescent="0.2">
      <c r="A104" s="31">
        <v>81</v>
      </c>
      <c r="B104" s="27">
        <v>21</v>
      </c>
      <c r="C104" s="28">
        <v>26</v>
      </c>
      <c r="D104" s="29">
        <v>47</v>
      </c>
    </row>
    <row r="105" spans="1:4" ht="18" customHeight="1" x14ac:dyDescent="0.2">
      <c r="A105" s="31">
        <v>82</v>
      </c>
      <c r="B105" s="27">
        <v>16</v>
      </c>
      <c r="C105" s="28">
        <v>45</v>
      </c>
      <c r="D105" s="29">
        <v>61</v>
      </c>
    </row>
    <row r="106" spans="1:4" ht="18" customHeight="1" x14ac:dyDescent="0.2">
      <c r="A106" s="31">
        <v>83</v>
      </c>
      <c r="B106" s="27">
        <v>22</v>
      </c>
      <c r="C106" s="28">
        <v>28</v>
      </c>
      <c r="D106" s="29">
        <v>50</v>
      </c>
    </row>
    <row r="107" spans="1:4" ht="18" customHeight="1" x14ac:dyDescent="0.2">
      <c r="A107" s="31">
        <v>84</v>
      </c>
      <c r="B107" s="27">
        <v>16</v>
      </c>
      <c r="C107" s="28">
        <v>26</v>
      </c>
      <c r="D107" s="29">
        <v>42</v>
      </c>
    </row>
    <row r="108" spans="1:4" ht="18" customHeight="1" x14ac:dyDescent="0.2">
      <c r="A108" s="31" t="s">
        <v>66</v>
      </c>
      <c r="B108" s="27">
        <v>108</v>
      </c>
      <c r="C108" s="28">
        <v>153</v>
      </c>
      <c r="D108" s="29">
        <v>261</v>
      </c>
    </row>
    <row r="109" spans="1:4" ht="18" customHeight="1" x14ac:dyDescent="0.2">
      <c r="A109" s="31">
        <v>85</v>
      </c>
      <c r="B109" s="27">
        <v>18</v>
      </c>
      <c r="C109" s="28">
        <v>39</v>
      </c>
      <c r="D109" s="29">
        <v>57</v>
      </c>
    </row>
    <row r="110" spans="1:4" ht="18" customHeight="1" x14ac:dyDescent="0.2">
      <c r="A110" s="31">
        <v>86</v>
      </c>
      <c r="B110" s="27">
        <v>17</v>
      </c>
      <c r="C110" s="28">
        <v>30</v>
      </c>
      <c r="D110" s="29">
        <v>47</v>
      </c>
    </row>
    <row r="111" spans="1:4" ht="18" customHeight="1" x14ac:dyDescent="0.2">
      <c r="A111" s="31">
        <v>87</v>
      </c>
      <c r="B111" s="27">
        <v>12</v>
      </c>
      <c r="C111" s="28">
        <v>21</v>
      </c>
      <c r="D111" s="29">
        <v>33</v>
      </c>
    </row>
    <row r="112" spans="1:4" ht="18" customHeight="1" x14ac:dyDescent="0.2">
      <c r="A112" s="31">
        <v>88</v>
      </c>
      <c r="B112" s="27">
        <v>12</v>
      </c>
      <c r="C112" s="28">
        <v>32</v>
      </c>
      <c r="D112" s="29">
        <v>44</v>
      </c>
    </row>
    <row r="113" spans="1:4" ht="18" customHeight="1" x14ac:dyDescent="0.2">
      <c r="A113" s="31">
        <v>89</v>
      </c>
      <c r="B113" s="27">
        <v>7</v>
      </c>
      <c r="C113" s="28">
        <v>20</v>
      </c>
      <c r="D113" s="29">
        <v>27</v>
      </c>
    </row>
    <row r="114" spans="1:4" ht="18" customHeight="1" x14ac:dyDescent="0.2">
      <c r="A114" s="31" t="s">
        <v>67</v>
      </c>
      <c r="B114" s="27">
        <v>66</v>
      </c>
      <c r="C114" s="28">
        <v>142</v>
      </c>
      <c r="D114" s="29">
        <v>208</v>
      </c>
    </row>
    <row r="115" spans="1:4" ht="18" customHeight="1" x14ac:dyDescent="0.2">
      <c r="A115" s="31">
        <v>90</v>
      </c>
      <c r="B115" s="27">
        <v>9</v>
      </c>
      <c r="C115" s="28">
        <v>27</v>
      </c>
      <c r="D115" s="29">
        <v>36</v>
      </c>
    </row>
    <row r="116" spans="1:4" ht="18" customHeight="1" x14ac:dyDescent="0.2">
      <c r="A116" s="31">
        <v>91</v>
      </c>
      <c r="B116" s="27">
        <v>4</v>
      </c>
      <c r="C116" s="28">
        <v>13</v>
      </c>
      <c r="D116" s="29">
        <v>17</v>
      </c>
    </row>
    <row r="117" spans="1:4" ht="18" customHeight="1" x14ac:dyDescent="0.2">
      <c r="A117" s="31">
        <v>92</v>
      </c>
      <c r="B117" s="27">
        <v>5</v>
      </c>
      <c r="C117" s="28">
        <v>15</v>
      </c>
      <c r="D117" s="29">
        <v>20</v>
      </c>
    </row>
    <row r="118" spans="1:4" ht="18" customHeight="1" x14ac:dyDescent="0.2">
      <c r="A118" s="31">
        <v>93</v>
      </c>
      <c r="B118" s="27">
        <v>3</v>
      </c>
      <c r="C118" s="28">
        <v>11</v>
      </c>
      <c r="D118" s="29">
        <v>14</v>
      </c>
    </row>
    <row r="119" spans="1:4" ht="18" customHeight="1" x14ac:dyDescent="0.2">
      <c r="A119" s="31">
        <v>94</v>
      </c>
      <c r="B119" s="27">
        <v>2</v>
      </c>
      <c r="C119" s="28">
        <v>15</v>
      </c>
      <c r="D119" s="29">
        <v>17</v>
      </c>
    </row>
    <row r="120" spans="1:4" ht="18" customHeight="1" x14ac:dyDescent="0.2">
      <c r="A120" s="31" t="s">
        <v>68</v>
      </c>
      <c r="B120" s="27">
        <v>23</v>
      </c>
      <c r="C120" s="28">
        <v>81</v>
      </c>
      <c r="D120" s="29">
        <v>104</v>
      </c>
    </row>
    <row r="121" spans="1:4" ht="18" customHeight="1" x14ac:dyDescent="0.2">
      <c r="A121" s="31">
        <v>95</v>
      </c>
      <c r="B121" s="27">
        <v>4</v>
      </c>
      <c r="C121" s="28">
        <v>5</v>
      </c>
      <c r="D121" s="29">
        <v>9</v>
      </c>
    </row>
    <row r="122" spans="1:4" ht="18" customHeight="1" x14ac:dyDescent="0.2">
      <c r="A122" s="31">
        <v>96</v>
      </c>
      <c r="B122" s="27">
        <v>0</v>
      </c>
      <c r="C122" s="28">
        <v>8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8</v>
      </c>
      <c r="D123" s="29">
        <v>9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6</v>
      </c>
      <c r="D125" s="29">
        <v>7</v>
      </c>
    </row>
    <row r="126" spans="1:4" ht="18" customHeight="1" x14ac:dyDescent="0.2">
      <c r="A126" s="31" t="s">
        <v>69</v>
      </c>
      <c r="B126" s="27">
        <v>6</v>
      </c>
      <c r="C126" s="28">
        <v>29</v>
      </c>
      <c r="D126" s="29">
        <v>3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2</v>
      </c>
      <c r="C128" s="28">
        <v>1</v>
      </c>
      <c r="D128" s="29">
        <v>3</v>
      </c>
    </row>
    <row r="129" spans="1:4" ht="18" customHeight="1" x14ac:dyDescent="0.2">
      <c r="A129" s="31" t="s">
        <v>71</v>
      </c>
      <c r="B129" s="27">
        <v>2</v>
      </c>
      <c r="C129" s="28">
        <v>2</v>
      </c>
      <c r="D129" s="29">
        <v>4</v>
      </c>
    </row>
    <row r="130" spans="1:4" ht="18" customHeight="1" x14ac:dyDescent="0.2">
      <c r="A130" s="31" t="s">
        <v>72</v>
      </c>
      <c r="B130" s="4">
        <v>902</v>
      </c>
      <c r="C130" s="5">
        <v>1222</v>
      </c>
      <c r="D130" s="6">
        <v>2124</v>
      </c>
    </row>
    <row r="131" spans="1:4" ht="18" customHeight="1" x14ac:dyDescent="0.2">
      <c r="A131" s="33" t="s">
        <v>47</v>
      </c>
      <c r="B131" s="7">
        <v>5906</v>
      </c>
      <c r="C131" s="8">
        <v>6065</v>
      </c>
      <c r="D131" s="9">
        <v>119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</v>
      </c>
      <c r="C5" s="37">
        <v>6</v>
      </c>
      <c r="D5" s="39">
        <v>10</v>
      </c>
    </row>
    <row r="6" spans="1:10" ht="18" customHeight="1" x14ac:dyDescent="0.2">
      <c r="A6" s="31">
        <v>1</v>
      </c>
      <c r="B6" s="35">
        <v>7</v>
      </c>
      <c r="C6" s="28">
        <v>3</v>
      </c>
      <c r="D6" s="29">
        <v>10</v>
      </c>
    </row>
    <row r="7" spans="1:10" ht="18" customHeight="1" x14ac:dyDescent="0.2">
      <c r="A7" s="31">
        <v>2</v>
      </c>
      <c r="B7" s="35">
        <v>6</v>
      </c>
      <c r="C7" s="28">
        <v>8</v>
      </c>
      <c r="D7" s="29">
        <v>14</v>
      </c>
    </row>
    <row r="8" spans="1:10" ht="18" customHeight="1" x14ac:dyDescent="0.2">
      <c r="A8" s="31">
        <v>3</v>
      </c>
      <c r="B8" s="35">
        <v>2</v>
      </c>
      <c r="C8" s="28">
        <v>8</v>
      </c>
      <c r="D8" s="29">
        <v>10</v>
      </c>
    </row>
    <row r="9" spans="1:10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10" ht="18" customHeight="1" x14ac:dyDescent="0.2">
      <c r="A10" s="31" t="s">
        <v>48</v>
      </c>
      <c r="B10" s="27">
        <v>25</v>
      </c>
      <c r="C10" s="28">
        <v>28</v>
      </c>
      <c r="D10" s="29">
        <v>53</v>
      </c>
    </row>
    <row r="11" spans="1:10" ht="18" customHeight="1" x14ac:dyDescent="0.2">
      <c r="A11" s="31">
        <v>5</v>
      </c>
      <c r="B11" s="35">
        <v>3</v>
      </c>
      <c r="C11" s="28">
        <v>3</v>
      </c>
      <c r="D11" s="29">
        <v>6</v>
      </c>
    </row>
    <row r="12" spans="1:10" ht="18" customHeight="1" x14ac:dyDescent="0.2">
      <c r="A12" s="31">
        <v>6</v>
      </c>
      <c r="B12" s="35">
        <v>8</v>
      </c>
      <c r="C12" s="28">
        <v>4</v>
      </c>
      <c r="D12" s="29">
        <v>12</v>
      </c>
    </row>
    <row r="13" spans="1:10" ht="18" customHeight="1" x14ac:dyDescent="0.2">
      <c r="A13" s="31">
        <v>7</v>
      </c>
      <c r="B13" s="35">
        <v>3</v>
      </c>
      <c r="C13" s="28">
        <v>8</v>
      </c>
      <c r="D13" s="29">
        <v>11</v>
      </c>
    </row>
    <row r="14" spans="1:10" ht="18" customHeight="1" x14ac:dyDescent="0.2">
      <c r="A14" s="31">
        <v>8</v>
      </c>
      <c r="B14" s="35">
        <v>4</v>
      </c>
      <c r="C14" s="28">
        <v>0</v>
      </c>
      <c r="D14" s="29">
        <v>4</v>
      </c>
    </row>
    <row r="15" spans="1:10" ht="18" customHeight="1" x14ac:dyDescent="0.2">
      <c r="A15" s="31">
        <v>9</v>
      </c>
      <c r="B15" s="35">
        <v>0</v>
      </c>
      <c r="C15" s="28">
        <v>5</v>
      </c>
      <c r="D15" s="29">
        <v>5</v>
      </c>
    </row>
    <row r="16" spans="1:10" ht="18" customHeight="1" x14ac:dyDescent="0.2">
      <c r="A16" s="31" t="s">
        <v>49</v>
      </c>
      <c r="B16" s="27">
        <v>18</v>
      </c>
      <c r="C16" s="28">
        <v>20</v>
      </c>
      <c r="D16" s="29">
        <v>38</v>
      </c>
    </row>
    <row r="17" spans="1:4" ht="18" customHeight="1" x14ac:dyDescent="0.2">
      <c r="A17" s="31">
        <v>10</v>
      </c>
      <c r="B17" s="27">
        <v>7</v>
      </c>
      <c r="C17" s="28">
        <v>2</v>
      </c>
      <c r="D17" s="29">
        <v>9</v>
      </c>
    </row>
    <row r="18" spans="1:4" ht="18" customHeight="1" x14ac:dyDescent="0.2">
      <c r="A18" s="31">
        <v>11</v>
      </c>
      <c r="B18" s="27">
        <v>4</v>
      </c>
      <c r="C18" s="28">
        <v>4</v>
      </c>
      <c r="D18" s="29">
        <v>8</v>
      </c>
    </row>
    <row r="19" spans="1:4" ht="18" customHeight="1" x14ac:dyDescent="0.2">
      <c r="A19" s="31">
        <v>12</v>
      </c>
      <c r="B19" s="27">
        <v>3</v>
      </c>
      <c r="C19" s="28">
        <v>3</v>
      </c>
      <c r="D19" s="29">
        <v>6</v>
      </c>
    </row>
    <row r="20" spans="1:4" ht="18" customHeight="1" x14ac:dyDescent="0.2">
      <c r="A20" s="31">
        <v>13</v>
      </c>
      <c r="B20" s="27">
        <v>2</v>
      </c>
      <c r="C20" s="28">
        <v>7</v>
      </c>
      <c r="D20" s="29">
        <v>9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50</v>
      </c>
      <c r="B22" s="27">
        <v>19</v>
      </c>
      <c r="C22" s="28">
        <v>19</v>
      </c>
      <c r="D22" s="29">
        <v>38</v>
      </c>
    </row>
    <row r="23" spans="1:4" ht="18" customHeight="1" x14ac:dyDescent="0.2">
      <c r="A23" s="31" t="s">
        <v>51</v>
      </c>
      <c r="B23" s="27">
        <v>62</v>
      </c>
      <c r="C23" s="28">
        <v>67</v>
      </c>
      <c r="D23" s="29">
        <v>129</v>
      </c>
    </row>
    <row r="24" spans="1:4" ht="18" customHeight="1" x14ac:dyDescent="0.2">
      <c r="A24" s="31">
        <v>15</v>
      </c>
      <c r="B24" s="27">
        <v>2</v>
      </c>
      <c r="C24" s="28">
        <v>5</v>
      </c>
      <c r="D24" s="29">
        <v>7</v>
      </c>
    </row>
    <row r="25" spans="1:4" ht="18" customHeight="1" x14ac:dyDescent="0.2">
      <c r="A25" s="31">
        <v>16</v>
      </c>
      <c r="B25" s="27">
        <v>8</v>
      </c>
      <c r="C25" s="28">
        <v>9</v>
      </c>
      <c r="D25" s="29">
        <v>17</v>
      </c>
    </row>
    <row r="26" spans="1:4" ht="18" customHeight="1" x14ac:dyDescent="0.2">
      <c r="A26" s="31">
        <v>17</v>
      </c>
      <c r="B26" s="27">
        <v>4</v>
      </c>
      <c r="C26" s="28">
        <v>9</v>
      </c>
      <c r="D26" s="29">
        <v>13</v>
      </c>
    </row>
    <row r="27" spans="1:4" ht="18" customHeight="1" x14ac:dyDescent="0.2">
      <c r="A27" s="31">
        <v>18</v>
      </c>
      <c r="B27" s="27">
        <v>8</v>
      </c>
      <c r="C27" s="28">
        <v>11</v>
      </c>
      <c r="D27" s="29">
        <v>19</v>
      </c>
    </row>
    <row r="28" spans="1:4" ht="18" customHeight="1" x14ac:dyDescent="0.2">
      <c r="A28" s="31">
        <v>19</v>
      </c>
      <c r="B28" s="27">
        <v>7</v>
      </c>
      <c r="C28" s="28">
        <v>10</v>
      </c>
      <c r="D28" s="29">
        <v>17</v>
      </c>
    </row>
    <row r="29" spans="1:4" ht="18" customHeight="1" x14ac:dyDescent="0.2">
      <c r="A29" s="31" t="s">
        <v>52</v>
      </c>
      <c r="B29" s="27">
        <v>29</v>
      </c>
      <c r="C29" s="28">
        <v>44</v>
      </c>
      <c r="D29" s="29">
        <v>73</v>
      </c>
    </row>
    <row r="30" spans="1:4" ht="18" customHeight="1" x14ac:dyDescent="0.2">
      <c r="A30" s="31">
        <v>20</v>
      </c>
      <c r="B30" s="27">
        <v>10</v>
      </c>
      <c r="C30" s="28">
        <v>5</v>
      </c>
      <c r="D30" s="29">
        <v>15</v>
      </c>
    </row>
    <row r="31" spans="1:4" ht="18" customHeight="1" x14ac:dyDescent="0.2">
      <c r="A31" s="31">
        <v>21</v>
      </c>
      <c r="B31" s="27">
        <v>13</v>
      </c>
      <c r="C31" s="28">
        <v>7</v>
      </c>
      <c r="D31" s="29">
        <v>20</v>
      </c>
    </row>
    <row r="32" spans="1:4" ht="18" customHeight="1" x14ac:dyDescent="0.2">
      <c r="A32" s="31">
        <v>22</v>
      </c>
      <c r="B32" s="27">
        <v>6</v>
      </c>
      <c r="C32" s="28">
        <v>9</v>
      </c>
      <c r="D32" s="29">
        <v>15</v>
      </c>
    </row>
    <row r="33" spans="1:4" ht="18" customHeight="1" x14ac:dyDescent="0.2">
      <c r="A33" s="31">
        <v>23</v>
      </c>
      <c r="B33" s="27">
        <v>12</v>
      </c>
      <c r="C33" s="28">
        <v>7</v>
      </c>
      <c r="D33" s="29">
        <v>19</v>
      </c>
    </row>
    <row r="34" spans="1:4" ht="18" customHeight="1" x14ac:dyDescent="0.2">
      <c r="A34" s="31">
        <v>24</v>
      </c>
      <c r="B34" s="27">
        <v>6</v>
      </c>
      <c r="C34" s="28">
        <v>7</v>
      </c>
      <c r="D34" s="29">
        <v>13</v>
      </c>
    </row>
    <row r="35" spans="1:4" ht="18" customHeight="1" x14ac:dyDescent="0.2">
      <c r="A35" s="31" t="s">
        <v>53</v>
      </c>
      <c r="B35" s="27">
        <v>47</v>
      </c>
      <c r="C35" s="28">
        <v>35</v>
      </c>
      <c r="D35" s="29">
        <v>82</v>
      </c>
    </row>
    <row r="36" spans="1:4" ht="18" customHeight="1" x14ac:dyDescent="0.2">
      <c r="A36" s="31">
        <v>25</v>
      </c>
      <c r="B36" s="27">
        <v>12</v>
      </c>
      <c r="C36" s="28">
        <v>7</v>
      </c>
      <c r="D36" s="29">
        <v>19</v>
      </c>
    </row>
    <row r="37" spans="1:4" ht="18" customHeight="1" x14ac:dyDescent="0.2">
      <c r="A37" s="31">
        <v>26</v>
      </c>
      <c r="B37" s="27">
        <v>8</v>
      </c>
      <c r="C37" s="28">
        <v>3</v>
      </c>
      <c r="D37" s="29">
        <v>11</v>
      </c>
    </row>
    <row r="38" spans="1:4" ht="18" customHeight="1" x14ac:dyDescent="0.2">
      <c r="A38" s="31">
        <v>27</v>
      </c>
      <c r="B38" s="27">
        <v>7</v>
      </c>
      <c r="C38" s="28">
        <v>9</v>
      </c>
      <c r="D38" s="29">
        <v>16</v>
      </c>
    </row>
    <row r="39" spans="1:4" ht="18" customHeight="1" x14ac:dyDescent="0.2">
      <c r="A39" s="31">
        <v>28</v>
      </c>
      <c r="B39" s="27">
        <v>9</v>
      </c>
      <c r="C39" s="28">
        <v>2</v>
      </c>
      <c r="D39" s="29">
        <v>11</v>
      </c>
    </row>
    <row r="40" spans="1:4" ht="18" customHeight="1" x14ac:dyDescent="0.2">
      <c r="A40" s="31">
        <v>29</v>
      </c>
      <c r="B40" s="27">
        <v>12</v>
      </c>
      <c r="C40" s="28">
        <v>8</v>
      </c>
      <c r="D40" s="29">
        <v>20</v>
      </c>
    </row>
    <row r="41" spans="1:4" ht="18" customHeight="1" x14ac:dyDescent="0.2">
      <c r="A41" s="31" t="s">
        <v>54</v>
      </c>
      <c r="B41" s="27">
        <v>48</v>
      </c>
      <c r="C41" s="28">
        <v>29</v>
      </c>
      <c r="D41" s="29">
        <v>77</v>
      </c>
    </row>
    <row r="42" spans="1:4" ht="18" customHeight="1" x14ac:dyDescent="0.2">
      <c r="A42" s="31">
        <v>30</v>
      </c>
      <c r="B42" s="27">
        <v>7</v>
      </c>
      <c r="C42" s="28">
        <v>7</v>
      </c>
      <c r="D42" s="29">
        <v>14</v>
      </c>
    </row>
    <row r="43" spans="1:4" ht="18" customHeight="1" x14ac:dyDescent="0.2">
      <c r="A43" s="31">
        <v>31</v>
      </c>
      <c r="B43" s="27">
        <v>7</v>
      </c>
      <c r="C43" s="28">
        <v>8</v>
      </c>
      <c r="D43" s="29">
        <v>15</v>
      </c>
    </row>
    <row r="44" spans="1:4" ht="18" customHeight="1" x14ac:dyDescent="0.2">
      <c r="A44" s="31">
        <v>32</v>
      </c>
      <c r="B44" s="27">
        <v>5</v>
      </c>
      <c r="C44" s="28">
        <v>11</v>
      </c>
      <c r="D44" s="29">
        <v>16</v>
      </c>
    </row>
    <row r="45" spans="1:4" ht="18" customHeight="1" x14ac:dyDescent="0.2">
      <c r="A45" s="31">
        <v>33</v>
      </c>
      <c r="B45" s="27">
        <v>8</v>
      </c>
      <c r="C45" s="28">
        <v>9</v>
      </c>
      <c r="D45" s="29">
        <v>17</v>
      </c>
    </row>
    <row r="46" spans="1:4" ht="18" customHeight="1" x14ac:dyDescent="0.2">
      <c r="A46" s="31">
        <v>34</v>
      </c>
      <c r="B46" s="27">
        <v>13</v>
      </c>
      <c r="C46" s="28">
        <v>7</v>
      </c>
      <c r="D46" s="29">
        <v>20</v>
      </c>
    </row>
    <row r="47" spans="1:4" ht="18" customHeight="1" x14ac:dyDescent="0.2">
      <c r="A47" s="31" t="s">
        <v>55</v>
      </c>
      <c r="B47" s="27">
        <v>40</v>
      </c>
      <c r="C47" s="28">
        <v>42</v>
      </c>
      <c r="D47" s="29">
        <v>82</v>
      </c>
    </row>
    <row r="48" spans="1:4" ht="18" customHeight="1" x14ac:dyDescent="0.2">
      <c r="A48" s="31">
        <v>35</v>
      </c>
      <c r="B48" s="27">
        <v>10</v>
      </c>
      <c r="C48" s="28">
        <v>9</v>
      </c>
      <c r="D48" s="29">
        <v>19</v>
      </c>
    </row>
    <row r="49" spans="1:4" ht="18" customHeight="1" x14ac:dyDescent="0.2">
      <c r="A49" s="31">
        <v>36</v>
      </c>
      <c r="B49" s="27">
        <v>3</v>
      </c>
      <c r="C49" s="28">
        <v>13</v>
      </c>
      <c r="D49" s="29">
        <v>16</v>
      </c>
    </row>
    <row r="50" spans="1:4" ht="18" customHeight="1" x14ac:dyDescent="0.2">
      <c r="A50" s="31">
        <v>37</v>
      </c>
      <c r="B50" s="27">
        <v>3</v>
      </c>
      <c r="C50" s="28">
        <v>7</v>
      </c>
      <c r="D50" s="29">
        <v>10</v>
      </c>
    </row>
    <row r="51" spans="1:4" ht="18" customHeight="1" x14ac:dyDescent="0.2">
      <c r="A51" s="31">
        <v>38</v>
      </c>
      <c r="B51" s="27">
        <v>10</v>
      </c>
      <c r="C51" s="28">
        <v>3</v>
      </c>
      <c r="D51" s="29">
        <v>13</v>
      </c>
    </row>
    <row r="52" spans="1:4" ht="18" customHeight="1" x14ac:dyDescent="0.2">
      <c r="A52" s="31">
        <v>39</v>
      </c>
      <c r="B52" s="27">
        <v>11</v>
      </c>
      <c r="C52" s="28">
        <v>7</v>
      </c>
      <c r="D52" s="29">
        <v>18</v>
      </c>
    </row>
    <row r="53" spans="1:4" ht="18" customHeight="1" x14ac:dyDescent="0.2">
      <c r="A53" s="31" t="s">
        <v>56</v>
      </c>
      <c r="B53" s="27">
        <v>37</v>
      </c>
      <c r="C53" s="28">
        <v>39</v>
      </c>
      <c r="D53" s="29">
        <v>76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9</v>
      </c>
      <c r="C55" s="28">
        <v>7</v>
      </c>
      <c r="D55" s="29">
        <v>16</v>
      </c>
    </row>
    <row r="56" spans="1:4" ht="18" customHeight="1" x14ac:dyDescent="0.2">
      <c r="A56" s="31">
        <v>42</v>
      </c>
      <c r="B56" s="27">
        <v>0</v>
      </c>
      <c r="C56" s="28">
        <v>5</v>
      </c>
      <c r="D56" s="29">
        <v>5</v>
      </c>
    </row>
    <row r="57" spans="1:4" ht="18" customHeight="1" x14ac:dyDescent="0.2">
      <c r="A57" s="31">
        <v>43</v>
      </c>
      <c r="B57" s="27">
        <v>6</v>
      </c>
      <c r="C57" s="28">
        <v>4</v>
      </c>
      <c r="D57" s="29">
        <v>10</v>
      </c>
    </row>
    <row r="58" spans="1:4" ht="18" customHeight="1" x14ac:dyDescent="0.2">
      <c r="A58" s="31">
        <v>44</v>
      </c>
      <c r="B58" s="27">
        <v>10</v>
      </c>
      <c r="C58" s="28">
        <v>10</v>
      </c>
      <c r="D58" s="29">
        <v>20</v>
      </c>
    </row>
    <row r="59" spans="1:4" ht="18" customHeight="1" x14ac:dyDescent="0.2">
      <c r="A59" s="31" t="s">
        <v>57</v>
      </c>
      <c r="B59" s="27">
        <v>34</v>
      </c>
      <c r="C59" s="28">
        <v>32</v>
      </c>
      <c r="D59" s="29">
        <v>66</v>
      </c>
    </row>
    <row r="60" spans="1:4" ht="18" customHeight="1" x14ac:dyDescent="0.2">
      <c r="A60" s="31">
        <v>45</v>
      </c>
      <c r="B60" s="27">
        <v>11</v>
      </c>
      <c r="C60" s="28">
        <v>12</v>
      </c>
      <c r="D60" s="29">
        <v>23</v>
      </c>
    </row>
    <row r="61" spans="1:4" ht="18" customHeight="1" x14ac:dyDescent="0.2">
      <c r="A61" s="31">
        <v>46</v>
      </c>
      <c r="B61" s="27">
        <v>10</v>
      </c>
      <c r="C61" s="28">
        <v>9</v>
      </c>
      <c r="D61" s="29">
        <v>19</v>
      </c>
    </row>
    <row r="62" spans="1:4" ht="18" customHeight="1" x14ac:dyDescent="0.2">
      <c r="A62" s="31">
        <v>47</v>
      </c>
      <c r="B62" s="27">
        <v>8</v>
      </c>
      <c r="C62" s="28">
        <v>9</v>
      </c>
      <c r="D62" s="29">
        <v>17</v>
      </c>
    </row>
    <row r="63" spans="1:4" ht="18" customHeight="1" x14ac:dyDescent="0.2">
      <c r="A63" s="31">
        <v>48</v>
      </c>
      <c r="B63" s="27">
        <v>8</v>
      </c>
      <c r="C63" s="28">
        <v>8</v>
      </c>
      <c r="D63" s="29">
        <v>16</v>
      </c>
    </row>
    <row r="64" spans="1:4" ht="18" customHeight="1" x14ac:dyDescent="0.2">
      <c r="A64" s="31">
        <v>49</v>
      </c>
      <c r="B64" s="27">
        <v>10</v>
      </c>
      <c r="C64" s="28">
        <v>7</v>
      </c>
      <c r="D64" s="29">
        <v>17</v>
      </c>
    </row>
    <row r="65" spans="1:4" ht="18" customHeight="1" x14ac:dyDescent="0.2">
      <c r="A65" s="31" t="s">
        <v>58</v>
      </c>
      <c r="B65" s="27">
        <v>47</v>
      </c>
      <c r="C65" s="28">
        <v>45</v>
      </c>
      <c r="D65" s="29">
        <v>92</v>
      </c>
    </row>
    <row r="66" spans="1:4" ht="18" customHeight="1" x14ac:dyDescent="0.2">
      <c r="A66" s="31">
        <v>50</v>
      </c>
      <c r="B66" s="27">
        <v>9</v>
      </c>
      <c r="C66" s="28">
        <v>15</v>
      </c>
      <c r="D66" s="29">
        <v>24</v>
      </c>
    </row>
    <row r="67" spans="1:4" ht="18" customHeight="1" x14ac:dyDescent="0.2">
      <c r="A67" s="31">
        <v>51</v>
      </c>
      <c r="B67" s="27">
        <v>7</v>
      </c>
      <c r="C67" s="28">
        <v>3</v>
      </c>
      <c r="D67" s="29">
        <v>10</v>
      </c>
    </row>
    <row r="68" spans="1:4" ht="18" customHeight="1" x14ac:dyDescent="0.2">
      <c r="A68" s="31">
        <v>52</v>
      </c>
      <c r="B68" s="27">
        <v>6</v>
      </c>
      <c r="C68" s="28">
        <v>9</v>
      </c>
      <c r="D68" s="29">
        <v>15</v>
      </c>
    </row>
    <row r="69" spans="1:4" ht="18" customHeight="1" x14ac:dyDescent="0.2">
      <c r="A69" s="31">
        <v>53</v>
      </c>
      <c r="B69" s="27">
        <v>10</v>
      </c>
      <c r="C69" s="28">
        <v>13</v>
      </c>
      <c r="D69" s="29">
        <v>23</v>
      </c>
    </row>
    <row r="70" spans="1:4" ht="18" customHeight="1" x14ac:dyDescent="0.2">
      <c r="A70" s="31">
        <v>54</v>
      </c>
      <c r="B70" s="27">
        <v>11</v>
      </c>
      <c r="C70" s="28">
        <v>7</v>
      </c>
      <c r="D70" s="29">
        <v>18</v>
      </c>
    </row>
    <row r="71" spans="1:4" ht="18" customHeight="1" x14ac:dyDescent="0.2">
      <c r="A71" s="31" t="s">
        <v>59</v>
      </c>
      <c r="B71" s="27">
        <v>43</v>
      </c>
      <c r="C71" s="28">
        <v>47</v>
      </c>
      <c r="D71" s="29">
        <v>90</v>
      </c>
    </row>
    <row r="72" spans="1:4" ht="18" customHeight="1" x14ac:dyDescent="0.2">
      <c r="A72" s="31">
        <v>55</v>
      </c>
      <c r="B72" s="27">
        <v>11</v>
      </c>
      <c r="C72" s="28">
        <v>13</v>
      </c>
      <c r="D72" s="29">
        <v>24</v>
      </c>
    </row>
    <row r="73" spans="1:4" ht="18" customHeight="1" x14ac:dyDescent="0.2">
      <c r="A73" s="31">
        <v>56</v>
      </c>
      <c r="B73" s="27">
        <v>8</v>
      </c>
      <c r="C73" s="28">
        <v>12</v>
      </c>
      <c r="D73" s="29">
        <v>20</v>
      </c>
    </row>
    <row r="74" spans="1:4" ht="18" customHeight="1" x14ac:dyDescent="0.2">
      <c r="A74" s="31">
        <v>57</v>
      </c>
      <c r="B74" s="27">
        <v>2</v>
      </c>
      <c r="C74" s="28">
        <v>14</v>
      </c>
      <c r="D74" s="29">
        <v>16</v>
      </c>
    </row>
    <row r="75" spans="1:4" ht="18" customHeight="1" x14ac:dyDescent="0.2">
      <c r="A75" s="31">
        <v>58</v>
      </c>
      <c r="B75" s="27">
        <v>14</v>
      </c>
      <c r="C75" s="28">
        <v>13</v>
      </c>
      <c r="D75" s="29">
        <v>27</v>
      </c>
    </row>
    <row r="76" spans="1:4" ht="18" customHeight="1" x14ac:dyDescent="0.2">
      <c r="A76" s="31">
        <v>59</v>
      </c>
      <c r="B76" s="27">
        <v>14</v>
      </c>
      <c r="C76" s="28">
        <v>17</v>
      </c>
      <c r="D76" s="29">
        <v>31</v>
      </c>
    </row>
    <row r="77" spans="1:4" ht="18" customHeight="1" x14ac:dyDescent="0.2">
      <c r="A77" s="31" t="s">
        <v>60</v>
      </c>
      <c r="B77" s="27">
        <v>49</v>
      </c>
      <c r="C77" s="28">
        <v>69</v>
      </c>
      <c r="D77" s="29">
        <v>118</v>
      </c>
    </row>
    <row r="78" spans="1:4" ht="18" customHeight="1" x14ac:dyDescent="0.2">
      <c r="A78" s="31">
        <v>60</v>
      </c>
      <c r="B78" s="27">
        <v>10</v>
      </c>
      <c r="C78" s="28">
        <v>5</v>
      </c>
      <c r="D78" s="29">
        <v>15</v>
      </c>
    </row>
    <row r="79" spans="1:4" ht="18" customHeight="1" x14ac:dyDescent="0.2">
      <c r="A79" s="31">
        <v>61</v>
      </c>
      <c r="B79" s="27">
        <v>9</v>
      </c>
      <c r="C79" s="28">
        <v>5</v>
      </c>
      <c r="D79" s="29">
        <v>14</v>
      </c>
    </row>
    <row r="80" spans="1:4" ht="18" customHeight="1" x14ac:dyDescent="0.2">
      <c r="A80" s="31">
        <v>62</v>
      </c>
      <c r="B80" s="27">
        <v>11</v>
      </c>
      <c r="C80" s="28">
        <v>11</v>
      </c>
      <c r="D80" s="29">
        <v>22</v>
      </c>
    </row>
    <row r="81" spans="1:4" ht="18" customHeight="1" x14ac:dyDescent="0.2">
      <c r="A81" s="31">
        <v>63</v>
      </c>
      <c r="B81" s="27">
        <v>11</v>
      </c>
      <c r="C81" s="28">
        <v>13</v>
      </c>
      <c r="D81" s="29">
        <v>24</v>
      </c>
    </row>
    <row r="82" spans="1:4" ht="18" customHeight="1" x14ac:dyDescent="0.2">
      <c r="A82" s="31">
        <v>64</v>
      </c>
      <c r="B82" s="27">
        <v>12</v>
      </c>
      <c r="C82" s="28">
        <v>10</v>
      </c>
      <c r="D82" s="29">
        <v>22</v>
      </c>
    </row>
    <row r="83" spans="1:4" ht="18" customHeight="1" x14ac:dyDescent="0.2">
      <c r="A83" s="31" t="s">
        <v>61</v>
      </c>
      <c r="B83" s="27">
        <v>53</v>
      </c>
      <c r="C83" s="28">
        <v>44</v>
      </c>
      <c r="D83" s="29">
        <v>97</v>
      </c>
    </row>
    <row r="84" spans="1:4" ht="18" customHeight="1" x14ac:dyDescent="0.2">
      <c r="A84" s="31" t="s">
        <v>62</v>
      </c>
      <c r="B84" s="27">
        <v>427</v>
      </c>
      <c r="C84" s="28">
        <v>426</v>
      </c>
      <c r="D84" s="29">
        <v>853</v>
      </c>
    </row>
    <row r="85" spans="1:4" ht="18" customHeight="1" x14ac:dyDescent="0.2">
      <c r="A85" s="31">
        <v>65</v>
      </c>
      <c r="B85" s="27">
        <v>16</v>
      </c>
      <c r="C85" s="28">
        <v>8</v>
      </c>
      <c r="D85" s="29">
        <v>24</v>
      </c>
    </row>
    <row r="86" spans="1:4" ht="18" customHeight="1" x14ac:dyDescent="0.2">
      <c r="A86" s="31">
        <v>66</v>
      </c>
      <c r="B86" s="27">
        <v>9</v>
      </c>
      <c r="C86" s="28">
        <v>13</v>
      </c>
      <c r="D86" s="29">
        <v>22</v>
      </c>
    </row>
    <row r="87" spans="1:4" ht="18" customHeight="1" x14ac:dyDescent="0.2">
      <c r="A87" s="31">
        <v>67</v>
      </c>
      <c r="B87" s="27">
        <v>13</v>
      </c>
      <c r="C87" s="28">
        <v>9</v>
      </c>
      <c r="D87" s="29">
        <v>22</v>
      </c>
    </row>
    <row r="88" spans="1:4" ht="18" customHeight="1" x14ac:dyDescent="0.2">
      <c r="A88" s="31">
        <v>68</v>
      </c>
      <c r="B88" s="27">
        <v>8</v>
      </c>
      <c r="C88" s="28">
        <v>15</v>
      </c>
      <c r="D88" s="29">
        <v>23</v>
      </c>
    </row>
    <row r="89" spans="1:4" ht="18" customHeight="1" x14ac:dyDescent="0.2">
      <c r="A89" s="31">
        <v>69</v>
      </c>
      <c r="B89" s="27">
        <v>13</v>
      </c>
      <c r="C89" s="28">
        <v>11</v>
      </c>
      <c r="D89" s="29">
        <v>24</v>
      </c>
    </row>
    <row r="90" spans="1:4" ht="18" customHeight="1" x14ac:dyDescent="0.2">
      <c r="A90" s="31" t="s">
        <v>63</v>
      </c>
      <c r="B90" s="27">
        <v>59</v>
      </c>
      <c r="C90" s="28">
        <v>56</v>
      </c>
      <c r="D90" s="29">
        <v>115</v>
      </c>
    </row>
    <row r="91" spans="1:4" ht="18" customHeight="1" x14ac:dyDescent="0.2">
      <c r="A91" s="31">
        <v>70</v>
      </c>
      <c r="B91" s="27">
        <v>11</v>
      </c>
      <c r="C91" s="28">
        <v>9</v>
      </c>
      <c r="D91" s="29">
        <v>20</v>
      </c>
    </row>
    <row r="92" spans="1:4" ht="18" customHeight="1" x14ac:dyDescent="0.2">
      <c r="A92" s="31">
        <v>71</v>
      </c>
      <c r="B92" s="27">
        <v>13</v>
      </c>
      <c r="C92" s="28">
        <v>18</v>
      </c>
      <c r="D92" s="29">
        <v>31</v>
      </c>
    </row>
    <row r="93" spans="1:4" ht="18" customHeight="1" x14ac:dyDescent="0.2">
      <c r="A93" s="31">
        <v>72</v>
      </c>
      <c r="B93" s="27">
        <v>6</v>
      </c>
      <c r="C93" s="28">
        <v>4</v>
      </c>
      <c r="D93" s="29">
        <v>10</v>
      </c>
    </row>
    <row r="94" spans="1:4" ht="18" customHeight="1" x14ac:dyDescent="0.2">
      <c r="A94" s="31">
        <v>73</v>
      </c>
      <c r="B94" s="27">
        <v>10</v>
      </c>
      <c r="C94" s="28">
        <v>8</v>
      </c>
      <c r="D94" s="29">
        <v>18</v>
      </c>
    </row>
    <row r="95" spans="1:4" ht="18" customHeight="1" x14ac:dyDescent="0.2">
      <c r="A95" s="31">
        <v>74</v>
      </c>
      <c r="B95" s="27">
        <v>9</v>
      </c>
      <c r="C95" s="28">
        <v>9</v>
      </c>
      <c r="D95" s="29">
        <v>18</v>
      </c>
    </row>
    <row r="96" spans="1:4" ht="18" customHeight="1" x14ac:dyDescent="0.2">
      <c r="A96" s="31" t="s">
        <v>64</v>
      </c>
      <c r="B96" s="27">
        <v>49</v>
      </c>
      <c r="C96" s="28">
        <v>48</v>
      </c>
      <c r="D96" s="29">
        <v>97</v>
      </c>
    </row>
    <row r="97" spans="1:4" ht="18" customHeight="1" x14ac:dyDescent="0.2">
      <c r="A97" s="31">
        <v>75</v>
      </c>
      <c r="B97" s="27">
        <v>8</v>
      </c>
      <c r="C97" s="28">
        <v>18</v>
      </c>
      <c r="D97" s="29">
        <v>26</v>
      </c>
    </row>
    <row r="98" spans="1:4" ht="18" customHeight="1" x14ac:dyDescent="0.2">
      <c r="A98" s="31">
        <v>76</v>
      </c>
      <c r="B98" s="27">
        <v>7</v>
      </c>
      <c r="C98" s="28">
        <v>12</v>
      </c>
      <c r="D98" s="29">
        <v>19</v>
      </c>
    </row>
    <row r="99" spans="1:4" ht="18" customHeight="1" x14ac:dyDescent="0.2">
      <c r="A99" s="31">
        <v>77</v>
      </c>
      <c r="B99" s="27">
        <v>8</v>
      </c>
      <c r="C99" s="28">
        <v>5</v>
      </c>
      <c r="D99" s="29">
        <v>13</v>
      </c>
    </row>
    <row r="100" spans="1:4" ht="18" customHeight="1" x14ac:dyDescent="0.2">
      <c r="A100" s="31">
        <v>78</v>
      </c>
      <c r="B100" s="27">
        <v>5</v>
      </c>
      <c r="C100" s="28">
        <v>13</v>
      </c>
      <c r="D100" s="29">
        <v>18</v>
      </c>
    </row>
    <row r="101" spans="1:4" ht="18" customHeight="1" x14ac:dyDescent="0.2">
      <c r="A101" s="31">
        <v>79</v>
      </c>
      <c r="B101" s="27">
        <v>8</v>
      </c>
      <c r="C101" s="28">
        <v>7</v>
      </c>
      <c r="D101" s="29">
        <v>15</v>
      </c>
    </row>
    <row r="102" spans="1:4" ht="18" customHeight="1" x14ac:dyDescent="0.2">
      <c r="A102" s="31" t="s">
        <v>65</v>
      </c>
      <c r="B102" s="27">
        <v>36</v>
      </c>
      <c r="C102" s="28">
        <v>55</v>
      </c>
      <c r="D102" s="29">
        <v>91</v>
      </c>
    </row>
    <row r="103" spans="1:4" ht="18" customHeight="1" x14ac:dyDescent="0.2">
      <c r="A103" s="31">
        <v>80</v>
      </c>
      <c r="B103" s="27">
        <v>1</v>
      </c>
      <c r="C103" s="28">
        <v>7</v>
      </c>
      <c r="D103" s="29">
        <v>8</v>
      </c>
    </row>
    <row r="104" spans="1:4" ht="18" customHeight="1" x14ac:dyDescent="0.2">
      <c r="A104" s="31">
        <v>81</v>
      </c>
      <c r="B104" s="27">
        <v>6</v>
      </c>
      <c r="C104" s="28">
        <v>14</v>
      </c>
      <c r="D104" s="29">
        <v>20</v>
      </c>
    </row>
    <row r="105" spans="1:4" ht="18" customHeight="1" x14ac:dyDescent="0.2">
      <c r="A105" s="31">
        <v>82</v>
      </c>
      <c r="B105" s="27">
        <v>9</v>
      </c>
      <c r="C105" s="28">
        <v>9</v>
      </c>
      <c r="D105" s="29">
        <v>18</v>
      </c>
    </row>
    <row r="106" spans="1:4" ht="18" customHeight="1" x14ac:dyDescent="0.2">
      <c r="A106" s="31">
        <v>83</v>
      </c>
      <c r="B106" s="27">
        <v>10</v>
      </c>
      <c r="C106" s="28">
        <v>9</v>
      </c>
      <c r="D106" s="29">
        <v>19</v>
      </c>
    </row>
    <row r="107" spans="1:4" ht="18" customHeight="1" x14ac:dyDescent="0.2">
      <c r="A107" s="31">
        <v>84</v>
      </c>
      <c r="B107" s="27">
        <v>3</v>
      </c>
      <c r="C107" s="28">
        <v>9</v>
      </c>
      <c r="D107" s="29">
        <v>12</v>
      </c>
    </row>
    <row r="108" spans="1:4" ht="18" customHeight="1" x14ac:dyDescent="0.2">
      <c r="A108" s="31" t="s">
        <v>66</v>
      </c>
      <c r="B108" s="27">
        <v>29</v>
      </c>
      <c r="C108" s="28">
        <v>48</v>
      </c>
      <c r="D108" s="29">
        <v>77</v>
      </c>
    </row>
    <row r="109" spans="1:4" ht="18" customHeight="1" x14ac:dyDescent="0.2">
      <c r="A109" s="31">
        <v>85</v>
      </c>
      <c r="B109" s="27">
        <v>7</v>
      </c>
      <c r="C109" s="28">
        <v>10</v>
      </c>
      <c r="D109" s="29">
        <v>17</v>
      </c>
    </row>
    <row r="110" spans="1:4" ht="18" customHeight="1" x14ac:dyDescent="0.2">
      <c r="A110" s="31">
        <v>86</v>
      </c>
      <c r="B110" s="27">
        <v>5</v>
      </c>
      <c r="C110" s="28">
        <v>4</v>
      </c>
      <c r="D110" s="29">
        <v>9</v>
      </c>
    </row>
    <row r="111" spans="1:4" ht="18" customHeight="1" x14ac:dyDescent="0.2">
      <c r="A111" s="31">
        <v>87</v>
      </c>
      <c r="B111" s="27">
        <v>4</v>
      </c>
      <c r="C111" s="28">
        <v>8</v>
      </c>
      <c r="D111" s="29">
        <v>12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6</v>
      </c>
      <c r="C113" s="28">
        <v>6</v>
      </c>
      <c r="D113" s="29">
        <v>12</v>
      </c>
    </row>
    <row r="114" spans="1:4" ht="18" customHeight="1" x14ac:dyDescent="0.2">
      <c r="A114" s="31" t="s">
        <v>67</v>
      </c>
      <c r="B114" s="27">
        <v>25</v>
      </c>
      <c r="C114" s="28">
        <v>35</v>
      </c>
      <c r="D114" s="29">
        <v>60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7</v>
      </c>
      <c r="C120" s="28">
        <v>15</v>
      </c>
      <c r="D120" s="29">
        <v>22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2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06</v>
      </c>
      <c r="C130" s="5">
        <v>270</v>
      </c>
      <c r="D130" s="6">
        <v>476</v>
      </c>
    </row>
    <row r="131" spans="1:4" ht="18" customHeight="1" x14ac:dyDescent="0.2">
      <c r="A131" s="33" t="s">
        <v>47</v>
      </c>
      <c r="B131" s="7">
        <v>695</v>
      </c>
      <c r="C131" s="8">
        <v>763</v>
      </c>
      <c r="D131" s="9">
        <v>145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3</v>
      </c>
      <c r="C5" s="37">
        <v>9</v>
      </c>
      <c r="D5" s="39">
        <v>22</v>
      </c>
    </row>
    <row r="6" spans="1:10" ht="18" customHeight="1" x14ac:dyDescent="0.2">
      <c r="A6" s="31">
        <v>1</v>
      </c>
      <c r="B6" s="35">
        <v>14</v>
      </c>
      <c r="C6" s="28">
        <v>15</v>
      </c>
      <c r="D6" s="29">
        <v>29</v>
      </c>
    </row>
    <row r="7" spans="1:10" ht="18" customHeight="1" x14ac:dyDescent="0.2">
      <c r="A7" s="31">
        <v>2</v>
      </c>
      <c r="B7" s="35">
        <v>19</v>
      </c>
      <c r="C7" s="28">
        <v>12</v>
      </c>
      <c r="D7" s="29">
        <v>31</v>
      </c>
    </row>
    <row r="8" spans="1:10" ht="18" customHeight="1" x14ac:dyDescent="0.2">
      <c r="A8" s="31">
        <v>3</v>
      </c>
      <c r="B8" s="35">
        <v>13</v>
      </c>
      <c r="C8" s="28">
        <v>12</v>
      </c>
      <c r="D8" s="29">
        <v>25</v>
      </c>
    </row>
    <row r="9" spans="1:10" ht="18" customHeight="1" x14ac:dyDescent="0.2">
      <c r="A9" s="31">
        <v>4</v>
      </c>
      <c r="B9" s="36">
        <v>10</v>
      </c>
      <c r="C9" s="38">
        <v>9</v>
      </c>
      <c r="D9" s="40">
        <v>19</v>
      </c>
    </row>
    <row r="10" spans="1:10" ht="18" customHeight="1" x14ac:dyDescent="0.2">
      <c r="A10" s="31" t="s">
        <v>48</v>
      </c>
      <c r="B10" s="27">
        <v>69</v>
      </c>
      <c r="C10" s="28">
        <v>57</v>
      </c>
      <c r="D10" s="29">
        <v>126</v>
      </c>
    </row>
    <row r="11" spans="1:10" ht="18" customHeight="1" x14ac:dyDescent="0.2">
      <c r="A11" s="31">
        <v>5</v>
      </c>
      <c r="B11" s="35">
        <v>16</v>
      </c>
      <c r="C11" s="28">
        <v>17</v>
      </c>
      <c r="D11" s="29">
        <v>33</v>
      </c>
    </row>
    <row r="12" spans="1:10" ht="18" customHeight="1" x14ac:dyDescent="0.2">
      <c r="A12" s="31">
        <v>6</v>
      </c>
      <c r="B12" s="35">
        <v>10</v>
      </c>
      <c r="C12" s="28">
        <v>9</v>
      </c>
      <c r="D12" s="29">
        <v>19</v>
      </c>
    </row>
    <row r="13" spans="1:10" ht="18" customHeight="1" x14ac:dyDescent="0.2">
      <c r="A13" s="31">
        <v>7</v>
      </c>
      <c r="B13" s="35">
        <v>12</v>
      </c>
      <c r="C13" s="28">
        <v>10</v>
      </c>
      <c r="D13" s="29">
        <v>22</v>
      </c>
    </row>
    <row r="14" spans="1:10" ht="18" customHeight="1" x14ac:dyDescent="0.2">
      <c r="A14" s="31">
        <v>8</v>
      </c>
      <c r="B14" s="35">
        <v>9</v>
      </c>
      <c r="C14" s="28">
        <v>8</v>
      </c>
      <c r="D14" s="29">
        <v>17</v>
      </c>
    </row>
    <row r="15" spans="1:10" ht="18" customHeight="1" x14ac:dyDescent="0.2">
      <c r="A15" s="31">
        <v>9</v>
      </c>
      <c r="B15" s="35">
        <v>3</v>
      </c>
      <c r="C15" s="28">
        <v>10</v>
      </c>
      <c r="D15" s="29">
        <v>13</v>
      </c>
    </row>
    <row r="16" spans="1:10" ht="18" customHeight="1" x14ac:dyDescent="0.2">
      <c r="A16" s="31" t="s">
        <v>49</v>
      </c>
      <c r="B16" s="27">
        <v>50</v>
      </c>
      <c r="C16" s="28">
        <v>54</v>
      </c>
      <c r="D16" s="29">
        <v>104</v>
      </c>
    </row>
    <row r="17" spans="1:4" ht="18" customHeight="1" x14ac:dyDescent="0.2">
      <c r="A17" s="31">
        <v>10</v>
      </c>
      <c r="B17" s="27">
        <v>6</v>
      </c>
      <c r="C17" s="28">
        <v>5</v>
      </c>
      <c r="D17" s="29">
        <v>11</v>
      </c>
    </row>
    <row r="18" spans="1:4" ht="18" customHeight="1" x14ac:dyDescent="0.2">
      <c r="A18" s="31">
        <v>11</v>
      </c>
      <c r="B18" s="27">
        <v>9</v>
      </c>
      <c r="C18" s="28">
        <v>7</v>
      </c>
      <c r="D18" s="29">
        <v>16</v>
      </c>
    </row>
    <row r="19" spans="1:4" ht="18" customHeight="1" x14ac:dyDescent="0.2">
      <c r="A19" s="31">
        <v>12</v>
      </c>
      <c r="B19" s="27">
        <v>8</v>
      </c>
      <c r="C19" s="28">
        <v>5</v>
      </c>
      <c r="D19" s="29">
        <v>13</v>
      </c>
    </row>
    <row r="20" spans="1:4" ht="18" customHeight="1" x14ac:dyDescent="0.2">
      <c r="A20" s="31">
        <v>13</v>
      </c>
      <c r="B20" s="27">
        <v>6</v>
      </c>
      <c r="C20" s="28">
        <v>8</v>
      </c>
      <c r="D20" s="29">
        <v>14</v>
      </c>
    </row>
    <row r="21" spans="1:4" ht="18" customHeight="1" x14ac:dyDescent="0.2">
      <c r="A21" s="31">
        <v>14</v>
      </c>
      <c r="B21" s="27">
        <v>5</v>
      </c>
      <c r="C21" s="28">
        <v>9</v>
      </c>
      <c r="D21" s="29">
        <v>14</v>
      </c>
    </row>
    <row r="22" spans="1:4" ht="18" customHeight="1" x14ac:dyDescent="0.2">
      <c r="A22" s="31" t="s">
        <v>50</v>
      </c>
      <c r="B22" s="27">
        <v>34</v>
      </c>
      <c r="C22" s="28">
        <v>34</v>
      </c>
      <c r="D22" s="29">
        <v>68</v>
      </c>
    </row>
    <row r="23" spans="1:4" ht="18" customHeight="1" x14ac:dyDescent="0.2">
      <c r="A23" s="31" t="s">
        <v>51</v>
      </c>
      <c r="B23" s="27">
        <v>153</v>
      </c>
      <c r="C23" s="28">
        <v>145</v>
      </c>
      <c r="D23" s="29">
        <v>298</v>
      </c>
    </row>
    <row r="24" spans="1:4" ht="18" customHeight="1" x14ac:dyDescent="0.2">
      <c r="A24" s="31">
        <v>15</v>
      </c>
      <c r="B24" s="27">
        <v>10</v>
      </c>
      <c r="C24" s="28">
        <v>7</v>
      </c>
      <c r="D24" s="29">
        <v>17</v>
      </c>
    </row>
    <row r="25" spans="1:4" ht="18" customHeight="1" x14ac:dyDescent="0.2">
      <c r="A25" s="31">
        <v>16</v>
      </c>
      <c r="B25" s="27">
        <v>11</v>
      </c>
      <c r="C25" s="28">
        <v>14</v>
      </c>
      <c r="D25" s="29">
        <v>25</v>
      </c>
    </row>
    <row r="26" spans="1:4" ht="18" customHeight="1" x14ac:dyDescent="0.2">
      <c r="A26" s="31">
        <v>17</v>
      </c>
      <c r="B26" s="27">
        <v>7</v>
      </c>
      <c r="C26" s="28">
        <v>8</v>
      </c>
      <c r="D26" s="29">
        <v>15</v>
      </c>
    </row>
    <row r="27" spans="1:4" ht="18" customHeight="1" x14ac:dyDescent="0.2">
      <c r="A27" s="31">
        <v>18</v>
      </c>
      <c r="B27" s="27">
        <v>9</v>
      </c>
      <c r="C27" s="28">
        <v>10</v>
      </c>
      <c r="D27" s="29">
        <v>19</v>
      </c>
    </row>
    <row r="28" spans="1:4" ht="18" customHeight="1" x14ac:dyDescent="0.2">
      <c r="A28" s="31">
        <v>19</v>
      </c>
      <c r="B28" s="27">
        <v>8</v>
      </c>
      <c r="C28" s="28">
        <v>9</v>
      </c>
      <c r="D28" s="29">
        <v>17</v>
      </c>
    </row>
    <row r="29" spans="1:4" ht="18" customHeight="1" x14ac:dyDescent="0.2">
      <c r="A29" s="31" t="s">
        <v>52</v>
      </c>
      <c r="B29" s="27">
        <v>45</v>
      </c>
      <c r="C29" s="28">
        <v>48</v>
      </c>
      <c r="D29" s="29">
        <v>93</v>
      </c>
    </row>
    <row r="30" spans="1:4" ht="18" customHeight="1" x14ac:dyDescent="0.2">
      <c r="A30" s="31">
        <v>20</v>
      </c>
      <c r="B30" s="27">
        <v>5</v>
      </c>
      <c r="C30" s="28">
        <v>10</v>
      </c>
      <c r="D30" s="29">
        <v>15</v>
      </c>
    </row>
    <row r="31" spans="1:4" ht="18" customHeight="1" x14ac:dyDescent="0.2">
      <c r="A31" s="31">
        <v>21</v>
      </c>
      <c r="B31" s="27">
        <v>11</v>
      </c>
      <c r="C31" s="28">
        <v>15</v>
      </c>
      <c r="D31" s="29">
        <v>26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12</v>
      </c>
      <c r="C33" s="28">
        <v>9</v>
      </c>
      <c r="D33" s="29">
        <v>21</v>
      </c>
    </row>
    <row r="34" spans="1:4" ht="18" customHeight="1" x14ac:dyDescent="0.2">
      <c r="A34" s="31">
        <v>24</v>
      </c>
      <c r="B34" s="27">
        <v>12</v>
      </c>
      <c r="C34" s="28">
        <v>15</v>
      </c>
      <c r="D34" s="29">
        <v>27</v>
      </c>
    </row>
    <row r="35" spans="1:4" ht="18" customHeight="1" x14ac:dyDescent="0.2">
      <c r="A35" s="31" t="s">
        <v>53</v>
      </c>
      <c r="B35" s="27">
        <v>46</v>
      </c>
      <c r="C35" s="28">
        <v>55</v>
      </c>
      <c r="D35" s="29">
        <v>101</v>
      </c>
    </row>
    <row r="36" spans="1:4" ht="18" customHeight="1" x14ac:dyDescent="0.2">
      <c r="A36" s="31">
        <v>25</v>
      </c>
      <c r="B36" s="27">
        <v>11</v>
      </c>
      <c r="C36" s="28">
        <v>12</v>
      </c>
      <c r="D36" s="29">
        <v>23</v>
      </c>
    </row>
    <row r="37" spans="1:4" ht="18" customHeight="1" x14ac:dyDescent="0.2">
      <c r="A37" s="31">
        <v>26</v>
      </c>
      <c r="B37" s="27">
        <v>13</v>
      </c>
      <c r="C37" s="28">
        <v>7</v>
      </c>
      <c r="D37" s="29">
        <v>20</v>
      </c>
    </row>
    <row r="38" spans="1:4" ht="18" customHeight="1" x14ac:dyDescent="0.2">
      <c r="A38" s="31">
        <v>27</v>
      </c>
      <c r="B38" s="27">
        <v>11</v>
      </c>
      <c r="C38" s="28">
        <v>19</v>
      </c>
      <c r="D38" s="29">
        <v>30</v>
      </c>
    </row>
    <row r="39" spans="1:4" ht="18" customHeight="1" x14ac:dyDescent="0.2">
      <c r="A39" s="31">
        <v>28</v>
      </c>
      <c r="B39" s="27">
        <v>15</v>
      </c>
      <c r="C39" s="28">
        <v>9</v>
      </c>
      <c r="D39" s="29">
        <v>24</v>
      </c>
    </row>
    <row r="40" spans="1:4" ht="18" customHeight="1" x14ac:dyDescent="0.2">
      <c r="A40" s="31">
        <v>29</v>
      </c>
      <c r="B40" s="27">
        <v>15</v>
      </c>
      <c r="C40" s="28">
        <v>9</v>
      </c>
      <c r="D40" s="29">
        <v>24</v>
      </c>
    </row>
    <row r="41" spans="1:4" ht="18" customHeight="1" x14ac:dyDescent="0.2">
      <c r="A41" s="31" t="s">
        <v>54</v>
      </c>
      <c r="B41" s="27">
        <v>65</v>
      </c>
      <c r="C41" s="28">
        <v>56</v>
      </c>
      <c r="D41" s="29">
        <v>121</v>
      </c>
    </row>
    <row r="42" spans="1:4" ht="18" customHeight="1" x14ac:dyDescent="0.2">
      <c r="A42" s="31">
        <v>30</v>
      </c>
      <c r="B42" s="27">
        <v>14</v>
      </c>
      <c r="C42" s="28">
        <v>15</v>
      </c>
      <c r="D42" s="29">
        <v>29</v>
      </c>
    </row>
    <row r="43" spans="1:4" ht="18" customHeight="1" x14ac:dyDescent="0.2">
      <c r="A43" s="31">
        <v>31</v>
      </c>
      <c r="B43" s="27">
        <v>16</v>
      </c>
      <c r="C43" s="28">
        <v>17</v>
      </c>
      <c r="D43" s="29">
        <v>33</v>
      </c>
    </row>
    <row r="44" spans="1:4" ht="18" customHeight="1" x14ac:dyDescent="0.2">
      <c r="A44" s="31">
        <v>32</v>
      </c>
      <c r="B44" s="27">
        <v>14</v>
      </c>
      <c r="C44" s="28">
        <v>15</v>
      </c>
      <c r="D44" s="29">
        <v>29</v>
      </c>
    </row>
    <row r="45" spans="1:4" ht="18" customHeight="1" x14ac:dyDescent="0.2">
      <c r="A45" s="31">
        <v>33</v>
      </c>
      <c r="B45" s="27">
        <v>16</v>
      </c>
      <c r="C45" s="28">
        <v>14</v>
      </c>
      <c r="D45" s="29">
        <v>30</v>
      </c>
    </row>
    <row r="46" spans="1:4" ht="18" customHeight="1" x14ac:dyDescent="0.2">
      <c r="A46" s="31">
        <v>34</v>
      </c>
      <c r="B46" s="27">
        <v>15</v>
      </c>
      <c r="C46" s="28">
        <v>14</v>
      </c>
      <c r="D46" s="29">
        <v>29</v>
      </c>
    </row>
    <row r="47" spans="1:4" ht="18" customHeight="1" x14ac:dyDescent="0.2">
      <c r="A47" s="31" t="s">
        <v>55</v>
      </c>
      <c r="B47" s="27">
        <v>75</v>
      </c>
      <c r="C47" s="28">
        <v>75</v>
      </c>
      <c r="D47" s="29">
        <v>150</v>
      </c>
    </row>
    <row r="48" spans="1:4" ht="18" customHeight="1" x14ac:dyDescent="0.2">
      <c r="A48" s="31">
        <v>35</v>
      </c>
      <c r="B48" s="27">
        <v>15</v>
      </c>
      <c r="C48" s="28">
        <v>14</v>
      </c>
      <c r="D48" s="29">
        <v>29</v>
      </c>
    </row>
    <row r="49" spans="1:4" ht="18" customHeight="1" x14ac:dyDescent="0.2">
      <c r="A49" s="31">
        <v>36</v>
      </c>
      <c r="B49" s="27">
        <v>14</v>
      </c>
      <c r="C49" s="28">
        <v>16</v>
      </c>
      <c r="D49" s="29">
        <v>30</v>
      </c>
    </row>
    <row r="50" spans="1:4" ht="18" customHeight="1" x14ac:dyDescent="0.2">
      <c r="A50" s="31">
        <v>37</v>
      </c>
      <c r="B50" s="27">
        <v>19</v>
      </c>
      <c r="C50" s="28">
        <v>9</v>
      </c>
      <c r="D50" s="29">
        <v>28</v>
      </c>
    </row>
    <row r="51" spans="1:4" ht="18" customHeight="1" x14ac:dyDescent="0.2">
      <c r="A51" s="31">
        <v>38</v>
      </c>
      <c r="B51" s="27">
        <v>15</v>
      </c>
      <c r="C51" s="28">
        <v>15</v>
      </c>
      <c r="D51" s="29">
        <v>30</v>
      </c>
    </row>
    <row r="52" spans="1:4" ht="18" customHeight="1" x14ac:dyDescent="0.2">
      <c r="A52" s="31">
        <v>39</v>
      </c>
      <c r="B52" s="27">
        <v>16</v>
      </c>
      <c r="C52" s="28">
        <v>11</v>
      </c>
      <c r="D52" s="29">
        <v>27</v>
      </c>
    </row>
    <row r="53" spans="1:4" ht="18" customHeight="1" x14ac:dyDescent="0.2">
      <c r="A53" s="31" t="s">
        <v>56</v>
      </c>
      <c r="B53" s="27">
        <v>79</v>
      </c>
      <c r="C53" s="28">
        <v>65</v>
      </c>
      <c r="D53" s="29">
        <v>144</v>
      </c>
    </row>
    <row r="54" spans="1:4" ht="18" customHeight="1" x14ac:dyDescent="0.2">
      <c r="A54" s="31">
        <v>40</v>
      </c>
      <c r="B54" s="27">
        <v>20</v>
      </c>
      <c r="C54" s="28">
        <v>6</v>
      </c>
      <c r="D54" s="29">
        <v>26</v>
      </c>
    </row>
    <row r="55" spans="1:4" ht="18" customHeight="1" x14ac:dyDescent="0.2">
      <c r="A55" s="31">
        <v>41</v>
      </c>
      <c r="B55" s="27">
        <v>9</v>
      </c>
      <c r="C55" s="28">
        <v>9</v>
      </c>
      <c r="D55" s="29">
        <v>18</v>
      </c>
    </row>
    <row r="56" spans="1:4" ht="18" customHeight="1" x14ac:dyDescent="0.2">
      <c r="A56" s="31">
        <v>42</v>
      </c>
      <c r="B56" s="27">
        <v>21</v>
      </c>
      <c r="C56" s="28">
        <v>18</v>
      </c>
      <c r="D56" s="29">
        <v>39</v>
      </c>
    </row>
    <row r="57" spans="1:4" ht="18" customHeight="1" x14ac:dyDescent="0.2">
      <c r="A57" s="31">
        <v>43</v>
      </c>
      <c r="B57" s="27">
        <v>13</v>
      </c>
      <c r="C57" s="28">
        <v>7</v>
      </c>
      <c r="D57" s="29">
        <v>20</v>
      </c>
    </row>
    <row r="58" spans="1:4" ht="18" customHeight="1" x14ac:dyDescent="0.2">
      <c r="A58" s="31">
        <v>44</v>
      </c>
      <c r="B58" s="27">
        <v>13</v>
      </c>
      <c r="C58" s="28">
        <v>15</v>
      </c>
      <c r="D58" s="29">
        <v>28</v>
      </c>
    </row>
    <row r="59" spans="1:4" ht="18" customHeight="1" x14ac:dyDescent="0.2">
      <c r="A59" s="31" t="s">
        <v>57</v>
      </c>
      <c r="B59" s="27">
        <v>76</v>
      </c>
      <c r="C59" s="28">
        <v>55</v>
      </c>
      <c r="D59" s="29">
        <v>131</v>
      </c>
    </row>
    <row r="60" spans="1:4" ht="18" customHeight="1" x14ac:dyDescent="0.2">
      <c r="A60" s="31">
        <v>45</v>
      </c>
      <c r="B60" s="27">
        <v>15</v>
      </c>
      <c r="C60" s="28">
        <v>19</v>
      </c>
      <c r="D60" s="29">
        <v>34</v>
      </c>
    </row>
    <row r="61" spans="1:4" ht="18" customHeight="1" x14ac:dyDescent="0.2">
      <c r="A61" s="31">
        <v>46</v>
      </c>
      <c r="B61" s="27">
        <v>11</v>
      </c>
      <c r="C61" s="28">
        <v>5</v>
      </c>
      <c r="D61" s="29">
        <v>16</v>
      </c>
    </row>
    <row r="62" spans="1:4" ht="18" customHeight="1" x14ac:dyDescent="0.2">
      <c r="A62" s="31">
        <v>47</v>
      </c>
      <c r="B62" s="27">
        <v>18</v>
      </c>
      <c r="C62" s="28">
        <v>16</v>
      </c>
      <c r="D62" s="29">
        <v>34</v>
      </c>
    </row>
    <row r="63" spans="1:4" ht="18" customHeight="1" x14ac:dyDescent="0.2">
      <c r="A63" s="31">
        <v>48</v>
      </c>
      <c r="B63" s="27">
        <v>14</v>
      </c>
      <c r="C63" s="28">
        <v>14</v>
      </c>
      <c r="D63" s="29">
        <v>28</v>
      </c>
    </row>
    <row r="64" spans="1:4" ht="18" customHeight="1" x14ac:dyDescent="0.2">
      <c r="A64" s="31">
        <v>49</v>
      </c>
      <c r="B64" s="27">
        <v>7</v>
      </c>
      <c r="C64" s="28">
        <v>9</v>
      </c>
      <c r="D64" s="29">
        <v>16</v>
      </c>
    </row>
    <row r="65" spans="1:4" ht="18" customHeight="1" x14ac:dyDescent="0.2">
      <c r="A65" s="31" t="s">
        <v>58</v>
      </c>
      <c r="B65" s="27">
        <v>65</v>
      </c>
      <c r="C65" s="28">
        <v>63</v>
      </c>
      <c r="D65" s="29">
        <v>128</v>
      </c>
    </row>
    <row r="66" spans="1:4" ht="18" customHeight="1" x14ac:dyDescent="0.2">
      <c r="A66" s="31">
        <v>50</v>
      </c>
      <c r="B66" s="27">
        <v>9</v>
      </c>
      <c r="C66" s="28">
        <v>20</v>
      </c>
      <c r="D66" s="29">
        <v>29</v>
      </c>
    </row>
    <row r="67" spans="1:4" ht="18" customHeight="1" x14ac:dyDescent="0.2">
      <c r="A67" s="31">
        <v>51</v>
      </c>
      <c r="B67" s="27">
        <v>10</v>
      </c>
      <c r="C67" s="28">
        <v>15</v>
      </c>
      <c r="D67" s="29">
        <v>25</v>
      </c>
    </row>
    <row r="68" spans="1:4" ht="18" customHeight="1" x14ac:dyDescent="0.2">
      <c r="A68" s="31">
        <v>52</v>
      </c>
      <c r="B68" s="27">
        <v>10</v>
      </c>
      <c r="C68" s="28">
        <v>3</v>
      </c>
      <c r="D68" s="29">
        <v>13</v>
      </c>
    </row>
    <row r="69" spans="1:4" ht="18" customHeight="1" x14ac:dyDescent="0.2">
      <c r="A69" s="31">
        <v>53</v>
      </c>
      <c r="B69" s="27">
        <v>17</v>
      </c>
      <c r="C69" s="28">
        <v>19</v>
      </c>
      <c r="D69" s="29">
        <v>36</v>
      </c>
    </row>
    <row r="70" spans="1:4" ht="18" customHeight="1" x14ac:dyDescent="0.2">
      <c r="A70" s="31">
        <v>54</v>
      </c>
      <c r="B70" s="27">
        <v>8</v>
      </c>
      <c r="C70" s="28">
        <v>10</v>
      </c>
      <c r="D70" s="29">
        <v>18</v>
      </c>
    </row>
    <row r="71" spans="1:4" ht="18" customHeight="1" x14ac:dyDescent="0.2">
      <c r="A71" s="31" t="s">
        <v>59</v>
      </c>
      <c r="B71" s="27">
        <v>54</v>
      </c>
      <c r="C71" s="28">
        <v>67</v>
      </c>
      <c r="D71" s="29">
        <v>121</v>
      </c>
    </row>
    <row r="72" spans="1:4" ht="18" customHeight="1" x14ac:dyDescent="0.2">
      <c r="A72" s="31">
        <v>55</v>
      </c>
      <c r="B72" s="27">
        <v>9</v>
      </c>
      <c r="C72" s="28">
        <v>15</v>
      </c>
      <c r="D72" s="29">
        <v>24</v>
      </c>
    </row>
    <row r="73" spans="1:4" ht="18" customHeight="1" x14ac:dyDescent="0.2">
      <c r="A73" s="31">
        <v>56</v>
      </c>
      <c r="B73" s="27">
        <v>15</v>
      </c>
      <c r="C73" s="28">
        <v>13</v>
      </c>
      <c r="D73" s="29">
        <v>28</v>
      </c>
    </row>
    <row r="74" spans="1:4" ht="18" customHeight="1" x14ac:dyDescent="0.2">
      <c r="A74" s="31">
        <v>57</v>
      </c>
      <c r="B74" s="27">
        <v>9</v>
      </c>
      <c r="C74" s="28">
        <v>22</v>
      </c>
      <c r="D74" s="29">
        <v>31</v>
      </c>
    </row>
    <row r="75" spans="1:4" ht="18" customHeight="1" x14ac:dyDescent="0.2">
      <c r="A75" s="31">
        <v>58</v>
      </c>
      <c r="B75" s="27">
        <v>12</v>
      </c>
      <c r="C75" s="28">
        <v>22</v>
      </c>
      <c r="D75" s="29">
        <v>34</v>
      </c>
    </row>
    <row r="76" spans="1:4" ht="18" customHeight="1" x14ac:dyDescent="0.2">
      <c r="A76" s="31">
        <v>59</v>
      </c>
      <c r="B76" s="27">
        <v>22</v>
      </c>
      <c r="C76" s="28">
        <v>13</v>
      </c>
      <c r="D76" s="29">
        <v>35</v>
      </c>
    </row>
    <row r="77" spans="1:4" ht="18" customHeight="1" x14ac:dyDescent="0.2">
      <c r="A77" s="31" t="s">
        <v>60</v>
      </c>
      <c r="B77" s="27">
        <v>67</v>
      </c>
      <c r="C77" s="28">
        <v>85</v>
      </c>
      <c r="D77" s="29">
        <v>152</v>
      </c>
    </row>
    <row r="78" spans="1:4" ht="18" customHeight="1" x14ac:dyDescent="0.2">
      <c r="A78" s="31">
        <v>60</v>
      </c>
      <c r="B78" s="27">
        <v>19</v>
      </c>
      <c r="C78" s="28">
        <v>18</v>
      </c>
      <c r="D78" s="29">
        <v>37</v>
      </c>
    </row>
    <row r="79" spans="1:4" ht="18" customHeight="1" x14ac:dyDescent="0.2">
      <c r="A79" s="31">
        <v>61</v>
      </c>
      <c r="B79" s="27">
        <v>17</v>
      </c>
      <c r="C79" s="28">
        <v>13</v>
      </c>
      <c r="D79" s="29">
        <v>30</v>
      </c>
    </row>
    <row r="80" spans="1:4" ht="18" customHeight="1" x14ac:dyDescent="0.2">
      <c r="A80" s="31">
        <v>62</v>
      </c>
      <c r="B80" s="27">
        <v>22</v>
      </c>
      <c r="C80" s="28">
        <v>17</v>
      </c>
      <c r="D80" s="29">
        <v>39</v>
      </c>
    </row>
    <row r="81" spans="1:4" ht="18" customHeight="1" x14ac:dyDescent="0.2">
      <c r="A81" s="31">
        <v>63</v>
      </c>
      <c r="B81" s="27">
        <v>13</v>
      </c>
      <c r="C81" s="28">
        <v>19</v>
      </c>
      <c r="D81" s="29">
        <v>32</v>
      </c>
    </row>
    <row r="82" spans="1:4" ht="18" customHeight="1" x14ac:dyDescent="0.2">
      <c r="A82" s="31">
        <v>64</v>
      </c>
      <c r="B82" s="27">
        <v>13</v>
      </c>
      <c r="C82" s="28">
        <v>14</v>
      </c>
      <c r="D82" s="29">
        <v>27</v>
      </c>
    </row>
    <row r="83" spans="1:4" ht="18" customHeight="1" x14ac:dyDescent="0.2">
      <c r="A83" s="31" t="s">
        <v>61</v>
      </c>
      <c r="B83" s="27">
        <v>84</v>
      </c>
      <c r="C83" s="28">
        <v>81</v>
      </c>
      <c r="D83" s="29">
        <v>165</v>
      </c>
    </row>
    <row r="84" spans="1:4" ht="18" customHeight="1" x14ac:dyDescent="0.2">
      <c r="A84" s="31" t="s">
        <v>62</v>
      </c>
      <c r="B84" s="27">
        <v>656</v>
      </c>
      <c r="C84" s="28">
        <v>650</v>
      </c>
      <c r="D84" s="29">
        <v>1306</v>
      </c>
    </row>
    <row r="85" spans="1:4" ht="18" customHeight="1" x14ac:dyDescent="0.2">
      <c r="A85" s="31">
        <v>65</v>
      </c>
      <c r="B85" s="27">
        <v>10</v>
      </c>
      <c r="C85" s="28">
        <v>15</v>
      </c>
      <c r="D85" s="29">
        <v>25</v>
      </c>
    </row>
    <row r="86" spans="1:4" ht="18" customHeight="1" x14ac:dyDescent="0.2">
      <c r="A86" s="31">
        <v>66</v>
      </c>
      <c r="B86" s="27">
        <v>22</v>
      </c>
      <c r="C86" s="28">
        <v>20</v>
      </c>
      <c r="D86" s="29">
        <v>42</v>
      </c>
    </row>
    <row r="87" spans="1:4" ht="18" customHeight="1" x14ac:dyDescent="0.2">
      <c r="A87" s="31">
        <v>67</v>
      </c>
      <c r="B87" s="27">
        <v>19</v>
      </c>
      <c r="C87" s="28">
        <v>28</v>
      </c>
      <c r="D87" s="29">
        <v>47</v>
      </c>
    </row>
    <row r="88" spans="1:4" ht="18" customHeight="1" x14ac:dyDescent="0.2">
      <c r="A88" s="31">
        <v>68</v>
      </c>
      <c r="B88" s="27">
        <v>17</v>
      </c>
      <c r="C88" s="28">
        <v>17</v>
      </c>
      <c r="D88" s="29">
        <v>34</v>
      </c>
    </row>
    <row r="89" spans="1:4" ht="18" customHeight="1" x14ac:dyDescent="0.2">
      <c r="A89" s="31">
        <v>69</v>
      </c>
      <c r="B89" s="27">
        <v>25</v>
      </c>
      <c r="C89" s="28">
        <v>17</v>
      </c>
      <c r="D89" s="29">
        <v>42</v>
      </c>
    </row>
    <row r="90" spans="1:4" ht="18" customHeight="1" x14ac:dyDescent="0.2">
      <c r="A90" s="31" t="s">
        <v>63</v>
      </c>
      <c r="B90" s="27">
        <v>93</v>
      </c>
      <c r="C90" s="28">
        <v>97</v>
      </c>
      <c r="D90" s="29">
        <v>190</v>
      </c>
    </row>
    <row r="91" spans="1:4" ht="18" customHeight="1" x14ac:dyDescent="0.2">
      <c r="A91" s="31">
        <v>70</v>
      </c>
      <c r="B91" s="27">
        <v>28</v>
      </c>
      <c r="C91" s="28">
        <v>31</v>
      </c>
      <c r="D91" s="29">
        <v>59</v>
      </c>
    </row>
    <row r="92" spans="1:4" ht="18" customHeight="1" x14ac:dyDescent="0.2">
      <c r="A92" s="31">
        <v>71</v>
      </c>
      <c r="B92" s="27">
        <v>20</v>
      </c>
      <c r="C92" s="28">
        <v>17</v>
      </c>
      <c r="D92" s="29">
        <v>37</v>
      </c>
    </row>
    <row r="93" spans="1:4" ht="18" customHeight="1" x14ac:dyDescent="0.2">
      <c r="A93" s="31">
        <v>72</v>
      </c>
      <c r="B93" s="27">
        <v>12</v>
      </c>
      <c r="C93" s="28">
        <v>11</v>
      </c>
      <c r="D93" s="29">
        <v>23</v>
      </c>
    </row>
    <row r="94" spans="1:4" ht="18" customHeight="1" x14ac:dyDescent="0.2">
      <c r="A94" s="31">
        <v>73</v>
      </c>
      <c r="B94" s="27">
        <v>3</v>
      </c>
      <c r="C94" s="28">
        <v>12</v>
      </c>
      <c r="D94" s="29">
        <v>15</v>
      </c>
    </row>
    <row r="95" spans="1:4" ht="18" customHeight="1" x14ac:dyDescent="0.2">
      <c r="A95" s="31">
        <v>74</v>
      </c>
      <c r="B95" s="27">
        <v>16</v>
      </c>
      <c r="C95" s="28">
        <v>18</v>
      </c>
      <c r="D95" s="29">
        <v>34</v>
      </c>
    </row>
    <row r="96" spans="1:4" ht="18" customHeight="1" x14ac:dyDescent="0.2">
      <c r="A96" s="31" t="s">
        <v>64</v>
      </c>
      <c r="B96" s="27">
        <v>79</v>
      </c>
      <c r="C96" s="28">
        <v>89</v>
      </c>
      <c r="D96" s="29">
        <v>168</v>
      </c>
    </row>
    <row r="97" spans="1:4" ht="18" customHeight="1" x14ac:dyDescent="0.2">
      <c r="A97" s="31">
        <v>75</v>
      </c>
      <c r="B97" s="27">
        <v>19</v>
      </c>
      <c r="C97" s="28">
        <v>11</v>
      </c>
      <c r="D97" s="29">
        <v>30</v>
      </c>
    </row>
    <row r="98" spans="1:4" ht="18" customHeight="1" x14ac:dyDescent="0.2">
      <c r="A98" s="31">
        <v>76</v>
      </c>
      <c r="B98" s="27">
        <v>17</v>
      </c>
      <c r="C98" s="28">
        <v>6</v>
      </c>
      <c r="D98" s="29">
        <v>23</v>
      </c>
    </row>
    <row r="99" spans="1:4" ht="18" customHeight="1" x14ac:dyDescent="0.2">
      <c r="A99" s="31">
        <v>77</v>
      </c>
      <c r="B99" s="27">
        <v>12</v>
      </c>
      <c r="C99" s="28">
        <v>15</v>
      </c>
      <c r="D99" s="29">
        <v>27</v>
      </c>
    </row>
    <row r="100" spans="1:4" ht="18" customHeight="1" x14ac:dyDescent="0.2">
      <c r="A100" s="31">
        <v>78</v>
      </c>
      <c r="B100" s="27">
        <v>8</v>
      </c>
      <c r="C100" s="28">
        <v>19</v>
      </c>
      <c r="D100" s="29">
        <v>27</v>
      </c>
    </row>
    <row r="101" spans="1:4" ht="18" customHeight="1" x14ac:dyDescent="0.2">
      <c r="A101" s="31">
        <v>79</v>
      </c>
      <c r="B101" s="27">
        <v>8</v>
      </c>
      <c r="C101" s="28">
        <v>8</v>
      </c>
      <c r="D101" s="29">
        <v>16</v>
      </c>
    </row>
    <row r="102" spans="1:4" ht="18" customHeight="1" x14ac:dyDescent="0.2">
      <c r="A102" s="31" t="s">
        <v>65</v>
      </c>
      <c r="B102" s="27">
        <v>64</v>
      </c>
      <c r="C102" s="28">
        <v>59</v>
      </c>
      <c r="D102" s="29">
        <v>123</v>
      </c>
    </row>
    <row r="103" spans="1:4" ht="18" customHeight="1" x14ac:dyDescent="0.2">
      <c r="A103" s="31">
        <v>80</v>
      </c>
      <c r="B103" s="27">
        <v>8</v>
      </c>
      <c r="C103" s="28">
        <v>16</v>
      </c>
      <c r="D103" s="29">
        <v>24</v>
      </c>
    </row>
    <row r="104" spans="1:4" ht="18" customHeight="1" x14ac:dyDescent="0.2">
      <c r="A104" s="31">
        <v>81</v>
      </c>
      <c r="B104" s="27">
        <v>11</v>
      </c>
      <c r="C104" s="28">
        <v>10</v>
      </c>
      <c r="D104" s="29">
        <v>21</v>
      </c>
    </row>
    <row r="105" spans="1:4" ht="18" customHeight="1" x14ac:dyDescent="0.2">
      <c r="A105" s="31">
        <v>82</v>
      </c>
      <c r="B105" s="27">
        <v>8</v>
      </c>
      <c r="C105" s="28">
        <v>12</v>
      </c>
      <c r="D105" s="29">
        <v>20</v>
      </c>
    </row>
    <row r="106" spans="1:4" ht="18" customHeight="1" x14ac:dyDescent="0.2">
      <c r="A106" s="31">
        <v>83</v>
      </c>
      <c r="B106" s="27">
        <v>3</v>
      </c>
      <c r="C106" s="28">
        <v>6</v>
      </c>
      <c r="D106" s="29">
        <v>9</v>
      </c>
    </row>
    <row r="107" spans="1:4" ht="18" customHeight="1" x14ac:dyDescent="0.2">
      <c r="A107" s="31">
        <v>84</v>
      </c>
      <c r="B107" s="27">
        <v>8</v>
      </c>
      <c r="C107" s="28">
        <v>12</v>
      </c>
      <c r="D107" s="29">
        <v>20</v>
      </c>
    </row>
    <row r="108" spans="1:4" ht="18" customHeight="1" x14ac:dyDescent="0.2">
      <c r="A108" s="31" t="s">
        <v>66</v>
      </c>
      <c r="B108" s="27">
        <v>38</v>
      </c>
      <c r="C108" s="28">
        <v>56</v>
      </c>
      <c r="D108" s="29">
        <v>94</v>
      </c>
    </row>
    <row r="109" spans="1:4" ht="18" customHeight="1" x14ac:dyDescent="0.2">
      <c r="A109" s="31">
        <v>85</v>
      </c>
      <c r="B109" s="27">
        <v>4</v>
      </c>
      <c r="C109" s="28">
        <v>18</v>
      </c>
      <c r="D109" s="29">
        <v>22</v>
      </c>
    </row>
    <row r="110" spans="1:4" ht="18" customHeight="1" x14ac:dyDescent="0.2">
      <c r="A110" s="31">
        <v>86</v>
      </c>
      <c r="B110" s="27">
        <v>4</v>
      </c>
      <c r="C110" s="28">
        <v>6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9</v>
      </c>
      <c r="D111" s="29">
        <v>12</v>
      </c>
    </row>
    <row r="112" spans="1:4" ht="18" customHeight="1" x14ac:dyDescent="0.2">
      <c r="A112" s="31">
        <v>88</v>
      </c>
      <c r="B112" s="27">
        <v>6</v>
      </c>
      <c r="C112" s="28">
        <v>13</v>
      </c>
      <c r="D112" s="29">
        <v>19</v>
      </c>
    </row>
    <row r="113" spans="1:4" ht="18" customHeight="1" x14ac:dyDescent="0.2">
      <c r="A113" s="31">
        <v>89</v>
      </c>
      <c r="B113" s="27">
        <v>3</v>
      </c>
      <c r="C113" s="28">
        <v>10</v>
      </c>
      <c r="D113" s="29">
        <v>13</v>
      </c>
    </row>
    <row r="114" spans="1:4" ht="18" customHeight="1" x14ac:dyDescent="0.2">
      <c r="A114" s="31" t="s">
        <v>67</v>
      </c>
      <c r="B114" s="27">
        <v>20</v>
      </c>
      <c r="C114" s="28">
        <v>56</v>
      </c>
      <c r="D114" s="29">
        <v>76</v>
      </c>
    </row>
    <row r="115" spans="1:4" ht="18" customHeight="1" x14ac:dyDescent="0.2">
      <c r="A115" s="31">
        <v>90</v>
      </c>
      <c r="B115" s="27">
        <v>4</v>
      </c>
      <c r="C115" s="28">
        <v>6</v>
      </c>
      <c r="D115" s="29">
        <v>10</v>
      </c>
    </row>
    <row r="116" spans="1:4" ht="18" customHeight="1" x14ac:dyDescent="0.2">
      <c r="A116" s="31">
        <v>91</v>
      </c>
      <c r="B116" s="27">
        <v>3</v>
      </c>
      <c r="C116" s="28">
        <v>5</v>
      </c>
      <c r="D116" s="29">
        <v>8</v>
      </c>
    </row>
    <row r="117" spans="1:4" ht="18" customHeight="1" x14ac:dyDescent="0.2">
      <c r="A117" s="31">
        <v>92</v>
      </c>
      <c r="B117" s="27">
        <v>4</v>
      </c>
      <c r="C117" s="28">
        <v>8</v>
      </c>
      <c r="D117" s="29">
        <v>12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68</v>
      </c>
      <c r="B120" s="27">
        <v>12</v>
      </c>
      <c r="C120" s="28">
        <v>28</v>
      </c>
      <c r="D120" s="29">
        <v>4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5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06</v>
      </c>
      <c r="C130" s="5">
        <v>391</v>
      </c>
      <c r="D130" s="6">
        <v>697</v>
      </c>
    </row>
    <row r="131" spans="1:4" ht="18" customHeight="1" x14ac:dyDescent="0.2">
      <c r="A131" s="33" t="s">
        <v>47</v>
      </c>
      <c r="B131" s="7">
        <v>1115</v>
      </c>
      <c r="C131" s="8">
        <v>1186</v>
      </c>
      <c r="D131" s="9">
        <v>230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</v>
      </c>
      <c r="C5" s="37">
        <v>13</v>
      </c>
      <c r="D5" s="39">
        <v>31</v>
      </c>
    </row>
    <row r="6" spans="1:10" ht="18" customHeight="1" x14ac:dyDescent="0.2">
      <c r="A6" s="31">
        <v>1</v>
      </c>
      <c r="B6" s="35">
        <v>11</v>
      </c>
      <c r="C6" s="28">
        <v>17</v>
      </c>
      <c r="D6" s="29">
        <v>28</v>
      </c>
    </row>
    <row r="7" spans="1:10" ht="18" customHeight="1" x14ac:dyDescent="0.2">
      <c r="A7" s="31">
        <v>2</v>
      </c>
      <c r="B7" s="35">
        <v>10</v>
      </c>
      <c r="C7" s="28">
        <v>14</v>
      </c>
      <c r="D7" s="29">
        <v>24</v>
      </c>
    </row>
    <row r="8" spans="1:10" ht="18" customHeight="1" x14ac:dyDescent="0.2">
      <c r="A8" s="31">
        <v>3</v>
      </c>
      <c r="B8" s="35">
        <v>17</v>
      </c>
      <c r="C8" s="28">
        <v>10</v>
      </c>
      <c r="D8" s="29">
        <v>27</v>
      </c>
    </row>
    <row r="9" spans="1:10" ht="18" customHeight="1" x14ac:dyDescent="0.2">
      <c r="A9" s="31">
        <v>4</v>
      </c>
      <c r="B9" s="36">
        <v>18</v>
      </c>
      <c r="C9" s="38">
        <v>14</v>
      </c>
      <c r="D9" s="40">
        <v>32</v>
      </c>
    </row>
    <row r="10" spans="1:10" ht="18" customHeight="1" x14ac:dyDescent="0.2">
      <c r="A10" s="31" t="s">
        <v>48</v>
      </c>
      <c r="B10" s="27">
        <v>74</v>
      </c>
      <c r="C10" s="28">
        <v>68</v>
      </c>
      <c r="D10" s="29">
        <v>142</v>
      </c>
    </row>
    <row r="11" spans="1:10" ht="18" customHeight="1" x14ac:dyDescent="0.2">
      <c r="A11" s="31">
        <v>5</v>
      </c>
      <c r="B11" s="35">
        <v>19</v>
      </c>
      <c r="C11" s="28">
        <v>13</v>
      </c>
      <c r="D11" s="29">
        <v>32</v>
      </c>
    </row>
    <row r="12" spans="1:10" ht="18" customHeight="1" x14ac:dyDescent="0.2">
      <c r="A12" s="31">
        <v>6</v>
      </c>
      <c r="B12" s="35">
        <v>13</v>
      </c>
      <c r="C12" s="28">
        <v>13</v>
      </c>
      <c r="D12" s="29">
        <v>26</v>
      </c>
    </row>
    <row r="13" spans="1:10" ht="18" customHeight="1" x14ac:dyDescent="0.2">
      <c r="A13" s="31">
        <v>7</v>
      </c>
      <c r="B13" s="35">
        <v>10</v>
      </c>
      <c r="C13" s="28">
        <v>19</v>
      </c>
      <c r="D13" s="29">
        <v>29</v>
      </c>
    </row>
    <row r="14" spans="1:10" ht="18" customHeight="1" x14ac:dyDescent="0.2">
      <c r="A14" s="31">
        <v>8</v>
      </c>
      <c r="B14" s="35">
        <v>14</v>
      </c>
      <c r="C14" s="28">
        <v>15</v>
      </c>
      <c r="D14" s="29">
        <v>29</v>
      </c>
    </row>
    <row r="15" spans="1:10" ht="18" customHeight="1" x14ac:dyDescent="0.2">
      <c r="A15" s="31">
        <v>9</v>
      </c>
      <c r="B15" s="35">
        <v>14</v>
      </c>
      <c r="C15" s="28">
        <v>18</v>
      </c>
      <c r="D15" s="29">
        <v>32</v>
      </c>
    </row>
    <row r="16" spans="1:10" ht="18" customHeight="1" x14ac:dyDescent="0.2">
      <c r="A16" s="31" t="s">
        <v>49</v>
      </c>
      <c r="B16" s="27">
        <v>70</v>
      </c>
      <c r="C16" s="28">
        <v>78</v>
      </c>
      <c r="D16" s="29">
        <v>148</v>
      </c>
    </row>
    <row r="17" spans="1:4" ht="18" customHeight="1" x14ac:dyDescent="0.2">
      <c r="A17" s="31">
        <v>10</v>
      </c>
      <c r="B17" s="27">
        <v>16</v>
      </c>
      <c r="C17" s="28">
        <v>15</v>
      </c>
      <c r="D17" s="29">
        <v>31</v>
      </c>
    </row>
    <row r="18" spans="1:4" ht="18" customHeight="1" x14ac:dyDescent="0.2">
      <c r="A18" s="31">
        <v>11</v>
      </c>
      <c r="B18" s="27">
        <v>16</v>
      </c>
      <c r="C18" s="28">
        <v>15</v>
      </c>
      <c r="D18" s="29">
        <v>31</v>
      </c>
    </row>
    <row r="19" spans="1:4" ht="18" customHeight="1" x14ac:dyDescent="0.2">
      <c r="A19" s="31">
        <v>12</v>
      </c>
      <c r="B19" s="27">
        <v>16</v>
      </c>
      <c r="C19" s="28">
        <v>15</v>
      </c>
      <c r="D19" s="29">
        <v>31</v>
      </c>
    </row>
    <row r="20" spans="1:4" ht="18" customHeight="1" x14ac:dyDescent="0.2">
      <c r="A20" s="31">
        <v>13</v>
      </c>
      <c r="B20" s="27">
        <v>12</v>
      </c>
      <c r="C20" s="28">
        <v>9</v>
      </c>
      <c r="D20" s="29">
        <v>21</v>
      </c>
    </row>
    <row r="21" spans="1:4" ht="18" customHeight="1" x14ac:dyDescent="0.2">
      <c r="A21" s="31">
        <v>14</v>
      </c>
      <c r="B21" s="27">
        <v>26</v>
      </c>
      <c r="C21" s="28">
        <v>11</v>
      </c>
      <c r="D21" s="29">
        <v>37</v>
      </c>
    </row>
    <row r="22" spans="1:4" ht="18" customHeight="1" x14ac:dyDescent="0.2">
      <c r="A22" s="31" t="s">
        <v>50</v>
      </c>
      <c r="B22" s="27">
        <v>86</v>
      </c>
      <c r="C22" s="28">
        <v>65</v>
      </c>
      <c r="D22" s="29">
        <v>151</v>
      </c>
    </row>
    <row r="23" spans="1:4" ht="18" customHeight="1" x14ac:dyDescent="0.2">
      <c r="A23" s="31" t="s">
        <v>51</v>
      </c>
      <c r="B23" s="27">
        <v>230</v>
      </c>
      <c r="C23" s="28">
        <v>211</v>
      </c>
      <c r="D23" s="29">
        <v>441</v>
      </c>
    </row>
    <row r="24" spans="1:4" ht="18" customHeight="1" x14ac:dyDescent="0.2">
      <c r="A24" s="31">
        <v>15</v>
      </c>
      <c r="B24" s="27">
        <v>11</v>
      </c>
      <c r="C24" s="28">
        <v>14</v>
      </c>
      <c r="D24" s="29">
        <v>25</v>
      </c>
    </row>
    <row r="25" spans="1:4" ht="18" customHeight="1" x14ac:dyDescent="0.2">
      <c r="A25" s="31">
        <v>16</v>
      </c>
      <c r="B25" s="27">
        <v>23</v>
      </c>
      <c r="C25" s="28">
        <v>20</v>
      </c>
      <c r="D25" s="29">
        <v>43</v>
      </c>
    </row>
    <row r="26" spans="1:4" ht="18" customHeight="1" x14ac:dyDescent="0.2">
      <c r="A26" s="31">
        <v>17</v>
      </c>
      <c r="B26" s="27">
        <v>17</v>
      </c>
      <c r="C26" s="28">
        <v>10</v>
      </c>
      <c r="D26" s="29">
        <v>27</v>
      </c>
    </row>
    <row r="27" spans="1:4" ht="18" customHeight="1" x14ac:dyDescent="0.2">
      <c r="A27" s="31">
        <v>18</v>
      </c>
      <c r="B27" s="27">
        <v>12</v>
      </c>
      <c r="C27" s="28">
        <v>16</v>
      </c>
      <c r="D27" s="29">
        <v>28</v>
      </c>
    </row>
    <row r="28" spans="1:4" ht="18" customHeight="1" x14ac:dyDescent="0.2">
      <c r="A28" s="31">
        <v>19</v>
      </c>
      <c r="B28" s="27">
        <v>2</v>
      </c>
      <c r="C28" s="28">
        <v>17</v>
      </c>
      <c r="D28" s="29">
        <v>19</v>
      </c>
    </row>
    <row r="29" spans="1:4" ht="18" customHeight="1" x14ac:dyDescent="0.2">
      <c r="A29" s="31" t="s">
        <v>52</v>
      </c>
      <c r="B29" s="27">
        <v>65</v>
      </c>
      <c r="C29" s="28">
        <v>77</v>
      </c>
      <c r="D29" s="29">
        <v>142</v>
      </c>
    </row>
    <row r="30" spans="1:4" ht="18" customHeight="1" x14ac:dyDescent="0.2">
      <c r="A30" s="31">
        <v>20</v>
      </c>
      <c r="B30" s="27">
        <v>12</v>
      </c>
      <c r="C30" s="28">
        <v>14</v>
      </c>
      <c r="D30" s="29">
        <v>26</v>
      </c>
    </row>
    <row r="31" spans="1:4" ht="18" customHeight="1" x14ac:dyDescent="0.2">
      <c r="A31" s="31">
        <v>21</v>
      </c>
      <c r="B31" s="27">
        <v>16</v>
      </c>
      <c r="C31" s="28">
        <v>11</v>
      </c>
      <c r="D31" s="29">
        <v>27</v>
      </c>
    </row>
    <row r="32" spans="1:4" ht="18" customHeight="1" x14ac:dyDescent="0.2">
      <c r="A32" s="31">
        <v>22</v>
      </c>
      <c r="B32" s="27">
        <v>10</v>
      </c>
      <c r="C32" s="28">
        <v>18</v>
      </c>
      <c r="D32" s="29">
        <v>28</v>
      </c>
    </row>
    <row r="33" spans="1:4" ht="18" customHeight="1" x14ac:dyDescent="0.2">
      <c r="A33" s="31">
        <v>23</v>
      </c>
      <c r="B33" s="27">
        <v>16</v>
      </c>
      <c r="C33" s="28">
        <v>22</v>
      </c>
      <c r="D33" s="29">
        <v>38</v>
      </c>
    </row>
    <row r="34" spans="1:4" ht="18" customHeight="1" x14ac:dyDescent="0.2">
      <c r="A34" s="31">
        <v>24</v>
      </c>
      <c r="B34" s="27">
        <v>17</v>
      </c>
      <c r="C34" s="28">
        <v>18</v>
      </c>
      <c r="D34" s="29">
        <v>35</v>
      </c>
    </row>
    <row r="35" spans="1:4" ht="18" customHeight="1" x14ac:dyDescent="0.2">
      <c r="A35" s="31" t="s">
        <v>53</v>
      </c>
      <c r="B35" s="27">
        <v>71</v>
      </c>
      <c r="C35" s="28">
        <v>83</v>
      </c>
      <c r="D35" s="29">
        <v>154</v>
      </c>
    </row>
    <row r="36" spans="1:4" ht="18" customHeight="1" x14ac:dyDescent="0.2">
      <c r="A36" s="31">
        <v>25</v>
      </c>
      <c r="B36" s="27">
        <v>19</v>
      </c>
      <c r="C36" s="28">
        <v>23</v>
      </c>
      <c r="D36" s="29">
        <v>42</v>
      </c>
    </row>
    <row r="37" spans="1:4" ht="18" customHeight="1" x14ac:dyDescent="0.2">
      <c r="A37" s="31">
        <v>26</v>
      </c>
      <c r="B37" s="27">
        <v>13</v>
      </c>
      <c r="C37" s="28">
        <v>17</v>
      </c>
      <c r="D37" s="29">
        <v>30</v>
      </c>
    </row>
    <row r="38" spans="1:4" ht="18" customHeight="1" x14ac:dyDescent="0.2">
      <c r="A38" s="31">
        <v>27</v>
      </c>
      <c r="B38" s="27">
        <v>16</v>
      </c>
      <c r="C38" s="28">
        <v>14</v>
      </c>
      <c r="D38" s="29">
        <v>30</v>
      </c>
    </row>
    <row r="39" spans="1:4" ht="18" customHeight="1" x14ac:dyDescent="0.2">
      <c r="A39" s="31">
        <v>28</v>
      </c>
      <c r="B39" s="27">
        <v>19</v>
      </c>
      <c r="C39" s="28">
        <v>17</v>
      </c>
      <c r="D39" s="29">
        <v>36</v>
      </c>
    </row>
    <row r="40" spans="1:4" ht="18" customHeight="1" x14ac:dyDescent="0.2">
      <c r="A40" s="31">
        <v>29</v>
      </c>
      <c r="B40" s="27">
        <v>22</v>
      </c>
      <c r="C40" s="28">
        <v>20</v>
      </c>
      <c r="D40" s="29">
        <v>42</v>
      </c>
    </row>
    <row r="41" spans="1:4" ht="18" customHeight="1" x14ac:dyDescent="0.2">
      <c r="A41" s="31" t="s">
        <v>54</v>
      </c>
      <c r="B41" s="27">
        <v>89</v>
      </c>
      <c r="C41" s="28">
        <v>91</v>
      </c>
      <c r="D41" s="29">
        <v>180</v>
      </c>
    </row>
    <row r="42" spans="1:4" ht="18" customHeight="1" x14ac:dyDescent="0.2">
      <c r="A42" s="31">
        <v>30</v>
      </c>
      <c r="B42" s="27">
        <v>11</v>
      </c>
      <c r="C42" s="28">
        <v>16</v>
      </c>
      <c r="D42" s="29">
        <v>27</v>
      </c>
    </row>
    <row r="43" spans="1:4" ht="18" customHeight="1" x14ac:dyDescent="0.2">
      <c r="A43" s="31">
        <v>31</v>
      </c>
      <c r="B43" s="27">
        <v>26</v>
      </c>
      <c r="C43" s="28">
        <v>19</v>
      </c>
      <c r="D43" s="29">
        <v>45</v>
      </c>
    </row>
    <row r="44" spans="1:4" ht="18" customHeight="1" x14ac:dyDescent="0.2">
      <c r="A44" s="31">
        <v>32</v>
      </c>
      <c r="B44" s="27">
        <v>20</v>
      </c>
      <c r="C44" s="28">
        <v>17</v>
      </c>
      <c r="D44" s="29">
        <v>37</v>
      </c>
    </row>
    <row r="45" spans="1:4" ht="18" customHeight="1" x14ac:dyDescent="0.2">
      <c r="A45" s="31">
        <v>33</v>
      </c>
      <c r="B45" s="27">
        <v>22</v>
      </c>
      <c r="C45" s="28">
        <v>33</v>
      </c>
      <c r="D45" s="29">
        <v>55</v>
      </c>
    </row>
    <row r="46" spans="1:4" ht="18" customHeight="1" x14ac:dyDescent="0.2">
      <c r="A46" s="31">
        <v>34</v>
      </c>
      <c r="B46" s="27">
        <v>20</v>
      </c>
      <c r="C46" s="28">
        <v>13</v>
      </c>
      <c r="D46" s="29">
        <v>33</v>
      </c>
    </row>
    <row r="47" spans="1:4" ht="18" customHeight="1" x14ac:dyDescent="0.2">
      <c r="A47" s="31" t="s">
        <v>55</v>
      </c>
      <c r="B47" s="27">
        <v>99</v>
      </c>
      <c r="C47" s="28">
        <v>98</v>
      </c>
      <c r="D47" s="29">
        <v>197</v>
      </c>
    </row>
    <row r="48" spans="1:4" ht="18" customHeight="1" x14ac:dyDescent="0.2">
      <c r="A48" s="31">
        <v>35</v>
      </c>
      <c r="B48" s="27">
        <v>18</v>
      </c>
      <c r="C48" s="28">
        <v>20</v>
      </c>
      <c r="D48" s="29">
        <v>38</v>
      </c>
    </row>
    <row r="49" spans="1:4" ht="18" customHeight="1" x14ac:dyDescent="0.2">
      <c r="A49" s="31">
        <v>36</v>
      </c>
      <c r="B49" s="27">
        <v>29</v>
      </c>
      <c r="C49" s="28">
        <v>22</v>
      </c>
      <c r="D49" s="29">
        <v>51</v>
      </c>
    </row>
    <row r="50" spans="1:4" ht="18" customHeight="1" x14ac:dyDescent="0.2">
      <c r="A50" s="31">
        <v>37</v>
      </c>
      <c r="B50" s="27">
        <v>24</v>
      </c>
      <c r="C50" s="28">
        <v>22</v>
      </c>
      <c r="D50" s="29">
        <v>46</v>
      </c>
    </row>
    <row r="51" spans="1:4" ht="18" customHeight="1" x14ac:dyDescent="0.2">
      <c r="A51" s="31">
        <v>38</v>
      </c>
      <c r="B51" s="27">
        <v>25</v>
      </c>
      <c r="C51" s="28">
        <v>25</v>
      </c>
      <c r="D51" s="29">
        <v>50</v>
      </c>
    </row>
    <row r="52" spans="1:4" ht="18" customHeight="1" x14ac:dyDescent="0.2">
      <c r="A52" s="31">
        <v>39</v>
      </c>
      <c r="B52" s="27">
        <v>26</v>
      </c>
      <c r="C52" s="28">
        <v>28</v>
      </c>
      <c r="D52" s="29">
        <v>54</v>
      </c>
    </row>
    <row r="53" spans="1:4" ht="18" customHeight="1" x14ac:dyDescent="0.2">
      <c r="A53" s="31" t="s">
        <v>56</v>
      </c>
      <c r="B53" s="27">
        <v>122</v>
      </c>
      <c r="C53" s="28">
        <v>117</v>
      </c>
      <c r="D53" s="29">
        <v>239</v>
      </c>
    </row>
    <row r="54" spans="1:4" ht="18" customHeight="1" x14ac:dyDescent="0.2">
      <c r="A54" s="31">
        <v>40</v>
      </c>
      <c r="B54" s="27">
        <v>37</v>
      </c>
      <c r="C54" s="28">
        <v>25</v>
      </c>
      <c r="D54" s="29">
        <v>62</v>
      </c>
    </row>
    <row r="55" spans="1:4" ht="18" customHeight="1" x14ac:dyDescent="0.2">
      <c r="A55" s="31">
        <v>41</v>
      </c>
      <c r="B55" s="27">
        <v>36</v>
      </c>
      <c r="C55" s="28">
        <v>22</v>
      </c>
      <c r="D55" s="29">
        <v>58</v>
      </c>
    </row>
    <row r="56" spans="1:4" ht="18" customHeight="1" x14ac:dyDescent="0.2">
      <c r="A56" s="31">
        <v>42</v>
      </c>
      <c r="B56" s="27">
        <v>26</v>
      </c>
      <c r="C56" s="28">
        <v>23</v>
      </c>
      <c r="D56" s="29">
        <v>49</v>
      </c>
    </row>
    <row r="57" spans="1:4" ht="18" customHeight="1" x14ac:dyDescent="0.2">
      <c r="A57" s="31">
        <v>43</v>
      </c>
      <c r="B57" s="27">
        <v>31</v>
      </c>
      <c r="C57" s="28">
        <v>37</v>
      </c>
      <c r="D57" s="29">
        <v>68</v>
      </c>
    </row>
    <row r="58" spans="1:4" ht="18" customHeight="1" x14ac:dyDescent="0.2">
      <c r="A58" s="31">
        <v>44</v>
      </c>
      <c r="B58" s="27">
        <v>35</v>
      </c>
      <c r="C58" s="28">
        <v>28</v>
      </c>
      <c r="D58" s="29">
        <v>63</v>
      </c>
    </row>
    <row r="59" spans="1:4" ht="18" customHeight="1" x14ac:dyDescent="0.2">
      <c r="A59" s="31" t="s">
        <v>57</v>
      </c>
      <c r="B59" s="27">
        <v>165</v>
      </c>
      <c r="C59" s="28">
        <v>135</v>
      </c>
      <c r="D59" s="29">
        <v>300</v>
      </c>
    </row>
    <row r="60" spans="1:4" ht="18" customHeight="1" x14ac:dyDescent="0.2">
      <c r="A60" s="31">
        <v>45</v>
      </c>
      <c r="B60" s="27">
        <v>28</v>
      </c>
      <c r="C60" s="28">
        <v>23</v>
      </c>
      <c r="D60" s="29">
        <v>51</v>
      </c>
    </row>
    <row r="61" spans="1:4" ht="18" customHeight="1" x14ac:dyDescent="0.2">
      <c r="A61" s="31">
        <v>46</v>
      </c>
      <c r="B61" s="27">
        <v>22</v>
      </c>
      <c r="C61" s="28">
        <v>18</v>
      </c>
      <c r="D61" s="29">
        <v>40</v>
      </c>
    </row>
    <row r="62" spans="1:4" ht="18" customHeight="1" x14ac:dyDescent="0.2">
      <c r="A62" s="31">
        <v>47</v>
      </c>
      <c r="B62" s="27">
        <v>15</v>
      </c>
      <c r="C62" s="28">
        <v>26</v>
      </c>
      <c r="D62" s="29">
        <v>41</v>
      </c>
    </row>
    <row r="63" spans="1:4" ht="18" customHeight="1" x14ac:dyDescent="0.2">
      <c r="A63" s="31">
        <v>48</v>
      </c>
      <c r="B63" s="27">
        <v>19</v>
      </c>
      <c r="C63" s="28">
        <v>18</v>
      </c>
      <c r="D63" s="29">
        <v>37</v>
      </c>
    </row>
    <row r="64" spans="1:4" ht="18" customHeight="1" x14ac:dyDescent="0.2">
      <c r="A64" s="31">
        <v>49</v>
      </c>
      <c r="B64" s="27">
        <v>18</v>
      </c>
      <c r="C64" s="28">
        <v>23</v>
      </c>
      <c r="D64" s="29">
        <v>41</v>
      </c>
    </row>
    <row r="65" spans="1:4" ht="18" customHeight="1" x14ac:dyDescent="0.2">
      <c r="A65" s="31" t="s">
        <v>58</v>
      </c>
      <c r="B65" s="27">
        <v>102</v>
      </c>
      <c r="C65" s="28">
        <v>108</v>
      </c>
      <c r="D65" s="29">
        <v>210</v>
      </c>
    </row>
    <row r="66" spans="1:4" ht="18" customHeight="1" x14ac:dyDescent="0.2">
      <c r="A66" s="31">
        <v>50</v>
      </c>
      <c r="B66" s="27">
        <v>14</v>
      </c>
      <c r="C66" s="28">
        <v>17</v>
      </c>
      <c r="D66" s="29">
        <v>31</v>
      </c>
    </row>
    <row r="67" spans="1:4" ht="18" customHeight="1" x14ac:dyDescent="0.2">
      <c r="A67" s="31">
        <v>51</v>
      </c>
      <c r="B67" s="27">
        <v>20</v>
      </c>
      <c r="C67" s="28">
        <v>13</v>
      </c>
      <c r="D67" s="29">
        <v>33</v>
      </c>
    </row>
    <row r="68" spans="1:4" ht="18" customHeight="1" x14ac:dyDescent="0.2">
      <c r="A68" s="31">
        <v>52</v>
      </c>
      <c r="B68" s="27">
        <v>15</v>
      </c>
      <c r="C68" s="28">
        <v>14</v>
      </c>
      <c r="D68" s="29">
        <v>29</v>
      </c>
    </row>
    <row r="69" spans="1:4" ht="18" customHeight="1" x14ac:dyDescent="0.2">
      <c r="A69" s="31">
        <v>53</v>
      </c>
      <c r="B69" s="27">
        <v>17</v>
      </c>
      <c r="C69" s="28">
        <v>21</v>
      </c>
      <c r="D69" s="29">
        <v>38</v>
      </c>
    </row>
    <row r="70" spans="1:4" ht="18" customHeight="1" x14ac:dyDescent="0.2">
      <c r="A70" s="31">
        <v>54</v>
      </c>
      <c r="B70" s="27">
        <v>20</v>
      </c>
      <c r="C70" s="28">
        <v>15</v>
      </c>
      <c r="D70" s="29">
        <v>35</v>
      </c>
    </row>
    <row r="71" spans="1:4" ht="18" customHeight="1" x14ac:dyDescent="0.2">
      <c r="A71" s="31" t="s">
        <v>59</v>
      </c>
      <c r="B71" s="27">
        <v>86</v>
      </c>
      <c r="C71" s="28">
        <v>80</v>
      </c>
      <c r="D71" s="29">
        <v>166</v>
      </c>
    </row>
    <row r="72" spans="1:4" ht="18" customHeight="1" x14ac:dyDescent="0.2">
      <c r="A72" s="31">
        <v>55</v>
      </c>
      <c r="B72" s="27">
        <v>19</v>
      </c>
      <c r="C72" s="28">
        <v>24</v>
      </c>
      <c r="D72" s="29">
        <v>43</v>
      </c>
    </row>
    <row r="73" spans="1:4" ht="18" customHeight="1" x14ac:dyDescent="0.2">
      <c r="A73" s="31">
        <v>56</v>
      </c>
      <c r="B73" s="27">
        <v>18</v>
      </c>
      <c r="C73" s="28">
        <v>13</v>
      </c>
      <c r="D73" s="29">
        <v>31</v>
      </c>
    </row>
    <row r="74" spans="1:4" ht="18" customHeight="1" x14ac:dyDescent="0.2">
      <c r="A74" s="31">
        <v>57</v>
      </c>
      <c r="B74" s="27">
        <v>14</v>
      </c>
      <c r="C74" s="28">
        <v>20</v>
      </c>
      <c r="D74" s="29">
        <v>34</v>
      </c>
    </row>
    <row r="75" spans="1:4" ht="18" customHeight="1" x14ac:dyDescent="0.2">
      <c r="A75" s="31">
        <v>58</v>
      </c>
      <c r="B75" s="27">
        <v>17</v>
      </c>
      <c r="C75" s="28">
        <v>26</v>
      </c>
      <c r="D75" s="29">
        <v>43</v>
      </c>
    </row>
    <row r="76" spans="1:4" ht="18" customHeight="1" x14ac:dyDescent="0.2">
      <c r="A76" s="31">
        <v>59</v>
      </c>
      <c r="B76" s="27">
        <v>16</v>
      </c>
      <c r="C76" s="28">
        <v>13</v>
      </c>
      <c r="D76" s="29">
        <v>29</v>
      </c>
    </row>
    <row r="77" spans="1:4" ht="18" customHeight="1" x14ac:dyDescent="0.2">
      <c r="A77" s="31" t="s">
        <v>60</v>
      </c>
      <c r="B77" s="27">
        <v>84</v>
      </c>
      <c r="C77" s="28">
        <v>96</v>
      </c>
      <c r="D77" s="29">
        <v>180</v>
      </c>
    </row>
    <row r="78" spans="1:4" ht="18" customHeight="1" x14ac:dyDescent="0.2">
      <c r="A78" s="31">
        <v>60</v>
      </c>
      <c r="B78" s="27">
        <v>10</v>
      </c>
      <c r="C78" s="28">
        <v>28</v>
      </c>
      <c r="D78" s="29">
        <v>38</v>
      </c>
    </row>
    <row r="79" spans="1:4" ht="18" customHeight="1" x14ac:dyDescent="0.2">
      <c r="A79" s="31">
        <v>61</v>
      </c>
      <c r="B79" s="27">
        <v>13</v>
      </c>
      <c r="C79" s="28">
        <v>26</v>
      </c>
      <c r="D79" s="29">
        <v>39</v>
      </c>
    </row>
    <row r="80" spans="1:4" ht="18" customHeight="1" x14ac:dyDescent="0.2">
      <c r="A80" s="31">
        <v>62</v>
      </c>
      <c r="B80" s="27">
        <v>30</v>
      </c>
      <c r="C80" s="28">
        <v>19</v>
      </c>
      <c r="D80" s="29">
        <v>49</v>
      </c>
    </row>
    <row r="81" spans="1:4" ht="18" customHeight="1" x14ac:dyDescent="0.2">
      <c r="A81" s="31">
        <v>63</v>
      </c>
      <c r="B81" s="27">
        <v>21</v>
      </c>
      <c r="C81" s="28">
        <v>34</v>
      </c>
      <c r="D81" s="29">
        <v>55</v>
      </c>
    </row>
    <row r="82" spans="1:4" ht="18" customHeight="1" x14ac:dyDescent="0.2">
      <c r="A82" s="31">
        <v>64</v>
      </c>
      <c r="B82" s="27">
        <v>16</v>
      </c>
      <c r="C82" s="28">
        <v>23</v>
      </c>
      <c r="D82" s="29">
        <v>39</v>
      </c>
    </row>
    <row r="83" spans="1:4" ht="18" customHeight="1" x14ac:dyDescent="0.2">
      <c r="A83" s="31" t="s">
        <v>61</v>
      </c>
      <c r="B83" s="27">
        <v>90</v>
      </c>
      <c r="C83" s="28">
        <v>130</v>
      </c>
      <c r="D83" s="29">
        <v>220</v>
      </c>
    </row>
    <row r="84" spans="1:4" ht="18" customHeight="1" x14ac:dyDescent="0.2">
      <c r="A84" s="31" t="s">
        <v>62</v>
      </c>
      <c r="B84" s="27">
        <v>973</v>
      </c>
      <c r="C84" s="28">
        <v>1015</v>
      </c>
      <c r="D84" s="29">
        <v>1988</v>
      </c>
    </row>
    <row r="85" spans="1:4" ht="18" customHeight="1" x14ac:dyDescent="0.2">
      <c r="A85" s="31">
        <v>65</v>
      </c>
      <c r="B85" s="27">
        <v>37</v>
      </c>
      <c r="C85" s="28">
        <v>24</v>
      </c>
      <c r="D85" s="29">
        <v>61</v>
      </c>
    </row>
    <row r="86" spans="1:4" ht="18" customHeight="1" x14ac:dyDescent="0.2">
      <c r="A86" s="31">
        <v>66</v>
      </c>
      <c r="B86" s="27">
        <v>29</v>
      </c>
      <c r="C86" s="28">
        <v>37</v>
      </c>
      <c r="D86" s="29">
        <v>66</v>
      </c>
    </row>
    <row r="87" spans="1:4" ht="18" customHeight="1" x14ac:dyDescent="0.2">
      <c r="A87" s="31">
        <v>67</v>
      </c>
      <c r="B87" s="27">
        <v>23</v>
      </c>
      <c r="C87" s="28">
        <v>37</v>
      </c>
      <c r="D87" s="29">
        <v>60</v>
      </c>
    </row>
    <row r="88" spans="1:4" ht="18" customHeight="1" x14ac:dyDescent="0.2">
      <c r="A88" s="31">
        <v>68</v>
      </c>
      <c r="B88" s="27">
        <v>37</v>
      </c>
      <c r="C88" s="28">
        <v>28</v>
      </c>
      <c r="D88" s="29">
        <v>65</v>
      </c>
    </row>
    <row r="89" spans="1:4" ht="18" customHeight="1" x14ac:dyDescent="0.2">
      <c r="A89" s="31">
        <v>69</v>
      </c>
      <c r="B89" s="27">
        <v>45</v>
      </c>
      <c r="C89" s="28">
        <v>39</v>
      </c>
      <c r="D89" s="29">
        <v>84</v>
      </c>
    </row>
    <row r="90" spans="1:4" ht="18" customHeight="1" x14ac:dyDescent="0.2">
      <c r="A90" s="31" t="s">
        <v>63</v>
      </c>
      <c r="B90" s="27">
        <v>171</v>
      </c>
      <c r="C90" s="28">
        <v>165</v>
      </c>
      <c r="D90" s="29">
        <v>336</v>
      </c>
    </row>
    <row r="91" spans="1:4" ht="18" customHeight="1" x14ac:dyDescent="0.2">
      <c r="A91" s="31">
        <v>70</v>
      </c>
      <c r="B91" s="27">
        <v>37</v>
      </c>
      <c r="C91" s="28">
        <v>33</v>
      </c>
      <c r="D91" s="29">
        <v>70</v>
      </c>
    </row>
    <row r="92" spans="1:4" ht="18" customHeight="1" x14ac:dyDescent="0.2">
      <c r="A92" s="31">
        <v>71</v>
      </c>
      <c r="B92" s="27">
        <v>33</v>
      </c>
      <c r="C92" s="28">
        <v>40</v>
      </c>
      <c r="D92" s="29">
        <v>73</v>
      </c>
    </row>
    <row r="93" spans="1:4" ht="18" customHeight="1" x14ac:dyDescent="0.2">
      <c r="A93" s="31">
        <v>72</v>
      </c>
      <c r="B93" s="27">
        <v>17</v>
      </c>
      <c r="C93" s="28">
        <v>23</v>
      </c>
      <c r="D93" s="29">
        <v>40</v>
      </c>
    </row>
    <row r="94" spans="1:4" ht="18" customHeight="1" x14ac:dyDescent="0.2">
      <c r="A94" s="31">
        <v>73</v>
      </c>
      <c r="B94" s="27">
        <v>17</v>
      </c>
      <c r="C94" s="28">
        <v>13</v>
      </c>
      <c r="D94" s="29">
        <v>30</v>
      </c>
    </row>
    <row r="95" spans="1:4" ht="18" customHeight="1" x14ac:dyDescent="0.2">
      <c r="A95" s="31">
        <v>74</v>
      </c>
      <c r="B95" s="27">
        <v>24</v>
      </c>
      <c r="C95" s="28">
        <v>24</v>
      </c>
      <c r="D95" s="29">
        <v>48</v>
      </c>
    </row>
    <row r="96" spans="1:4" ht="18" customHeight="1" x14ac:dyDescent="0.2">
      <c r="A96" s="31" t="s">
        <v>64</v>
      </c>
      <c r="B96" s="27">
        <v>128</v>
      </c>
      <c r="C96" s="28">
        <v>133</v>
      </c>
      <c r="D96" s="29">
        <v>261</v>
      </c>
    </row>
    <row r="97" spans="1:4" ht="18" customHeight="1" x14ac:dyDescent="0.2">
      <c r="A97" s="31">
        <v>75</v>
      </c>
      <c r="B97" s="27">
        <v>19</v>
      </c>
      <c r="C97" s="28">
        <v>15</v>
      </c>
      <c r="D97" s="29">
        <v>34</v>
      </c>
    </row>
    <row r="98" spans="1:4" ht="18" customHeight="1" x14ac:dyDescent="0.2">
      <c r="A98" s="31">
        <v>76</v>
      </c>
      <c r="B98" s="27">
        <v>21</v>
      </c>
      <c r="C98" s="28">
        <v>18</v>
      </c>
      <c r="D98" s="29">
        <v>39</v>
      </c>
    </row>
    <row r="99" spans="1:4" ht="18" customHeight="1" x14ac:dyDescent="0.2">
      <c r="A99" s="31">
        <v>77</v>
      </c>
      <c r="B99" s="27">
        <v>19</v>
      </c>
      <c r="C99" s="28">
        <v>16</v>
      </c>
      <c r="D99" s="29">
        <v>35</v>
      </c>
    </row>
    <row r="100" spans="1:4" ht="18" customHeight="1" x14ac:dyDescent="0.2">
      <c r="A100" s="31">
        <v>78</v>
      </c>
      <c r="B100" s="27">
        <v>14</v>
      </c>
      <c r="C100" s="28">
        <v>17</v>
      </c>
      <c r="D100" s="29">
        <v>31</v>
      </c>
    </row>
    <row r="101" spans="1:4" ht="18" customHeight="1" x14ac:dyDescent="0.2">
      <c r="A101" s="31">
        <v>79</v>
      </c>
      <c r="B101" s="27">
        <v>9</v>
      </c>
      <c r="C101" s="28">
        <v>11</v>
      </c>
      <c r="D101" s="29">
        <v>20</v>
      </c>
    </row>
    <row r="102" spans="1:4" ht="18" customHeight="1" x14ac:dyDescent="0.2">
      <c r="A102" s="31" t="s">
        <v>65</v>
      </c>
      <c r="B102" s="27">
        <v>82</v>
      </c>
      <c r="C102" s="28">
        <v>77</v>
      </c>
      <c r="D102" s="29">
        <v>159</v>
      </c>
    </row>
    <row r="103" spans="1:4" ht="18" customHeight="1" x14ac:dyDescent="0.2">
      <c r="A103" s="31">
        <v>80</v>
      </c>
      <c r="B103" s="27">
        <v>16</v>
      </c>
      <c r="C103" s="28">
        <v>14</v>
      </c>
      <c r="D103" s="29">
        <v>30</v>
      </c>
    </row>
    <row r="104" spans="1:4" ht="18" customHeight="1" x14ac:dyDescent="0.2">
      <c r="A104" s="31">
        <v>81</v>
      </c>
      <c r="B104" s="27">
        <v>6</v>
      </c>
      <c r="C104" s="28">
        <v>10</v>
      </c>
      <c r="D104" s="29">
        <v>16</v>
      </c>
    </row>
    <row r="105" spans="1:4" ht="18" customHeight="1" x14ac:dyDescent="0.2">
      <c r="A105" s="31">
        <v>82</v>
      </c>
      <c r="B105" s="27">
        <v>13</v>
      </c>
      <c r="C105" s="28">
        <v>12</v>
      </c>
      <c r="D105" s="29">
        <v>25</v>
      </c>
    </row>
    <row r="106" spans="1:4" ht="18" customHeight="1" x14ac:dyDescent="0.2">
      <c r="A106" s="31">
        <v>83</v>
      </c>
      <c r="B106" s="27">
        <v>7</v>
      </c>
      <c r="C106" s="28">
        <v>19</v>
      </c>
      <c r="D106" s="29">
        <v>26</v>
      </c>
    </row>
    <row r="107" spans="1:4" ht="18" customHeight="1" x14ac:dyDescent="0.2">
      <c r="A107" s="31">
        <v>84</v>
      </c>
      <c r="B107" s="27">
        <v>5</v>
      </c>
      <c r="C107" s="28">
        <v>7</v>
      </c>
      <c r="D107" s="29">
        <v>12</v>
      </c>
    </row>
    <row r="108" spans="1:4" ht="18" customHeight="1" x14ac:dyDescent="0.2">
      <c r="A108" s="31" t="s">
        <v>66</v>
      </c>
      <c r="B108" s="27">
        <v>47</v>
      </c>
      <c r="C108" s="28">
        <v>62</v>
      </c>
      <c r="D108" s="29">
        <v>109</v>
      </c>
    </row>
    <row r="109" spans="1:4" ht="18" customHeight="1" x14ac:dyDescent="0.2">
      <c r="A109" s="31">
        <v>85</v>
      </c>
      <c r="B109" s="27">
        <v>0</v>
      </c>
      <c r="C109" s="28">
        <v>16</v>
      </c>
      <c r="D109" s="29">
        <v>16</v>
      </c>
    </row>
    <row r="110" spans="1:4" ht="18" customHeight="1" x14ac:dyDescent="0.2">
      <c r="A110" s="31">
        <v>86</v>
      </c>
      <c r="B110" s="27">
        <v>2</v>
      </c>
      <c r="C110" s="28">
        <v>12</v>
      </c>
      <c r="D110" s="29">
        <v>14</v>
      </c>
    </row>
    <row r="111" spans="1:4" ht="18" customHeight="1" x14ac:dyDescent="0.2">
      <c r="A111" s="31">
        <v>87</v>
      </c>
      <c r="B111" s="27">
        <v>6</v>
      </c>
      <c r="C111" s="28">
        <v>9</v>
      </c>
      <c r="D111" s="29">
        <v>15</v>
      </c>
    </row>
    <row r="112" spans="1:4" ht="18" customHeight="1" x14ac:dyDescent="0.2">
      <c r="A112" s="31">
        <v>88</v>
      </c>
      <c r="B112" s="27">
        <v>4</v>
      </c>
      <c r="C112" s="28">
        <v>9</v>
      </c>
      <c r="D112" s="29">
        <v>13</v>
      </c>
    </row>
    <row r="113" spans="1:4" ht="18" customHeight="1" x14ac:dyDescent="0.2">
      <c r="A113" s="31">
        <v>89</v>
      </c>
      <c r="B113" s="27">
        <v>6</v>
      </c>
      <c r="C113" s="28">
        <v>14</v>
      </c>
      <c r="D113" s="29">
        <v>20</v>
      </c>
    </row>
    <row r="114" spans="1:4" ht="18" customHeight="1" x14ac:dyDescent="0.2">
      <c r="A114" s="31" t="s">
        <v>67</v>
      </c>
      <c r="B114" s="27">
        <v>18</v>
      </c>
      <c r="C114" s="28">
        <v>60</v>
      </c>
      <c r="D114" s="29">
        <v>78</v>
      </c>
    </row>
    <row r="115" spans="1:4" ht="18" customHeight="1" x14ac:dyDescent="0.2">
      <c r="A115" s="31">
        <v>90</v>
      </c>
      <c r="B115" s="27">
        <v>5</v>
      </c>
      <c r="C115" s="28">
        <v>7</v>
      </c>
      <c r="D115" s="29">
        <v>12</v>
      </c>
    </row>
    <row r="116" spans="1:4" ht="18" customHeight="1" x14ac:dyDescent="0.2">
      <c r="A116" s="31">
        <v>91</v>
      </c>
      <c r="B116" s="27">
        <v>4</v>
      </c>
      <c r="C116" s="28">
        <v>6</v>
      </c>
      <c r="D116" s="29">
        <v>10</v>
      </c>
    </row>
    <row r="117" spans="1:4" ht="18" customHeight="1" x14ac:dyDescent="0.2">
      <c r="A117" s="31">
        <v>92</v>
      </c>
      <c r="B117" s="27">
        <v>1</v>
      </c>
      <c r="C117" s="28">
        <v>9</v>
      </c>
      <c r="D117" s="29">
        <v>10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2</v>
      </c>
      <c r="C119" s="28">
        <v>1</v>
      </c>
      <c r="D119" s="29">
        <v>3</v>
      </c>
    </row>
    <row r="120" spans="1:4" ht="18" customHeight="1" x14ac:dyDescent="0.2">
      <c r="A120" s="31" t="s">
        <v>68</v>
      </c>
      <c r="B120" s="27">
        <v>14</v>
      </c>
      <c r="C120" s="28">
        <v>29</v>
      </c>
      <c r="D120" s="29">
        <v>43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463</v>
      </c>
      <c r="C130" s="5">
        <v>528</v>
      </c>
      <c r="D130" s="6">
        <v>991</v>
      </c>
    </row>
    <row r="131" spans="1:4" ht="18" customHeight="1" x14ac:dyDescent="0.2">
      <c r="A131" s="33" t="s">
        <v>47</v>
      </c>
      <c r="B131" s="7">
        <v>1666</v>
      </c>
      <c r="C131" s="8">
        <v>1754</v>
      </c>
      <c r="D131" s="9">
        <v>34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0</v>
      </c>
      <c r="C5" s="37">
        <v>10</v>
      </c>
      <c r="D5" s="39">
        <v>20</v>
      </c>
    </row>
    <row r="6" spans="1:10" ht="18" customHeight="1" x14ac:dyDescent="0.2">
      <c r="A6" s="31">
        <v>1</v>
      </c>
      <c r="B6" s="35">
        <v>7</v>
      </c>
      <c r="C6" s="28">
        <v>13</v>
      </c>
      <c r="D6" s="29">
        <v>20</v>
      </c>
    </row>
    <row r="7" spans="1:10" ht="18" customHeight="1" x14ac:dyDescent="0.2">
      <c r="A7" s="31">
        <v>2</v>
      </c>
      <c r="B7" s="35">
        <v>16</v>
      </c>
      <c r="C7" s="28">
        <v>17</v>
      </c>
      <c r="D7" s="29">
        <v>33</v>
      </c>
    </row>
    <row r="8" spans="1:10" ht="18" customHeight="1" x14ac:dyDescent="0.2">
      <c r="A8" s="31">
        <v>3</v>
      </c>
      <c r="B8" s="35">
        <v>16</v>
      </c>
      <c r="C8" s="28">
        <v>7</v>
      </c>
      <c r="D8" s="29">
        <v>23</v>
      </c>
    </row>
    <row r="9" spans="1:10" ht="18" customHeight="1" x14ac:dyDescent="0.2">
      <c r="A9" s="31">
        <v>4</v>
      </c>
      <c r="B9" s="36">
        <v>15</v>
      </c>
      <c r="C9" s="38">
        <v>12</v>
      </c>
      <c r="D9" s="40">
        <v>27</v>
      </c>
    </row>
    <row r="10" spans="1:10" ht="18" customHeight="1" x14ac:dyDescent="0.2">
      <c r="A10" s="31" t="s">
        <v>48</v>
      </c>
      <c r="B10" s="27">
        <v>64</v>
      </c>
      <c r="C10" s="28">
        <v>59</v>
      </c>
      <c r="D10" s="29">
        <v>123</v>
      </c>
    </row>
    <row r="11" spans="1:10" ht="18" customHeight="1" x14ac:dyDescent="0.2">
      <c r="A11" s="31">
        <v>5</v>
      </c>
      <c r="B11" s="35">
        <v>12</v>
      </c>
      <c r="C11" s="28">
        <v>19</v>
      </c>
      <c r="D11" s="29">
        <v>31</v>
      </c>
    </row>
    <row r="12" spans="1:10" ht="18" customHeight="1" x14ac:dyDescent="0.2">
      <c r="A12" s="31">
        <v>6</v>
      </c>
      <c r="B12" s="35">
        <v>16</v>
      </c>
      <c r="C12" s="28">
        <v>23</v>
      </c>
      <c r="D12" s="29">
        <v>39</v>
      </c>
    </row>
    <row r="13" spans="1:10" ht="18" customHeight="1" x14ac:dyDescent="0.2">
      <c r="A13" s="31">
        <v>7</v>
      </c>
      <c r="B13" s="35">
        <v>20</v>
      </c>
      <c r="C13" s="28">
        <v>14</v>
      </c>
      <c r="D13" s="29">
        <v>34</v>
      </c>
    </row>
    <row r="14" spans="1:10" ht="18" customHeight="1" x14ac:dyDescent="0.2">
      <c r="A14" s="31">
        <v>8</v>
      </c>
      <c r="B14" s="35">
        <v>13</v>
      </c>
      <c r="C14" s="28">
        <v>19</v>
      </c>
      <c r="D14" s="29">
        <v>32</v>
      </c>
    </row>
    <row r="15" spans="1:10" ht="18" customHeight="1" x14ac:dyDescent="0.2">
      <c r="A15" s="31">
        <v>9</v>
      </c>
      <c r="B15" s="35">
        <v>25</v>
      </c>
      <c r="C15" s="28">
        <v>13</v>
      </c>
      <c r="D15" s="29">
        <v>38</v>
      </c>
    </row>
    <row r="16" spans="1:10" ht="18" customHeight="1" x14ac:dyDescent="0.2">
      <c r="A16" s="31" t="s">
        <v>49</v>
      </c>
      <c r="B16" s="27">
        <v>86</v>
      </c>
      <c r="C16" s="28">
        <v>88</v>
      </c>
      <c r="D16" s="29">
        <v>174</v>
      </c>
    </row>
    <row r="17" spans="1:4" ht="18" customHeight="1" x14ac:dyDescent="0.2">
      <c r="A17" s="31">
        <v>10</v>
      </c>
      <c r="B17" s="27">
        <v>23</v>
      </c>
      <c r="C17" s="28">
        <v>14</v>
      </c>
      <c r="D17" s="29">
        <v>37</v>
      </c>
    </row>
    <row r="18" spans="1:4" ht="18" customHeight="1" x14ac:dyDescent="0.2">
      <c r="A18" s="31">
        <v>11</v>
      </c>
      <c r="B18" s="27">
        <v>13</v>
      </c>
      <c r="C18" s="28">
        <v>14</v>
      </c>
      <c r="D18" s="29">
        <v>27</v>
      </c>
    </row>
    <row r="19" spans="1:4" ht="18" customHeight="1" x14ac:dyDescent="0.2">
      <c r="A19" s="31">
        <v>12</v>
      </c>
      <c r="B19" s="27">
        <v>19</v>
      </c>
      <c r="C19" s="28">
        <v>15</v>
      </c>
      <c r="D19" s="29">
        <v>34</v>
      </c>
    </row>
    <row r="20" spans="1:4" ht="18" customHeight="1" x14ac:dyDescent="0.2">
      <c r="A20" s="31">
        <v>13</v>
      </c>
      <c r="B20" s="27">
        <v>27</v>
      </c>
      <c r="C20" s="28">
        <v>17</v>
      </c>
      <c r="D20" s="29">
        <v>44</v>
      </c>
    </row>
    <row r="21" spans="1:4" ht="18" customHeight="1" x14ac:dyDescent="0.2">
      <c r="A21" s="31">
        <v>14</v>
      </c>
      <c r="B21" s="27">
        <v>31</v>
      </c>
      <c r="C21" s="28">
        <v>20</v>
      </c>
      <c r="D21" s="29">
        <v>51</v>
      </c>
    </row>
    <row r="22" spans="1:4" ht="18" customHeight="1" x14ac:dyDescent="0.2">
      <c r="A22" s="31" t="s">
        <v>50</v>
      </c>
      <c r="B22" s="27">
        <v>113</v>
      </c>
      <c r="C22" s="28">
        <v>80</v>
      </c>
      <c r="D22" s="29">
        <v>193</v>
      </c>
    </row>
    <row r="23" spans="1:4" ht="18" customHeight="1" x14ac:dyDescent="0.2">
      <c r="A23" s="31" t="s">
        <v>51</v>
      </c>
      <c r="B23" s="27">
        <v>263</v>
      </c>
      <c r="C23" s="28">
        <v>227</v>
      </c>
      <c r="D23" s="29">
        <v>490</v>
      </c>
    </row>
    <row r="24" spans="1:4" ht="18" customHeight="1" x14ac:dyDescent="0.2">
      <c r="A24" s="31">
        <v>15</v>
      </c>
      <c r="B24" s="27">
        <v>17</v>
      </c>
      <c r="C24" s="28">
        <v>10</v>
      </c>
      <c r="D24" s="29">
        <v>27</v>
      </c>
    </row>
    <row r="25" spans="1:4" ht="18" customHeight="1" x14ac:dyDescent="0.2">
      <c r="A25" s="31">
        <v>16</v>
      </c>
      <c r="B25" s="27">
        <v>13</v>
      </c>
      <c r="C25" s="28">
        <v>19</v>
      </c>
      <c r="D25" s="29">
        <v>32</v>
      </c>
    </row>
    <row r="26" spans="1:4" ht="18" customHeight="1" x14ac:dyDescent="0.2">
      <c r="A26" s="31">
        <v>17</v>
      </c>
      <c r="B26" s="27">
        <v>18</v>
      </c>
      <c r="C26" s="28">
        <v>27</v>
      </c>
      <c r="D26" s="29">
        <v>45</v>
      </c>
    </row>
    <row r="27" spans="1:4" ht="18" customHeight="1" x14ac:dyDescent="0.2">
      <c r="A27" s="31">
        <v>18</v>
      </c>
      <c r="B27" s="27">
        <v>25</v>
      </c>
      <c r="C27" s="28">
        <v>20</v>
      </c>
      <c r="D27" s="29">
        <v>45</v>
      </c>
    </row>
    <row r="28" spans="1:4" ht="18" customHeight="1" x14ac:dyDescent="0.2">
      <c r="A28" s="31">
        <v>19</v>
      </c>
      <c r="B28" s="27">
        <v>13</v>
      </c>
      <c r="C28" s="28">
        <v>24</v>
      </c>
      <c r="D28" s="29">
        <v>37</v>
      </c>
    </row>
    <row r="29" spans="1:4" ht="18" customHeight="1" x14ac:dyDescent="0.2">
      <c r="A29" s="31" t="s">
        <v>52</v>
      </c>
      <c r="B29" s="27">
        <v>86</v>
      </c>
      <c r="C29" s="28">
        <v>100</v>
      </c>
      <c r="D29" s="29">
        <v>186</v>
      </c>
    </row>
    <row r="30" spans="1:4" ht="18" customHeight="1" x14ac:dyDescent="0.2">
      <c r="A30" s="31">
        <v>20</v>
      </c>
      <c r="B30" s="27">
        <v>13</v>
      </c>
      <c r="C30" s="28">
        <v>31</v>
      </c>
      <c r="D30" s="29">
        <v>44</v>
      </c>
    </row>
    <row r="31" spans="1:4" ht="18" customHeight="1" x14ac:dyDescent="0.2">
      <c r="A31" s="31">
        <v>21</v>
      </c>
      <c r="B31" s="27">
        <v>21</v>
      </c>
      <c r="C31" s="28">
        <v>19</v>
      </c>
      <c r="D31" s="29">
        <v>40</v>
      </c>
    </row>
    <row r="32" spans="1:4" ht="18" customHeight="1" x14ac:dyDescent="0.2">
      <c r="A32" s="31">
        <v>22</v>
      </c>
      <c r="B32" s="27">
        <v>12</v>
      </c>
      <c r="C32" s="28">
        <v>14</v>
      </c>
      <c r="D32" s="29">
        <v>26</v>
      </c>
    </row>
    <row r="33" spans="1:4" ht="18" customHeight="1" x14ac:dyDescent="0.2">
      <c r="A33" s="31">
        <v>23</v>
      </c>
      <c r="B33" s="27">
        <v>16</v>
      </c>
      <c r="C33" s="28">
        <v>16</v>
      </c>
      <c r="D33" s="29">
        <v>32</v>
      </c>
    </row>
    <row r="34" spans="1:4" ht="18" customHeight="1" x14ac:dyDescent="0.2">
      <c r="A34" s="31">
        <v>24</v>
      </c>
      <c r="B34" s="27">
        <v>23</v>
      </c>
      <c r="C34" s="28">
        <v>15</v>
      </c>
      <c r="D34" s="29">
        <v>38</v>
      </c>
    </row>
    <row r="35" spans="1:4" ht="18" customHeight="1" x14ac:dyDescent="0.2">
      <c r="A35" s="31" t="s">
        <v>53</v>
      </c>
      <c r="B35" s="27">
        <v>85</v>
      </c>
      <c r="C35" s="28">
        <v>95</v>
      </c>
      <c r="D35" s="29">
        <v>180</v>
      </c>
    </row>
    <row r="36" spans="1:4" ht="18" customHeight="1" x14ac:dyDescent="0.2">
      <c r="A36" s="31">
        <v>25</v>
      </c>
      <c r="B36" s="27">
        <v>18</v>
      </c>
      <c r="C36" s="28">
        <v>10</v>
      </c>
      <c r="D36" s="29">
        <v>28</v>
      </c>
    </row>
    <row r="37" spans="1:4" ht="18" customHeight="1" x14ac:dyDescent="0.2">
      <c r="A37" s="31">
        <v>26</v>
      </c>
      <c r="B37" s="27">
        <v>16</v>
      </c>
      <c r="C37" s="28">
        <v>18</v>
      </c>
      <c r="D37" s="29">
        <v>34</v>
      </c>
    </row>
    <row r="38" spans="1:4" ht="18" customHeight="1" x14ac:dyDescent="0.2">
      <c r="A38" s="31">
        <v>27</v>
      </c>
      <c r="B38" s="27">
        <v>16</v>
      </c>
      <c r="C38" s="28">
        <v>11</v>
      </c>
      <c r="D38" s="29">
        <v>27</v>
      </c>
    </row>
    <row r="39" spans="1:4" ht="18" customHeight="1" x14ac:dyDescent="0.2">
      <c r="A39" s="31">
        <v>28</v>
      </c>
      <c r="B39" s="27">
        <v>14</v>
      </c>
      <c r="C39" s="28">
        <v>17</v>
      </c>
      <c r="D39" s="29">
        <v>31</v>
      </c>
    </row>
    <row r="40" spans="1:4" ht="18" customHeight="1" x14ac:dyDescent="0.2">
      <c r="A40" s="31">
        <v>29</v>
      </c>
      <c r="B40" s="27">
        <v>14</v>
      </c>
      <c r="C40" s="28">
        <v>12</v>
      </c>
      <c r="D40" s="29">
        <v>26</v>
      </c>
    </row>
    <row r="41" spans="1:4" ht="18" customHeight="1" x14ac:dyDescent="0.2">
      <c r="A41" s="31" t="s">
        <v>54</v>
      </c>
      <c r="B41" s="27">
        <v>78</v>
      </c>
      <c r="C41" s="28">
        <v>68</v>
      </c>
      <c r="D41" s="29">
        <v>146</v>
      </c>
    </row>
    <row r="42" spans="1:4" ht="18" customHeight="1" x14ac:dyDescent="0.2">
      <c r="A42" s="31">
        <v>30</v>
      </c>
      <c r="B42" s="27">
        <v>17</v>
      </c>
      <c r="C42" s="28">
        <v>15</v>
      </c>
      <c r="D42" s="29">
        <v>32</v>
      </c>
    </row>
    <row r="43" spans="1:4" ht="18" customHeight="1" x14ac:dyDescent="0.2">
      <c r="A43" s="31">
        <v>31</v>
      </c>
      <c r="B43" s="27">
        <v>24</v>
      </c>
      <c r="C43" s="28">
        <v>19</v>
      </c>
      <c r="D43" s="29">
        <v>43</v>
      </c>
    </row>
    <row r="44" spans="1:4" ht="18" customHeight="1" x14ac:dyDescent="0.2">
      <c r="A44" s="31">
        <v>32</v>
      </c>
      <c r="B44" s="27">
        <v>23</v>
      </c>
      <c r="C44" s="28">
        <v>18</v>
      </c>
      <c r="D44" s="29">
        <v>41</v>
      </c>
    </row>
    <row r="45" spans="1:4" ht="18" customHeight="1" x14ac:dyDescent="0.2">
      <c r="A45" s="31">
        <v>33</v>
      </c>
      <c r="B45" s="27">
        <v>24</v>
      </c>
      <c r="C45" s="28">
        <v>19</v>
      </c>
      <c r="D45" s="29">
        <v>43</v>
      </c>
    </row>
    <row r="46" spans="1:4" ht="18" customHeight="1" x14ac:dyDescent="0.2">
      <c r="A46" s="31">
        <v>34</v>
      </c>
      <c r="B46" s="27">
        <v>12</v>
      </c>
      <c r="C46" s="28">
        <v>15</v>
      </c>
      <c r="D46" s="29">
        <v>27</v>
      </c>
    </row>
    <row r="47" spans="1:4" ht="18" customHeight="1" x14ac:dyDescent="0.2">
      <c r="A47" s="31" t="s">
        <v>55</v>
      </c>
      <c r="B47" s="27">
        <v>100</v>
      </c>
      <c r="C47" s="28">
        <v>86</v>
      </c>
      <c r="D47" s="29">
        <v>186</v>
      </c>
    </row>
    <row r="48" spans="1:4" ht="18" customHeight="1" x14ac:dyDescent="0.2">
      <c r="A48" s="31">
        <v>35</v>
      </c>
      <c r="B48" s="27">
        <v>23</v>
      </c>
      <c r="C48" s="28">
        <v>16</v>
      </c>
      <c r="D48" s="29">
        <v>39</v>
      </c>
    </row>
    <row r="49" spans="1:4" ht="18" customHeight="1" x14ac:dyDescent="0.2">
      <c r="A49" s="31">
        <v>36</v>
      </c>
      <c r="B49" s="27">
        <v>17</v>
      </c>
      <c r="C49" s="28">
        <v>19</v>
      </c>
      <c r="D49" s="29">
        <v>36</v>
      </c>
    </row>
    <row r="50" spans="1:4" ht="18" customHeight="1" x14ac:dyDescent="0.2">
      <c r="A50" s="31">
        <v>37</v>
      </c>
      <c r="B50" s="27">
        <v>20</v>
      </c>
      <c r="C50" s="28">
        <v>20</v>
      </c>
      <c r="D50" s="29">
        <v>40</v>
      </c>
    </row>
    <row r="51" spans="1:4" ht="18" customHeight="1" x14ac:dyDescent="0.2">
      <c r="A51" s="31">
        <v>38</v>
      </c>
      <c r="B51" s="27">
        <v>24</v>
      </c>
      <c r="C51" s="28">
        <v>21</v>
      </c>
      <c r="D51" s="29">
        <v>45</v>
      </c>
    </row>
    <row r="52" spans="1:4" ht="18" customHeight="1" x14ac:dyDescent="0.2">
      <c r="A52" s="31">
        <v>39</v>
      </c>
      <c r="B52" s="27">
        <v>24</v>
      </c>
      <c r="C52" s="28">
        <v>25</v>
      </c>
      <c r="D52" s="29">
        <v>49</v>
      </c>
    </row>
    <row r="53" spans="1:4" ht="18" customHeight="1" x14ac:dyDescent="0.2">
      <c r="A53" s="31" t="s">
        <v>56</v>
      </c>
      <c r="B53" s="27">
        <v>108</v>
      </c>
      <c r="C53" s="28">
        <v>101</v>
      </c>
      <c r="D53" s="29">
        <v>209</v>
      </c>
    </row>
    <row r="54" spans="1:4" ht="18" customHeight="1" x14ac:dyDescent="0.2">
      <c r="A54" s="31">
        <v>40</v>
      </c>
      <c r="B54" s="27">
        <v>25</v>
      </c>
      <c r="C54" s="28">
        <v>22</v>
      </c>
      <c r="D54" s="29">
        <v>47</v>
      </c>
    </row>
    <row r="55" spans="1:4" ht="18" customHeight="1" x14ac:dyDescent="0.2">
      <c r="A55" s="31">
        <v>41</v>
      </c>
      <c r="B55" s="27">
        <v>25</v>
      </c>
      <c r="C55" s="28">
        <v>23</v>
      </c>
      <c r="D55" s="29">
        <v>48</v>
      </c>
    </row>
    <row r="56" spans="1:4" ht="18" customHeight="1" x14ac:dyDescent="0.2">
      <c r="A56" s="31">
        <v>42</v>
      </c>
      <c r="B56" s="27">
        <v>26</v>
      </c>
      <c r="C56" s="28">
        <v>27</v>
      </c>
      <c r="D56" s="29">
        <v>53</v>
      </c>
    </row>
    <row r="57" spans="1:4" ht="18" customHeight="1" x14ac:dyDescent="0.2">
      <c r="A57" s="31">
        <v>43</v>
      </c>
      <c r="B57" s="27">
        <v>22</v>
      </c>
      <c r="C57" s="28">
        <v>26</v>
      </c>
      <c r="D57" s="29">
        <v>48</v>
      </c>
    </row>
    <row r="58" spans="1:4" ht="18" customHeight="1" x14ac:dyDescent="0.2">
      <c r="A58" s="31">
        <v>44</v>
      </c>
      <c r="B58" s="27">
        <v>34</v>
      </c>
      <c r="C58" s="28">
        <v>45</v>
      </c>
      <c r="D58" s="29">
        <v>79</v>
      </c>
    </row>
    <row r="59" spans="1:4" ht="18" customHeight="1" x14ac:dyDescent="0.2">
      <c r="A59" s="31" t="s">
        <v>57</v>
      </c>
      <c r="B59" s="27">
        <v>132</v>
      </c>
      <c r="C59" s="28">
        <v>143</v>
      </c>
      <c r="D59" s="29">
        <v>275</v>
      </c>
    </row>
    <row r="60" spans="1:4" ht="18" customHeight="1" x14ac:dyDescent="0.2">
      <c r="A60" s="31">
        <v>45</v>
      </c>
      <c r="B60" s="27">
        <v>19</v>
      </c>
      <c r="C60" s="28">
        <v>26</v>
      </c>
      <c r="D60" s="29">
        <v>45</v>
      </c>
    </row>
    <row r="61" spans="1:4" ht="18" customHeight="1" x14ac:dyDescent="0.2">
      <c r="A61" s="31">
        <v>46</v>
      </c>
      <c r="B61" s="27">
        <v>37</v>
      </c>
      <c r="C61" s="28">
        <v>23</v>
      </c>
      <c r="D61" s="29">
        <v>60</v>
      </c>
    </row>
    <row r="62" spans="1:4" ht="18" customHeight="1" x14ac:dyDescent="0.2">
      <c r="A62" s="31">
        <v>47</v>
      </c>
      <c r="B62" s="27">
        <v>27</v>
      </c>
      <c r="C62" s="28">
        <v>32</v>
      </c>
      <c r="D62" s="29">
        <v>59</v>
      </c>
    </row>
    <row r="63" spans="1:4" ht="18" customHeight="1" x14ac:dyDescent="0.2">
      <c r="A63" s="31">
        <v>48</v>
      </c>
      <c r="B63" s="27">
        <v>23</v>
      </c>
      <c r="C63" s="28">
        <v>29</v>
      </c>
      <c r="D63" s="29">
        <v>52</v>
      </c>
    </row>
    <row r="64" spans="1:4" ht="18" customHeight="1" x14ac:dyDescent="0.2">
      <c r="A64" s="31">
        <v>49</v>
      </c>
      <c r="B64" s="27">
        <v>37</v>
      </c>
      <c r="C64" s="28">
        <v>27</v>
      </c>
      <c r="D64" s="29">
        <v>64</v>
      </c>
    </row>
    <row r="65" spans="1:4" ht="18" customHeight="1" x14ac:dyDescent="0.2">
      <c r="A65" s="31" t="s">
        <v>58</v>
      </c>
      <c r="B65" s="27">
        <v>143</v>
      </c>
      <c r="C65" s="28">
        <v>137</v>
      </c>
      <c r="D65" s="29">
        <v>280</v>
      </c>
    </row>
    <row r="66" spans="1:4" ht="18" customHeight="1" x14ac:dyDescent="0.2">
      <c r="A66" s="31">
        <v>50</v>
      </c>
      <c r="B66" s="27">
        <v>25</v>
      </c>
      <c r="C66" s="28">
        <v>26</v>
      </c>
      <c r="D66" s="29">
        <v>51</v>
      </c>
    </row>
    <row r="67" spans="1:4" ht="18" customHeight="1" x14ac:dyDescent="0.2">
      <c r="A67" s="31">
        <v>51</v>
      </c>
      <c r="B67" s="27">
        <v>27</v>
      </c>
      <c r="C67" s="28">
        <v>35</v>
      </c>
      <c r="D67" s="29">
        <v>62</v>
      </c>
    </row>
    <row r="68" spans="1:4" ht="18" customHeight="1" x14ac:dyDescent="0.2">
      <c r="A68" s="31">
        <v>52</v>
      </c>
      <c r="B68" s="27">
        <v>26</v>
      </c>
      <c r="C68" s="28">
        <v>19</v>
      </c>
      <c r="D68" s="29">
        <v>45</v>
      </c>
    </row>
    <row r="69" spans="1:4" ht="18" customHeight="1" x14ac:dyDescent="0.2">
      <c r="A69" s="31">
        <v>53</v>
      </c>
      <c r="B69" s="27">
        <v>30</v>
      </c>
      <c r="C69" s="28">
        <v>27</v>
      </c>
      <c r="D69" s="29">
        <v>57</v>
      </c>
    </row>
    <row r="70" spans="1:4" ht="18" customHeight="1" x14ac:dyDescent="0.2">
      <c r="A70" s="31">
        <v>54</v>
      </c>
      <c r="B70" s="27">
        <v>31</v>
      </c>
      <c r="C70" s="28">
        <v>24</v>
      </c>
      <c r="D70" s="29">
        <v>55</v>
      </c>
    </row>
    <row r="71" spans="1:4" ht="18" customHeight="1" x14ac:dyDescent="0.2">
      <c r="A71" s="31" t="s">
        <v>59</v>
      </c>
      <c r="B71" s="27">
        <v>139</v>
      </c>
      <c r="C71" s="28">
        <v>131</v>
      </c>
      <c r="D71" s="29">
        <v>270</v>
      </c>
    </row>
    <row r="72" spans="1:4" ht="18" customHeight="1" x14ac:dyDescent="0.2">
      <c r="A72" s="31">
        <v>55</v>
      </c>
      <c r="B72" s="27">
        <v>25</v>
      </c>
      <c r="C72" s="28">
        <v>40</v>
      </c>
      <c r="D72" s="29">
        <v>65</v>
      </c>
    </row>
    <row r="73" spans="1:4" ht="18" customHeight="1" x14ac:dyDescent="0.2">
      <c r="A73" s="31">
        <v>56</v>
      </c>
      <c r="B73" s="27">
        <v>26</v>
      </c>
      <c r="C73" s="28">
        <v>25</v>
      </c>
      <c r="D73" s="29">
        <v>51</v>
      </c>
    </row>
    <row r="74" spans="1:4" ht="18" customHeight="1" x14ac:dyDescent="0.2">
      <c r="A74" s="31">
        <v>57</v>
      </c>
      <c r="B74" s="27">
        <v>24</v>
      </c>
      <c r="C74" s="28">
        <v>28</v>
      </c>
      <c r="D74" s="29">
        <v>52</v>
      </c>
    </row>
    <row r="75" spans="1:4" ht="18" customHeight="1" x14ac:dyDescent="0.2">
      <c r="A75" s="31">
        <v>58</v>
      </c>
      <c r="B75" s="27">
        <v>23</v>
      </c>
      <c r="C75" s="28">
        <v>23</v>
      </c>
      <c r="D75" s="29">
        <v>46</v>
      </c>
    </row>
    <row r="76" spans="1:4" ht="18" customHeight="1" x14ac:dyDescent="0.2">
      <c r="A76" s="31">
        <v>59</v>
      </c>
      <c r="B76" s="27">
        <v>29</v>
      </c>
      <c r="C76" s="28">
        <v>20</v>
      </c>
      <c r="D76" s="29">
        <v>49</v>
      </c>
    </row>
    <row r="77" spans="1:4" ht="18" customHeight="1" x14ac:dyDescent="0.2">
      <c r="A77" s="31" t="s">
        <v>60</v>
      </c>
      <c r="B77" s="27">
        <v>127</v>
      </c>
      <c r="C77" s="28">
        <v>136</v>
      </c>
      <c r="D77" s="29">
        <v>263</v>
      </c>
    </row>
    <row r="78" spans="1:4" ht="18" customHeight="1" x14ac:dyDescent="0.2">
      <c r="A78" s="31">
        <v>60</v>
      </c>
      <c r="B78" s="27">
        <v>22</v>
      </c>
      <c r="C78" s="28">
        <v>23</v>
      </c>
      <c r="D78" s="29">
        <v>45</v>
      </c>
    </row>
    <row r="79" spans="1:4" ht="18" customHeight="1" x14ac:dyDescent="0.2">
      <c r="A79" s="31">
        <v>61</v>
      </c>
      <c r="B79" s="27">
        <v>16</v>
      </c>
      <c r="C79" s="28">
        <v>38</v>
      </c>
      <c r="D79" s="29">
        <v>54</v>
      </c>
    </row>
    <row r="80" spans="1:4" ht="18" customHeight="1" x14ac:dyDescent="0.2">
      <c r="A80" s="31">
        <v>62</v>
      </c>
      <c r="B80" s="27">
        <v>31</v>
      </c>
      <c r="C80" s="28">
        <v>21</v>
      </c>
      <c r="D80" s="29">
        <v>52</v>
      </c>
    </row>
    <row r="81" spans="1:4" ht="18" customHeight="1" x14ac:dyDescent="0.2">
      <c r="A81" s="31">
        <v>63</v>
      </c>
      <c r="B81" s="27">
        <v>26</v>
      </c>
      <c r="C81" s="28">
        <v>36</v>
      </c>
      <c r="D81" s="29">
        <v>62</v>
      </c>
    </row>
    <row r="82" spans="1:4" ht="18" customHeight="1" x14ac:dyDescent="0.2">
      <c r="A82" s="31">
        <v>64</v>
      </c>
      <c r="B82" s="27">
        <v>35</v>
      </c>
      <c r="C82" s="28">
        <v>26</v>
      </c>
      <c r="D82" s="29">
        <v>61</v>
      </c>
    </row>
    <row r="83" spans="1:4" ht="18" customHeight="1" x14ac:dyDescent="0.2">
      <c r="A83" s="31" t="s">
        <v>61</v>
      </c>
      <c r="B83" s="27">
        <v>130</v>
      </c>
      <c r="C83" s="28">
        <v>144</v>
      </c>
      <c r="D83" s="29">
        <v>274</v>
      </c>
    </row>
    <row r="84" spans="1:4" ht="18" customHeight="1" x14ac:dyDescent="0.2">
      <c r="A84" s="31" t="s">
        <v>62</v>
      </c>
      <c r="B84" s="27">
        <v>1128</v>
      </c>
      <c r="C84" s="28">
        <v>1141</v>
      </c>
      <c r="D84" s="29">
        <v>2269</v>
      </c>
    </row>
    <row r="85" spans="1:4" ht="18" customHeight="1" x14ac:dyDescent="0.2">
      <c r="A85" s="31">
        <v>65</v>
      </c>
      <c r="B85" s="27">
        <v>14</v>
      </c>
      <c r="C85" s="28">
        <v>34</v>
      </c>
      <c r="D85" s="29">
        <v>48</v>
      </c>
    </row>
    <row r="86" spans="1:4" ht="18" customHeight="1" x14ac:dyDescent="0.2">
      <c r="A86" s="31">
        <v>66</v>
      </c>
      <c r="B86" s="27">
        <v>37</v>
      </c>
      <c r="C86" s="28">
        <v>29</v>
      </c>
      <c r="D86" s="29">
        <v>66</v>
      </c>
    </row>
    <row r="87" spans="1:4" ht="18" customHeight="1" x14ac:dyDescent="0.2">
      <c r="A87" s="31">
        <v>67</v>
      </c>
      <c r="B87" s="27">
        <v>33</v>
      </c>
      <c r="C87" s="28">
        <v>24</v>
      </c>
      <c r="D87" s="29">
        <v>57</v>
      </c>
    </row>
    <row r="88" spans="1:4" ht="18" customHeight="1" x14ac:dyDescent="0.2">
      <c r="A88" s="31">
        <v>68</v>
      </c>
      <c r="B88" s="27">
        <v>32</v>
      </c>
      <c r="C88" s="28">
        <v>32</v>
      </c>
      <c r="D88" s="29">
        <v>64</v>
      </c>
    </row>
    <row r="89" spans="1:4" ht="18" customHeight="1" x14ac:dyDescent="0.2">
      <c r="A89" s="31">
        <v>69</v>
      </c>
      <c r="B89" s="27">
        <v>30</v>
      </c>
      <c r="C89" s="28">
        <v>44</v>
      </c>
      <c r="D89" s="29">
        <v>74</v>
      </c>
    </row>
    <row r="90" spans="1:4" ht="18" customHeight="1" x14ac:dyDescent="0.2">
      <c r="A90" s="31" t="s">
        <v>63</v>
      </c>
      <c r="B90" s="27">
        <v>146</v>
      </c>
      <c r="C90" s="28">
        <v>163</v>
      </c>
      <c r="D90" s="29">
        <v>309</v>
      </c>
    </row>
    <row r="91" spans="1:4" ht="18" customHeight="1" x14ac:dyDescent="0.2">
      <c r="A91" s="31">
        <v>70</v>
      </c>
      <c r="B91" s="27">
        <v>43</v>
      </c>
      <c r="C91" s="28">
        <v>41</v>
      </c>
      <c r="D91" s="29">
        <v>84</v>
      </c>
    </row>
    <row r="92" spans="1:4" ht="18" customHeight="1" x14ac:dyDescent="0.2">
      <c r="A92" s="31">
        <v>71</v>
      </c>
      <c r="B92" s="27">
        <v>44</v>
      </c>
      <c r="C92" s="28">
        <v>34</v>
      </c>
      <c r="D92" s="29">
        <v>78</v>
      </c>
    </row>
    <row r="93" spans="1:4" ht="18" customHeight="1" x14ac:dyDescent="0.2">
      <c r="A93" s="31">
        <v>72</v>
      </c>
      <c r="B93" s="27">
        <v>22</v>
      </c>
      <c r="C93" s="28">
        <v>21</v>
      </c>
      <c r="D93" s="29">
        <v>43</v>
      </c>
    </row>
    <row r="94" spans="1:4" ht="18" customHeight="1" x14ac:dyDescent="0.2">
      <c r="A94" s="31">
        <v>73</v>
      </c>
      <c r="B94" s="27">
        <v>17</v>
      </c>
      <c r="C94" s="28">
        <v>25</v>
      </c>
      <c r="D94" s="29">
        <v>42</v>
      </c>
    </row>
    <row r="95" spans="1:4" ht="18" customHeight="1" x14ac:dyDescent="0.2">
      <c r="A95" s="31">
        <v>74</v>
      </c>
      <c r="B95" s="27">
        <v>26</v>
      </c>
      <c r="C95" s="28">
        <v>30</v>
      </c>
      <c r="D95" s="29">
        <v>56</v>
      </c>
    </row>
    <row r="96" spans="1:4" ht="18" customHeight="1" x14ac:dyDescent="0.2">
      <c r="A96" s="31" t="s">
        <v>64</v>
      </c>
      <c r="B96" s="27">
        <v>152</v>
      </c>
      <c r="C96" s="28">
        <v>151</v>
      </c>
      <c r="D96" s="29">
        <v>303</v>
      </c>
    </row>
    <row r="97" spans="1:4" ht="18" customHeight="1" x14ac:dyDescent="0.2">
      <c r="A97" s="31">
        <v>75</v>
      </c>
      <c r="B97" s="27">
        <v>18</v>
      </c>
      <c r="C97" s="28">
        <v>26</v>
      </c>
      <c r="D97" s="29">
        <v>44</v>
      </c>
    </row>
    <row r="98" spans="1:4" ht="18" customHeight="1" x14ac:dyDescent="0.2">
      <c r="A98" s="31">
        <v>76</v>
      </c>
      <c r="B98" s="27">
        <v>14</v>
      </c>
      <c r="C98" s="28">
        <v>38</v>
      </c>
      <c r="D98" s="29">
        <v>52</v>
      </c>
    </row>
    <row r="99" spans="1:4" ht="18" customHeight="1" x14ac:dyDescent="0.2">
      <c r="A99" s="31">
        <v>77</v>
      </c>
      <c r="B99" s="27">
        <v>23</v>
      </c>
      <c r="C99" s="28">
        <v>27</v>
      </c>
      <c r="D99" s="29">
        <v>50</v>
      </c>
    </row>
    <row r="100" spans="1:4" ht="18" customHeight="1" x14ac:dyDescent="0.2">
      <c r="A100" s="31">
        <v>78</v>
      </c>
      <c r="B100" s="27">
        <v>20</v>
      </c>
      <c r="C100" s="28">
        <v>18</v>
      </c>
      <c r="D100" s="29">
        <v>38</v>
      </c>
    </row>
    <row r="101" spans="1:4" ht="18" customHeight="1" x14ac:dyDescent="0.2">
      <c r="A101" s="31">
        <v>79</v>
      </c>
      <c r="B101" s="27">
        <v>15</v>
      </c>
      <c r="C101" s="28">
        <v>14</v>
      </c>
      <c r="D101" s="29">
        <v>29</v>
      </c>
    </row>
    <row r="102" spans="1:4" ht="18" customHeight="1" x14ac:dyDescent="0.2">
      <c r="A102" s="31" t="s">
        <v>65</v>
      </c>
      <c r="B102" s="27">
        <v>90</v>
      </c>
      <c r="C102" s="28">
        <v>123</v>
      </c>
      <c r="D102" s="29">
        <v>213</v>
      </c>
    </row>
    <row r="103" spans="1:4" ht="18" customHeight="1" x14ac:dyDescent="0.2">
      <c r="A103" s="31">
        <v>80</v>
      </c>
      <c r="B103" s="27">
        <v>13</v>
      </c>
      <c r="C103" s="28">
        <v>18</v>
      </c>
      <c r="D103" s="29">
        <v>31</v>
      </c>
    </row>
    <row r="104" spans="1:4" ht="18" customHeight="1" x14ac:dyDescent="0.2">
      <c r="A104" s="31">
        <v>81</v>
      </c>
      <c r="B104" s="27">
        <v>14</v>
      </c>
      <c r="C104" s="28">
        <v>15</v>
      </c>
      <c r="D104" s="29">
        <v>29</v>
      </c>
    </row>
    <row r="105" spans="1:4" ht="18" customHeight="1" x14ac:dyDescent="0.2">
      <c r="A105" s="31">
        <v>82</v>
      </c>
      <c r="B105" s="27">
        <v>17</v>
      </c>
      <c r="C105" s="28">
        <v>19</v>
      </c>
      <c r="D105" s="29">
        <v>36</v>
      </c>
    </row>
    <row r="106" spans="1:4" ht="18" customHeight="1" x14ac:dyDescent="0.2">
      <c r="A106" s="31">
        <v>83</v>
      </c>
      <c r="B106" s="27">
        <v>9</v>
      </c>
      <c r="C106" s="28">
        <v>19</v>
      </c>
      <c r="D106" s="29">
        <v>28</v>
      </c>
    </row>
    <row r="107" spans="1:4" ht="18" customHeight="1" x14ac:dyDescent="0.2">
      <c r="A107" s="31">
        <v>84</v>
      </c>
      <c r="B107" s="27">
        <v>7</v>
      </c>
      <c r="C107" s="28">
        <v>18</v>
      </c>
      <c r="D107" s="29">
        <v>25</v>
      </c>
    </row>
    <row r="108" spans="1:4" ht="18" customHeight="1" x14ac:dyDescent="0.2">
      <c r="A108" s="31" t="s">
        <v>66</v>
      </c>
      <c r="B108" s="27">
        <v>60</v>
      </c>
      <c r="C108" s="28">
        <v>89</v>
      </c>
      <c r="D108" s="29">
        <v>149</v>
      </c>
    </row>
    <row r="109" spans="1:4" ht="18" customHeight="1" x14ac:dyDescent="0.2">
      <c r="A109" s="31">
        <v>85</v>
      </c>
      <c r="B109" s="27">
        <v>16</v>
      </c>
      <c r="C109" s="28">
        <v>26</v>
      </c>
      <c r="D109" s="29">
        <v>42</v>
      </c>
    </row>
    <row r="110" spans="1:4" ht="18" customHeight="1" x14ac:dyDescent="0.2">
      <c r="A110" s="31">
        <v>86</v>
      </c>
      <c r="B110" s="27">
        <v>8</v>
      </c>
      <c r="C110" s="28">
        <v>20</v>
      </c>
      <c r="D110" s="29">
        <v>28</v>
      </c>
    </row>
    <row r="111" spans="1:4" ht="18" customHeight="1" x14ac:dyDescent="0.2">
      <c r="A111" s="31">
        <v>87</v>
      </c>
      <c r="B111" s="27">
        <v>7</v>
      </c>
      <c r="C111" s="28">
        <v>17</v>
      </c>
      <c r="D111" s="29">
        <v>24</v>
      </c>
    </row>
    <row r="112" spans="1:4" ht="18" customHeight="1" x14ac:dyDescent="0.2">
      <c r="A112" s="31">
        <v>88</v>
      </c>
      <c r="B112" s="27">
        <v>5</v>
      </c>
      <c r="C112" s="28">
        <v>7</v>
      </c>
      <c r="D112" s="29">
        <v>12</v>
      </c>
    </row>
    <row r="113" spans="1:4" ht="18" customHeight="1" x14ac:dyDescent="0.2">
      <c r="A113" s="31">
        <v>89</v>
      </c>
      <c r="B113" s="27">
        <v>7</v>
      </c>
      <c r="C113" s="28">
        <v>15</v>
      </c>
      <c r="D113" s="29">
        <v>22</v>
      </c>
    </row>
    <row r="114" spans="1:4" ht="18" customHeight="1" x14ac:dyDescent="0.2">
      <c r="A114" s="31" t="s">
        <v>67</v>
      </c>
      <c r="B114" s="27">
        <v>43</v>
      </c>
      <c r="C114" s="28">
        <v>85</v>
      </c>
      <c r="D114" s="29">
        <v>128</v>
      </c>
    </row>
    <row r="115" spans="1:4" ht="18" customHeight="1" x14ac:dyDescent="0.2">
      <c r="A115" s="31">
        <v>90</v>
      </c>
      <c r="B115" s="27">
        <v>4</v>
      </c>
      <c r="C115" s="28">
        <v>8</v>
      </c>
      <c r="D115" s="29">
        <v>12</v>
      </c>
    </row>
    <row r="116" spans="1:4" ht="18" customHeight="1" x14ac:dyDescent="0.2">
      <c r="A116" s="31">
        <v>91</v>
      </c>
      <c r="B116" s="27">
        <v>5</v>
      </c>
      <c r="C116" s="28">
        <v>16</v>
      </c>
      <c r="D116" s="29">
        <v>21</v>
      </c>
    </row>
    <row r="117" spans="1:4" ht="18" customHeight="1" x14ac:dyDescent="0.2">
      <c r="A117" s="31">
        <v>92</v>
      </c>
      <c r="B117" s="27">
        <v>7</v>
      </c>
      <c r="C117" s="28">
        <v>6</v>
      </c>
      <c r="D117" s="29">
        <v>13</v>
      </c>
    </row>
    <row r="118" spans="1:4" ht="18" customHeight="1" x14ac:dyDescent="0.2">
      <c r="A118" s="31">
        <v>93</v>
      </c>
      <c r="B118" s="27">
        <v>4</v>
      </c>
      <c r="C118" s="28">
        <v>9</v>
      </c>
      <c r="D118" s="29">
        <v>13</v>
      </c>
    </row>
    <row r="119" spans="1:4" ht="18" customHeight="1" x14ac:dyDescent="0.2">
      <c r="A119" s="31">
        <v>94</v>
      </c>
      <c r="B119" s="27">
        <v>2</v>
      </c>
      <c r="C119" s="28">
        <v>10</v>
      </c>
      <c r="D119" s="29">
        <v>12</v>
      </c>
    </row>
    <row r="120" spans="1:4" ht="18" customHeight="1" x14ac:dyDescent="0.2">
      <c r="A120" s="31" t="s">
        <v>68</v>
      </c>
      <c r="B120" s="27">
        <v>22</v>
      </c>
      <c r="C120" s="28">
        <v>49</v>
      </c>
      <c r="D120" s="29">
        <v>71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3</v>
      </c>
      <c r="C122" s="28">
        <v>4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3</v>
      </c>
      <c r="C126" s="28">
        <v>16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16</v>
      </c>
      <c r="C130" s="5">
        <v>676</v>
      </c>
      <c r="D130" s="6">
        <v>1192</v>
      </c>
    </row>
    <row r="131" spans="1:4" ht="18" customHeight="1" x14ac:dyDescent="0.2">
      <c r="A131" s="33" t="s">
        <v>47</v>
      </c>
      <c r="B131" s="7">
        <v>1907</v>
      </c>
      <c r="C131" s="8">
        <v>2044</v>
      </c>
      <c r="D131" s="9">
        <v>39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8</v>
      </c>
      <c r="C5" s="12">
        <v>14</v>
      </c>
      <c r="D5" s="13">
        <v>22</v>
      </c>
    </row>
    <row r="6" spans="1:10" ht="18" customHeight="1" x14ac:dyDescent="0.2">
      <c r="A6" s="14">
        <v>1</v>
      </c>
      <c r="B6" s="15">
        <v>21</v>
      </c>
      <c r="C6" s="16">
        <v>14</v>
      </c>
      <c r="D6" s="17">
        <v>35</v>
      </c>
    </row>
    <row r="7" spans="1:10" ht="18" customHeight="1" x14ac:dyDescent="0.2">
      <c r="A7" s="14">
        <v>2</v>
      </c>
      <c r="B7" s="15">
        <v>10</v>
      </c>
      <c r="C7" s="16">
        <v>12</v>
      </c>
      <c r="D7" s="17">
        <v>22</v>
      </c>
    </row>
    <row r="8" spans="1:10" ht="18" customHeight="1" x14ac:dyDescent="0.2">
      <c r="A8" s="14">
        <v>3</v>
      </c>
      <c r="B8" s="15">
        <v>11</v>
      </c>
      <c r="C8" s="16">
        <v>20</v>
      </c>
      <c r="D8" s="17">
        <v>31</v>
      </c>
    </row>
    <row r="9" spans="1:10" ht="18" customHeight="1" x14ac:dyDescent="0.2">
      <c r="A9" s="14">
        <v>4</v>
      </c>
      <c r="B9" s="15">
        <v>15</v>
      </c>
      <c r="C9" s="16">
        <v>17</v>
      </c>
      <c r="D9" s="17">
        <v>32</v>
      </c>
    </row>
    <row r="10" spans="1:10" ht="18" customHeight="1" x14ac:dyDescent="0.2">
      <c r="A10" s="18" t="s">
        <v>48</v>
      </c>
      <c r="B10" s="15">
        <v>65</v>
      </c>
      <c r="C10" s="16">
        <v>77</v>
      </c>
      <c r="D10" s="17">
        <v>142</v>
      </c>
    </row>
    <row r="11" spans="1:10" ht="18" customHeight="1" x14ac:dyDescent="0.2">
      <c r="A11" s="14">
        <v>5</v>
      </c>
      <c r="B11" s="15">
        <v>19</v>
      </c>
      <c r="C11" s="16">
        <v>9</v>
      </c>
      <c r="D11" s="17">
        <v>28</v>
      </c>
    </row>
    <row r="12" spans="1:10" ht="18" customHeight="1" x14ac:dyDescent="0.2">
      <c r="A12" s="14">
        <v>6</v>
      </c>
      <c r="B12" s="15">
        <v>13</v>
      </c>
      <c r="C12" s="16">
        <v>9</v>
      </c>
      <c r="D12" s="17">
        <v>22</v>
      </c>
    </row>
    <row r="13" spans="1:10" ht="18" customHeight="1" x14ac:dyDescent="0.2">
      <c r="A13" s="14">
        <v>7</v>
      </c>
      <c r="B13" s="15">
        <v>18</v>
      </c>
      <c r="C13" s="16">
        <v>12</v>
      </c>
      <c r="D13" s="17">
        <v>30</v>
      </c>
    </row>
    <row r="14" spans="1:10" ht="18" customHeight="1" x14ac:dyDescent="0.2">
      <c r="A14" s="14">
        <v>8</v>
      </c>
      <c r="B14" s="15">
        <v>14</v>
      </c>
      <c r="C14" s="16">
        <v>14</v>
      </c>
      <c r="D14" s="17">
        <v>28</v>
      </c>
    </row>
    <row r="15" spans="1:10" ht="18" customHeight="1" x14ac:dyDescent="0.2">
      <c r="A15" s="14">
        <v>9</v>
      </c>
      <c r="B15" s="15">
        <v>21</v>
      </c>
      <c r="C15" s="16">
        <v>9</v>
      </c>
      <c r="D15" s="17">
        <v>30</v>
      </c>
    </row>
    <row r="16" spans="1:10" ht="18" customHeight="1" x14ac:dyDescent="0.2">
      <c r="A16" s="18" t="s">
        <v>49</v>
      </c>
      <c r="B16" s="15">
        <v>85</v>
      </c>
      <c r="C16" s="16">
        <v>53</v>
      </c>
      <c r="D16" s="17">
        <v>138</v>
      </c>
    </row>
    <row r="17" spans="1:4" ht="18" customHeight="1" x14ac:dyDescent="0.2">
      <c r="A17" s="14">
        <v>10</v>
      </c>
      <c r="B17" s="15">
        <v>25</v>
      </c>
      <c r="C17" s="16">
        <v>8</v>
      </c>
      <c r="D17" s="17">
        <v>33</v>
      </c>
    </row>
    <row r="18" spans="1:4" ht="18" customHeight="1" x14ac:dyDescent="0.2">
      <c r="A18" s="14">
        <v>11</v>
      </c>
      <c r="B18" s="15">
        <v>14</v>
      </c>
      <c r="C18" s="16">
        <v>14</v>
      </c>
      <c r="D18" s="17">
        <v>28</v>
      </c>
    </row>
    <row r="19" spans="1:4" ht="18" customHeight="1" x14ac:dyDescent="0.2">
      <c r="A19" s="14">
        <v>12</v>
      </c>
      <c r="B19" s="15">
        <v>15</v>
      </c>
      <c r="C19" s="16">
        <v>11</v>
      </c>
      <c r="D19" s="17">
        <v>26</v>
      </c>
    </row>
    <row r="20" spans="1:4" ht="18" customHeight="1" x14ac:dyDescent="0.2">
      <c r="A20" s="14">
        <v>13</v>
      </c>
      <c r="B20" s="15">
        <v>11</v>
      </c>
      <c r="C20" s="16">
        <v>6</v>
      </c>
      <c r="D20" s="17">
        <v>17</v>
      </c>
    </row>
    <row r="21" spans="1:4" ht="18" customHeight="1" x14ac:dyDescent="0.2">
      <c r="A21" s="14">
        <v>14</v>
      </c>
      <c r="B21" s="15">
        <v>17</v>
      </c>
      <c r="C21" s="16">
        <v>14</v>
      </c>
      <c r="D21" s="17">
        <v>31</v>
      </c>
    </row>
    <row r="22" spans="1:4" ht="18" customHeight="1" x14ac:dyDescent="0.2">
      <c r="A22" s="18" t="s">
        <v>50</v>
      </c>
      <c r="B22" s="15">
        <v>82</v>
      </c>
      <c r="C22" s="16">
        <v>53</v>
      </c>
      <c r="D22" s="17">
        <v>135</v>
      </c>
    </row>
    <row r="23" spans="1:4" ht="18" customHeight="1" x14ac:dyDescent="0.2">
      <c r="A23" s="18" t="s">
        <v>51</v>
      </c>
      <c r="B23" s="15">
        <v>232</v>
      </c>
      <c r="C23" s="16">
        <v>183</v>
      </c>
      <c r="D23" s="17">
        <v>415</v>
      </c>
    </row>
    <row r="24" spans="1:4" ht="18" customHeight="1" x14ac:dyDescent="0.2">
      <c r="A24" s="14">
        <v>15</v>
      </c>
      <c r="B24" s="15">
        <v>15</v>
      </c>
      <c r="C24" s="16">
        <v>15</v>
      </c>
      <c r="D24" s="17">
        <v>30</v>
      </c>
    </row>
    <row r="25" spans="1:4" ht="18" customHeight="1" x14ac:dyDescent="0.2">
      <c r="A25" s="14">
        <v>16</v>
      </c>
      <c r="B25" s="15">
        <v>14</v>
      </c>
      <c r="C25" s="16">
        <v>11</v>
      </c>
      <c r="D25" s="17">
        <v>25</v>
      </c>
    </row>
    <row r="26" spans="1:4" ht="18" customHeight="1" x14ac:dyDescent="0.2">
      <c r="A26" s="14">
        <v>17</v>
      </c>
      <c r="B26" s="15">
        <v>18</v>
      </c>
      <c r="C26" s="16">
        <v>17</v>
      </c>
      <c r="D26" s="17">
        <v>35</v>
      </c>
    </row>
    <row r="27" spans="1:4" ht="18" customHeight="1" x14ac:dyDescent="0.2">
      <c r="A27" s="14">
        <v>18</v>
      </c>
      <c r="B27" s="15">
        <v>13</v>
      </c>
      <c r="C27" s="16">
        <v>11</v>
      </c>
      <c r="D27" s="17">
        <v>24</v>
      </c>
    </row>
    <row r="28" spans="1:4" ht="18" customHeight="1" x14ac:dyDescent="0.2">
      <c r="A28" s="14">
        <v>19</v>
      </c>
      <c r="B28" s="15">
        <v>21</v>
      </c>
      <c r="C28" s="16">
        <v>16</v>
      </c>
      <c r="D28" s="17">
        <v>37</v>
      </c>
    </row>
    <row r="29" spans="1:4" ht="18" customHeight="1" x14ac:dyDescent="0.2">
      <c r="A29" s="18" t="s">
        <v>52</v>
      </c>
      <c r="B29" s="15">
        <v>81</v>
      </c>
      <c r="C29" s="16">
        <v>70</v>
      </c>
      <c r="D29" s="17">
        <v>151</v>
      </c>
    </row>
    <row r="30" spans="1:4" ht="18" customHeight="1" x14ac:dyDescent="0.2">
      <c r="A30" s="14">
        <v>20</v>
      </c>
      <c r="B30" s="15">
        <v>6</v>
      </c>
      <c r="C30" s="16">
        <v>23</v>
      </c>
      <c r="D30" s="17">
        <v>29</v>
      </c>
    </row>
    <row r="31" spans="1:4" ht="18" customHeight="1" x14ac:dyDescent="0.2">
      <c r="A31" s="14">
        <v>21</v>
      </c>
      <c r="B31" s="15">
        <v>19</v>
      </c>
      <c r="C31" s="16">
        <v>16</v>
      </c>
      <c r="D31" s="17">
        <v>35</v>
      </c>
    </row>
    <row r="32" spans="1:4" ht="18" customHeight="1" x14ac:dyDescent="0.2">
      <c r="A32" s="14">
        <v>22</v>
      </c>
      <c r="B32" s="15">
        <v>12</v>
      </c>
      <c r="C32" s="16">
        <v>22</v>
      </c>
      <c r="D32" s="17">
        <v>34</v>
      </c>
    </row>
    <row r="33" spans="1:4" ht="18" customHeight="1" x14ac:dyDescent="0.2">
      <c r="A33" s="14">
        <v>23</v>
      </c>
      <c r="B33" s="15">
        <v>23</v>
      </c>
      <c r="C33" s="16">
        <v>19</v>
      </c>
      <c r="D33" s="17">
        <v>42</v>
      </c>
    </row>
    <row r="34" spans="1:4" ht="18" customHeight="1" x14ac:dyDescent="0.2">
      <c r="A34" s="14">
        <v>24</v>
      </c>
      <c r="B34" s="15">
        <v>18</v>
      </c>
      <c r="C34" s="16">
        <v>13</v>
      </c>
      <c r="D34" s="17">
        <v>31</v>
      </c>
    </row>
    <row r="35" spans="1:4" ht="18" customHeight="1" x14ac:dyDescent="0.2">
      <c r="A35" s="18" t="s">
        <v>53</v>
      </c>
      <c r="B35" s="15">
        <v>78</v>
      </c>
      <c r="C35" s="16">
        <v>93</v>
      </c>
      <c r="D35" s="17">
        <v>171</v>
      </c>
    </row>
    <row r="36" spans="1:4" ht="18" customHeight="1" x14ac:dyDescent="0.2">
      <c r="A36" s="14">
        <v>25</v>
      </c>
      <c r="B36" s="15">
        <v>19</v>
      </c>
      <c r="C36" s="16">
        <v>10</v>
      </c>
      <c r="D36" s="17">
        <v>29</v>
      </c>
    </row>
    <row r="37" spans="1:4" ht="18" customHeight="1" x14ac:dyDescent="0.2">
      <c r="A37" s="14">
        <v>26</v>
      </c>
      <c r="B37" s="15">
        <v>17</v>
      </c>
      <c r="C37" s="16">
        <v>16</v>
      </c>
      <c r="D37" s="17">
        <v>33</v>
      </c>
    </row>
    <row r="38" spans="1:4" ht="18" customHeight="1" x14ac:dyDescent="0.2">
      <c r="A38" s="14">
        <v>27</v>
      </c>
      <c r="B38" s="15">
        <v>17</v>
      </c>
      <c r="C38" s="16">
        <v>18</v>
      </c>
      <c r="D38" s="17">
        <v>35</v>
      </c>
    </row>
    <row r="39" spans="1:4" ht="18" customHeight="1" x14ac:dyDescent="0.2">
      <c r="A39" s="14">
        <v>28</v>
      </c>
      <c r="B39" s="15">
        <v>14</v>
      </c>
      <c r="C39" s="16">
        <v>10</v>
      </c>
      <c r="D39" s="17">
        <v>24</v>
      </c>
    </row>
    <row r="40" spans="1:4" ht="18" customHeight="1" x14ac:dyDescent="0.2">
      <c r="A40" s="14">
        <v>29</v>
      </c>
      <c r="B40" s="15">
        <v>20</v>
      </c>
      <c r="C40" s="16">
        <v>13</v>
      </c>
      <c r="D40" s="17">
        <v>33</v>
      </c>
    </row>
    <row r="41" spans="1:4" ht="18" customHeight="1" x14ac:dyDescent="0.2">
      <c r="A41" s="18" t="s">
        <v>54</v>
      </c>
      <c r="B41" s="15">
        <v>87</v>
      </c>
      <c r="C41" s="16">
        <v>67</v>
      </c>
      <c r="D41" s="17">
        <v>154</v>
      </c>
    </row>
    <row r="42" spans="1:4" ht="18" customHeight="1" x14ac:dyDescent="0.2">
      <c r="A42" s="14">
        <v>30</v>
      </c>
      <c r="B42" s="15">
        <v>23</v>
      </c>
      <c r="C42" s="16">
        <v>28</v>
      </c>
      <c r="D42" s="17">
        <v>51</v>
      </c>
    </row>
    <row r="43" spans="1:4" ht="18" customHeight="1" x14ac:dyDescent="0.2">
      <c r="A43" s="14">
        <v>31</v>
      </c>
      <c r="B43" s="15">
        <v>27</v>
      </c>
      <c r="C43" s="16">
        <v>13</v>
      </c>
      <c r="D43" s="17">
        <v>40</v>
      </c>
    </row>
    <row r="44" spans="1:4" ht="18" customHeight="1" x14ac:dyDescent="0.2">
      <c r="A44" s="14">
        <v>32</v>
      </c>
      <c r="B44" s="15">
        <v>31</v>
      </c>
      <c r="C44" s="16">
        <v>16</v>
      </c>
      <c r="D44" s="17">
        <v>47</v>
      </c>
    </row>
    <row r="45" spans="1:4" ht="18" customHeight="1" x14ac:dyDescent="0.2">
      <c r="A45" s="14">
        <v>33</v>
      </c>
      <c r="B45" s="15">
        <v>25</v>
      </c>
      <c r="C45" s="16">
        <v>19</v>
      </c>
      <c r="D45" s="17">
        <v>44</v>
      </c>
    </row>
    <row r="46" spans="1:4" ht="18" customHeight="1" x14ac:dyDescent="0.2">
      <c r="A46" s="14">
        <v>34</v>
      </c>
      <c r="B46" s="15">
        <v>19</v>
      </c>
      <c r="C46" s="16">
        <v>28</v>
      </c>
      <c r="D46" s="17">
        <v>47</v>
      </c>
    </row>
    <row r="47" spans="1:4" ht="18" customHeight="1" x14ac:dyDescent="0.2">
      <c r="A47" s="18" t="s">
        <v>55</v>
      </c>
      <c r="B47" s="15">
        <v>125</v>
      </c>
      <c r="C47" s="16">
        <v>104</v>
      </c>
      <c r="D47" s="17">
        <v>229</v>
      </c>
    </row>
    <row r="48" spans="1:4" ht="18" customHeight="1" x14ac:dyDescent="0.2">
      <c r="A48" s="14">
        <v>35</v>
      </c>
      <c r="B48" s="15">
        <v>26</v>
      </c>
      <c r="C48" s="16">
        <v>12</v>
      </c>
      <c r="D48" s="17">
        <v>38</v>
      </c>
    </row>
    <row r="49" spans="1:4" ht="18" customHeight="1" x14ac:dyDescent="0.2">
      <c r="A49" s="14">
        <v>36</v>
      </c>
      <c r="B49" s="15">
        <v>35</v>
      </c>
      <c r="C49" s="16">
        <v>27</v>
      </c>
      <c r="D49" s="17">
        <v>62</v>
      </c>
    </row>
    <row r="50" spans="1:4" ht="18" customHeight="1" x14ac:dyDescent="0.2">
      <c r="A50" s="14">
        <v>37</v>
      </c>
      <c r="B50" s="15">
        <v>15</v>
      </c>
      <c r="C50" s="16">
        <v>20</v>
      </c>
      <c r="D50" s="17">
        <v>35</v>
      </c>
    </row>
    <row r="51" spans="1:4" ht="18" customHeight="1" x14ac:dyDescent="0.2">
      <c r="A51" s="14">
        <v>38</v>
      </c>
      <c r="B51" s="15">
        <v>23</v>
      </c>
      <c r="C51" s="16">
        <v>19</v>
      </c>
      <c r="D51" s="17">
        <v>42</v>
      </c>
    </row>
    <row r="52" spans="1:4" ht="18" customHeight="1" x14ac:dyDescent="0.2">
      <c r="A52" s="14">
        <v>39</v>
      </c>
      <c r="B52" s="15">
        <v>24</v>
      </c>
      <c r="C52" s="16">
        <v>24</v>
      </c>
      <c r="D52" s="17">
        <v>48</v>
      </c>
    </row>
    <row r="53" spans="1:4" ht="18" customHeight="1" x14ac:dyDescent="0.2">
      <c r="A53" s="18" t="s">
        <v>56</v>
      </c>
      <c r="B53" s="15">
        <v>123</v>
      </c>
      <c r="C53" s="16">
        <v>102</v>
      </c>
      <c r="D53" s="17">
        <v>225</v>
      </c>
    </row>
    <row r="54" spans="1:4" ht="18" customHeight="1" x14ac:dyDescent="0.2">
      <c r="A54" s="14">
        <v>40</v>
      </c>
      <c r="B54" s="15">
        <v>24</v>
      </c>
      <c r="C54" s="16">
        <v>19</v>
      </c>
      <c r="D54" s="17">
        <v>43</v>
      </c>
    </row>
    <row r="55" spans="1:4" ht="18" customHeight="1" x14ac:dyDescent="0.2">
      <c r="A55" s="14">
        <v>41</v>
      </c>
      <c r="B55" s="15">
        <v>25</v>
      </c>
      <c r="C55" s="16">
        <v>28</v>
      </c>
      <c r="D55" s="17">
        <v>53</v>
      </c>
    </row>
    <row r="56" spans="1:4" ht="18" customHeight="1" x14ac:dyDescent="0.2">
      <c r="A56" s="14">
        <v>42</v>
      </c>
      <c r="B56" s="15">
        <v>26</v>
      </c>
      <c r="C56" s="16">
        <v>29</v>
      </c>
      <c r="D56" s="17">
        <v>55</v>
      </c>
    </row>
    <row r="57" spans="1:4" ht="18" customHeight="1" x14ac:dyDescent="0.2">
      <c r="A57" s="14">
        <v>43</v>
      </c>
      <c r="B57" s="15">
        <v>35</v>
      </c>
      <c r="C57" s="16">
        <v>26</v>
      </c>
      <c r="D57" s="17">
        <v>61</v>
      </c>
    </row>
    <row r="58" spans="1:4" ht="18" customHeight="1" x14ac:dyDescent="0.2">
      <c r="A58" s="14">
        <v>44</v>
      </c>
      <c r="B58" s="15">
        <v>33</v>
      </c>
      <c r="C58" s="16">
        <v>37</v>
      </c>
      <c r="D58" s="17">
        <v>70</v>
      </c>
    </row>
    <row r="59" spans="1:4" ht="18" customHeight="1" x14ac:dyDescent="0.2">
      <c r="A59" s="18" t="s">
        <v>57</v>
      </c>
      <c r="B59" s="15">
        <v>143</v>
      </c>
      <c r="C59" s="16">
        <v>139</v>
      </c>
      <c r="D59" s="17">
        <v>282</v>
      </c>
    </row>
    <row r="60" spans="1:4" ht="18" customHeight="1" x14ac:dyDescent="0.2">
      <c r="A60" s="14">
        <v>45</v>
      </c>
      <c r="B60" s="15">
        <v>32</v>
      </c>
      <c r="C60" s="16">
        <v>34</v>
      </c>
      <c r="D60" s="17">
        <v>66</v>
      </c>
    </row>
    <row r="61" spans="1:4" ht="18" customHeight="1" x14ac:dyDescent="0.2">
      <c r="A61" s="14">
        <v>46</v>
      </c>
      <c r="B61" s="15">
        <v>25</v>
      </c>
      <c r="C61" s="16">
        <v>28</v>
      </c>
      <c r="D61" s="17">
        <v>53</v>
      </c>
    </row>
    <row r="62" spans="1:4" ht="18" customHeight="1" x14ac:dyDescent="0.2">
      <c r="A62" s="14">
        <v>47</v>
      </c>
      <c r="B62" s="15">
        <v>22</v>
      </c>
      <c r="C62" s="16">
        <v>30</v>
      </c>
      <c r="D62" s="17">
        <v>52</v>
      </c>
    </row>
    <row r="63" spans="1:4" ht="18" customHeight="1" x14ac:dyDescent="0.2">
      <c r="A63" s="14">
        <v>48</v>
      </c>
      <c r="B63" s="15">
        <v>24</v>
      </c>
      <c r="C63" s="16">
        <v>30</v>
      </c>
      <c r="D63" s="17">
        <v>54</v>
      </c>
    </row>
    <row r="64" spans="1:4" ht="18" customHeight="1" x14ac:dyDescent="0.2">
      <c r="A64" s="14">
        <v>49</v>
      </c>
      <c r="B64" s="15">
        <v>25</v>
      </c>
      <c r="C64" s="16">
        <v>30</v>
      </c>
      <c r="D64" s="17">
        <v>55</v>
      </c>
    </row>
    <row r="65" spans="1:4" ht="18" customHeight="1" x14ac:dyDescent="0.2">
      <c r="A65" s="18" t="s">
        <v>58</v>
      </c>
      <c r="B65" s="15">
        <v>128</v>
      </c>
      <c r="C65" s="16">
        <v>152</v>
      </c>
      <c r="D65" s="17">
        <v>280</v>
      </c>
    </row>
    <row r="66" spans="1:4" ht="18" customHeight="1" x14ac:dyDescent="0.2">
      <c r="A66" s="14">
        <v>50</v>
      </c>
      <c r="B66" s="15">
        <v>34</v>
      </c>
      <c r="C66" s="16">
        <v>27</v>
      </c>
      <c r="D66" s="17">
        <v>61</v>
      </c>
    </row>
    <row r="67" spans="1:4" ht="18" customHeight="1" x14ac:dyDescent="0.2">
      <c r="A67" s="14">
        <v>51</v>
      </c>
      <c r="B67" s="15">
        <v>35</v>
      </c>
      <c r="C67" s="16">
        <v>21</v>
      </c>
      <c r="D67" s="17">
        <v>56</v>
      </c>
    </row>
    <row r="68" spans="1:4" ht="18" customHeight="1" x14ac:dyDescent="0.2">
      <c r="A68" s="14">
        <v>52</v>
      </c>
      <c r="B68" s="15">
        <v>27</v>
      </c>
      <c r="C68" s="16">
        <v>26</v>
      </c>
      <c r="D68" s="17">
        <v>53</v>
      </c>
    </row>
    <row r="69" spans="1:4" ht="18" customHeight="1" x14ac:dyDescent="0.2">
      <c r="A69" s="14">
        <v>53</v>
      </c>
      <c r="B69" s="15">
        <v>27</v>
      </c>
      <c r="C69" s="16">
        <v>37</v>
      </c>
      <c r="D69" s="17">
        <v>64</v>
      </c>
    </row>
    <row r="70" spans="1:4" ht="18" customHeight="1" x14ac:dyDescent="0.2">
      <c r="A70" s="14">
        <v>54</v>
      </c>
      <c r="B70" s="15">
        <v>22</v>
      </c>
      <c r="C70" s="16">
        <v>15</v>
      </c>
      <c r="D70" s="17">
        <v>37</v>
      </c>
    </row>
    <row r="71" spans="1:4" ht="18" customHeight="1" x14ac:dyDescent="0.2">
      <c r="A71" s="18" t="s">
        <v>59</v>
      </c>
      <c r="B71" s="15">
        <v>145</v>
      </c>
      <c r="C71" s="16">
        <v>126</v>
      </c>
      <c r="D71" s="17">
        <v>271</v>
      </c>
    </row>
    <row r="72" spans="1:4" ht="18" customHeight="1" x14ac:dyDescent="0.2">
      <c r="A72" s="14">
        <v>55</v>
      </c>
      <c r="B72" s="15">
        <v>34</v>
      </c>
      <c r="C72" s="16">
        <v>23</v>
      </c>
      <c r="D72" s="17">
        <v>57</v>
      </c>
    </row>
    <row r="73" spans="1:4" ht="18" customHeight="1" x14ac:dyDescent="0.2">
      <c r="A73" s="14">
        <v>56</v>
      </c>
      <c r="B73" s="15">
        <v>28</v>
      </c>
      <c r="C73" s="16">
        <v>12</v>
      </c>
      <c r="D73" s="17">
        <v>40</v>
      </c>
    </row>
    <row r="74" spans="1:4" ht="18" customHeight="1" x14ac:dyDescent="0.2">
      <c r="A74" s="14">
        <v>57</v>
      </c>
      <c r="B74" s="15">
        <v>22</v>
      </c>
      <c r="C74" s="16">
        <v>39</v>
      </c>
      <c r="D74" s="17">
        <v>61</v>
      </c>
    </row>
    <row r="75" spans="1:4" ht="18" customHeight="1" x14ac:dyDescent="0.2">
      <c r="A75" s="14">
        <v>58</v>
      </c>
      <c r="B75" s="15">
        <v>32</v>
      </c>
      <c r="C75" s="16">
        <v>26</v>
      </c>
      <c r="D75" s="17">
        <v>58</v>
      </c>
    </row>
    <row r="76" spans="1:4" ht="18" customHeight="1" x14ac:dyDescent="0.2">
      <c r="A76" s="14">
        <v>59</v>
      </c>
      <c r="B76" s="15">
        <v>25</v>
      </c>
      <c r="C76" s="16">
        <v>27</v>
      </c>
      <c r="D76" s="17">
        <v>52</v>
      </c>
    </row>
    <row r="77" spans="1:4" ht="18" customHeight="1" x14ac:dyDescent="0.2">
      <c r="A77" s="18" t="s">
        <v>60</v>
      </c>
      <c r="B77" s="15">
        <v>141</v>
      </c>
      <c r="C77" s="16">
        <v>127</v>
      </c>
      <c r="D77" s="17">
        <v>268</v>
      </c>
    </row>
    <row r="78" spans="1:4" ht="18" customHeight="1" x14ac:dyDescent="0.2">
      <c r="A78" s="14">
        <v>60</v>
      </c>
      <c r="B78" s="15">
        <v>28</v>
      </c>
      <c r="C78" s="16">
        <v>17</v>
      </c>
      <c r="D78" s="17">
        <v>45</v>
      </c>
    </row>
    <row r="79" spans="1:4" ht="18" customHeight="1" x14ac:dyDescent="0.2">
      <c r="A79" s="14">
        <v>61</v>
      </c>
      <c r="B79" s="15">
        <v>31</v>
      </c>
      <c r="C79" s="16">
        <v>27</v>
      </c>
      <c r="D79" s="17">
        <v>58</v>
      </c>
    </row>
    <row r="80" spans="1:4" ht="18" customHeight="1" x14ac:dyDescent="0.2">
      <c r="A80" s="14">
        <v>62</v>
      </c>
      <c r="B80" s="15">
        <v>24</v>
      </c>
      <c r="C80" s="16">
        <v>41</v>
      </c>
      <c r="D80" s="17">
        <v>65</v>
      </c>
    </row>
    <row r="81" spans="1:4" ht="18" customHeight="1" x14ac:dyDescent="0.2">
      <c r="A81" s="14">
        <v>63</v>
      </c>
      <c r="B81" s="15">
        <v>27</v>
      </c>
      <c r="C81" s="16">
        <v>26</v>
      </c>
      <c r="D81" s="17">
        <v>53</v>
      </c>
    </row>
    <row r="82" spans="1:4" ht="18" customHeight="1" x14ac:dyDescent="0.2">
      <c r="A82" s="14">
        <v>64</v>
      </c>
      <c r="B82" s="15">
        <v>35</v>
      </c>
      <c r="C82" s="16">
        <v>29</v>
      </c>
      <c r="D82" s="17">
        <v>64</v>
      </c>
    </row>
    <row r="83" spans="1:4" ht="18" customHeight="1" x14ac:dyDescent="0.2">
      <c r="A83" s="18" t="s">
        <v>61</v>
      </c>
      <c r="B83" s="15">
        <v>145</v>
      </c>
      <c r="C83" s="16">
        <v>140</v>
      </c>
      <c r="D83" s="17">
        <v>285</v>
      </c>
    </row>
    <row r="84" spans="1:4" ht="18" customHeight="1" x14ac:dyDescent="0.2">
      <c r="A84" s="18" t="s">
        <v>62</v>
      </c>
      <c r="B84" s="15">
        <v>1196</v>
      </c>
      <c r="C84" s="16">
        <v>1120</v>
      </c>
      <c r="D84" s="17">
        <v>2316</v>
      </c>
    </row>
    <row r="85" spans="1:4" ht="18" customHeight="1" x14ac:dyDescent="0.2">
      <c r="A85" s="14">
        <v>65</v>
      </c>
      <c r="B85" s="15">
        <v>32</v>
      </c>
      <c r="C85" s="16">
        <v>28</v>
      </c>
      <c r="D85" s="17">
        <v>60</v>
      </c>
    </row>
    <row r="86" spans="1:4" ht="18" customHeight="1" x14ac:dyDescent="0.2">
      <c r="A86" s="14">
        <v>66</v>
      </c>
      <c r="B86" s="15">
        <v>33</v>
      </c>
      <c r="C86" s="16">
        <v>29</v>
      </c>
      <c r="D86" s="17">
        <v>62</v>
      </c>
    </row>
    <row r="87" spans="1:4" ht="18" customHeight="1" x14ac:dyDescent="0.2">
      <c r="A87" s="14">
        <v>67</v>
      </c>
      <c r="B87" s="15">
        <v>29</v>
      </c>
      <c r="C87" s="16">
        <v>30</v>
      </c>
      <c r="D87" s="17">
        <v>59</v>
      </c>
    </row>
    <row r="88" spans="1:4" ht="18" customHeight="1" x14ac:dyDescent="0.2">
      <c r="A88" s="14">
        <v>68</v>
      </c>
      <c r="B88" s="15">
        <v>44</v>
      </c>
      <c r="C88" s="16">
        <v>34</v>
      </c>
      <c r="D88" s="17">
        <v>78</v>
      </c>
    </row>
    <row r="89" spans="1:4" ht="18" customHeight="1" x14ac:dyDescent="0.2">
      <c r="A89" s="14">
        <v>69</v>
      </c>
      <c r="B89" s="15">
        <v>34</v>
      </c>
      <c r="C89" s="16">
        <v>44</v>
      </c>
      <c r="D89" s="17">
        <v>78</v>
      </c>
    </row>
    <row r="90" spans="1:4" ht="18" customHeight="1" x14ac:dyDescent="0.2">
      <c r="A90" s="18" t="s">
        <v>63</v>
      </c>
      <c r="B90" s="15">
        <v>172</v>
      </c>
      <c r="C90" s="16">
        <v>165</v>
      </c>
      <c r="D90" s="17">
        <v>337</v>
      </c>
    </row>
    <row r="91" spans="1:4" ht="18" customHeight="1" x14ac:dyDescent="0.2">
      <c r="A91" s="14">
        <v>70</v>
      </c>
      <c r="B91" s="15">
        <v>44</v>
      </c>
      <c r="C91" s="16">
        <v>44</v>
      </c>
      <c r="D91" s="17">
        <v>88</v>
      </c>
    </row>
    <row r="92" spans="1:4" ht="18" customHeight="1" x14ac:dyDescent="0.2">
      <c r="A92" s="14">
        <v>71</v>
      </c>
      <c r="B92" s="15">
        <v>34</v>
      </c>
      <c r="C92" s="16">
        <v>39</v>
      </c>
      <c r="D92" s="17">
        <v>73</v>
      </c>
    </row>
    <row r="93" spans="1:4" ht="18" customHeight="1" x14ac:dyDescent="0.2">
      <c r="A93" s="14">
        <v>72</v>
      </c>
      <c r="B93" s="15">
        <v>28</v>
      </c>
      <c r="C93" s="16">
        <v>29</v>
      </c>
      <c r="D93" s="17">
        <v>57</v>
      </c>
    </row>
    <row r="94" spans="1:4" ht="18" customHeight="1" x14ac:dyDescent="0.2">
      <c r="A94" s="14">
        <v>73</v>
      </c>
      <c r="B94" s="15">
        <v>20</v>
      </c>
      <c r="C94" s="16">
        <v>22</v>
      </c>
      <c r="D94" s="17">
        <v>42</v>
      </c>
    </row>
    <row r="95" spans="1:4" ht="18" customHeight="1" x14ac:dyDescent="0.2">
      <c r="A95" s="14">
        <v>74</v>
      </c>
      <c r="B95" s="15">
        <v>24</v>
      </c>
      <c r="C95" s="16">
        <v>28</v>
      </c>
      <c r="D95" s="17">
        <v>52</v>
      </c>
    </row>
    <row r="96" spans="1:4" ht="18" customHeight="1" x14ac:dyDescent="0.2">
      <c r="A96" s="18" t="s">
        <v>64</v>
      </c>
      <c r="B96" s="15">
        <v>150</v>
      </c>
      <c r="C96" s="16">
        <v>162</v>
      </c>
      <c r="D96" s="17">
        <v>312</v>
      </c>
    </row>
    <row r="97" spans="1:4" ht="18" customHeight="1" x14ac:dyDescent="0.2">
      <c r="A97" s="14">
        <v>75</v>
      </c>
      <c r="B97" s="15">
        <v>29</v>
      </c>
      <c r="C97" s="16">
        <v>39</v>
      </c>
      <c r="D97" s="17">
        <v>68</v>
      </c>
    </row>
    <row r="98" spans="1:4" ht="18" customHeight="1" x14ac:dyDescent="0.2">
      <c r="A98" s="14">
        <v>76</v>
      </c>
      <c r="B98" s="15">
        <v>24</v>
      </c>
      <c r="C98" s="16">
        <v>37</v>
      </c>
      <c r="D98" s="17">
        <v>61</v>
      </c>
    </row>
    <row r="99" spans="1:4" ht="18" customHeight="1" x14ac:dyDescent="0.2">
      <c r="A99" s="14">
        <v>77</v>
      </c>
      <c r="B99" s="15">
        <v>19</v>
      </c>
      <c r="C99" s="16">
        <v>35</v>
      </c>
      <c r="D99" s="17">
        <v>54</v>
      </c>
    </row>
    <row r="100" spans="1:4" ht="18" customHeight="1" x14ac:dyDescent="0.2">
      <c r="A100" s="14">
        <v>78</v>
      </c>
      <c r="B100" s="15">
        <v>16</v>
      </c>
      <c r="C100" s="16">
        <v>24</v>
      </c>
      <c r="D100" s="17">
        <v>40</v>
      </c>
    </row>
    <row r="101" spans="1:4" ht="18" customHeight="1" x14ac:dyDescent="0.2">
      <c r="A101" s="14">
        <v>79</v>
      </c>
      <c r="B101" s="15">
        <v>21</v>
      </c>
      <c r="C101" s="16">
        <v>33</v>
      </c>
      <c r="D101" s="17">
        <v>54</v>
      </c>
    </row>
    <row r="102" spans="1:4" ht="18" customHeight="1" x14ac:dyDescent="0.2">
      <c r="A102" s="18" t="s">
        <v>65</v>
      </c>
      <c r="B102" s="15">
        <v>109</v>
      </c>
      <c r="C102" s="16">
        <v>168</v>
      </c>
      <c r="D102" s="17">
        <v>277</v>
      </c>
    </row>
    <row r="103" spans="1:4" ht="18" customHeight="1" x14ac:dyDescent="0.2">
      <c r="A103" s="14">
        <v>80</v>
      </c>
      <c r="B103" s="15">
        <v>15</v>
      </c>
      <c r="C103" s="16">
        <v>29</v>
      </c>
      <c r="D103" s="17">
        <v>44</v>
      </c>
    </row>
    <row r="104" spans="1:4" ht="18" customHeight="1" x14ac:dyDescent="0.2">
      <c r="A104" s="14">
        <v>81</v>
      </c>
      <c r="B104" s="15">
        <v>28</v>
      </c>
      <c r="C104" s="16">
        <v>35</v>
      </c>
      <c r="D104" s="17">
        <v>63</v>
      </c>
    </row>
    <row r="105" spans="1:4" ht="18" customHeight="1" x14ac:dyDescent="0.2">
      <c r="A105" s="14">
        <v>82</v>
      </c>
      <c r="B105" s="15">
        <v>20</v>
      </c>
      <c r="C105" s="16">
        <v>33</v>
      </c>
      <c r="D105" s="17">
        <v>53</v>
      </c>
    </row>
    <row r="106" spans="1:4" ht="18" customHeight="1" x14ac:dyDescent="0.2">
      <c r="A106" s="14">
        <v>83</v>
      </c>
      <c r="B106" s="15">
        <v>26</v>
      </c>
      <c r="C106" s="16">
        <v>30</v>
      </c>
      <c r="D106" s="17">
        <v>56</v>
      </c>
    </row>
    <row r="107" spans="1:4" ht="18" customHeight="1" x14ac:dyDescent="0.2">
      <c r="A107" s="14">
        <v>84</v>
      </c>
      <c r="B107" s="15">
        <v>25</v>
      </c>
      <c r="C107" s="16">
        <v>36</v>
      </c>
      <c r="D107" s="17">
        <v>61</v>
      </c>
    </row>
    <row r="108" spans="1:4" ht="18" customHeight="1" x14ac:dyDescent="0.2">
      <c r="A108" s="18" t="s">
        <v>66</v>
      </c>
      <c r="B108" s="15">
        <v>114</v>
      </c>
      <c r="C108" s="16">
        <v>163</v>
      </c>
      <c r="D108" s="17">
        <v>277</v>
      </c>
    </row>
    <row r="109" spans="1:4" ht="18" customHeight="1" x14ac:dyDescent="0.2">
      <c r="A109" s="14">
        <v>85</v>
      </c>
      <c r="B109" s="15">
        <v>16</v>
      </c>
      <c r="C109" s="16">
        <v>26</v>
      </c>
      <c r="D109" s="17">
        <v>42</v>
      </c>
    </row>
    <row r="110" spans="1:4" ht="18" customHeight="1" x14ac:dyDescent="0.2">
      <c r="A110" s="14">
        <v>86</v>
      </c>
      <c r="B110" s="15">
        <v>18</v>
      </c>
      <c r="C110" s="16">
        <v>25</v>
      </c>
      <c r="D110" s="17">
        <v>43</v>
      </c>
    </row>
    <row r="111" spans="1:4" ht="18" customHeight="1" x14ac:dyDescent="0.2">
      <c r="A111" s="14">
        <v>87</v>
      </c>
      <c r="B111" s="15">
        <v>18</v>
      </c>
      <c r="C111" s="16">
        <v>28</v>
      </c>
      <c r="D111" s="17">
        <v>46</v>
      </c>
    </row>
    <row r="112" spans="1:4" ht="18" customHeight="1" x14ac:dyDescent="0.2">
      <c r="A112" s="14">
        <v>88</v>
      </c>
      <c r="B112" s="15">
        <v>7</v>
      </c>
      <c r="C112" s="16">
        <v>24</v>
      </c>
      <c r="D112" s="17">
        <v>31</v>
      </c>
    </row>
    <row r="113" spans="1:4" ht="18" customHeight="1" x14ac:dyDescent="0.2">
      <c r="A113" s="14">
        <v>89</v>
      </c>
      <c r="B113" s="15">
        <v>11</v>
      </c>
      <c r="C113" s="16">
        <v>22</v>
      </c>
      <c r="D113" s="17">
        <v>33</v>
      </c>
    </row>
    <row r="114" spans="1:4" ht="18" customHeight="1" x14ac:dyDescent="0.2">
      <c r="A114" s="18" t="s">
        <v>67</v>
      </c>
      <c r="B114" s="15">
        <v>70</v>
      </c>
      <c r="C114" s="16">
        <v>125</v>
      </c>
      <c r="D114" s="17">
        <v>195</v>
      </c>
    </row>
    <row r="115" spans="1:4" ht="18" customHeight="1" x14ac:dyDescent="0.2">
      <c r="A115" s="14">
        <v>90</v>
      </c>
      <c r="B115" s="15">
        <v>10</v>
      </c>
      <c r="C115" s="16">
        <v>20</v>
      </c>
      <c r="D115" s="17">
        <v>30</v>
      </c>
    </row>
    <row r="116" spans="1:4" ht="18" customHeight="1" x14ac:dyDescent="0.2">
      <c r="A116" s="14">
        <v>91</v>
      </c>
      <c r="B116" s="15">
        <v>6</v>
      </c>
      <c r="C116" s="16">
        <v>18</v>
      </c>
      <c r="D116" s="17">
        <v>24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14</v>
      </c>
      <c r="D118" s="17">
        <v>17</v>
      </c>
    </row>
    <row r="119" spans="1:4" ht="18" customHeight="1" x14ac:dyDescent="0.2">
      <c r="A119" s="14">
        <v>94</v>
      </c>
      <c r="B119" s="15">
        <v>4</v>
      </c>
      <c r="C119" s="16">
        <v>7</v>
      </c>
      <c r="D119" s="17">
        <v>11</v>
      </c>
    </row>
    <row r="120" spans="1:4" ht="18" customHeight="1" x14ac:dyDescent="0.2">
      <c r="A120" s="18" t="s">
        <v>68</v>
      </c>
      <c r="B120" s="15">
        <v>26</v>
      </c>
      <c r="C120" s="16">
        <v>70</v>
      </c>
      <c r="D120" s="17">
        <v>96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21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44</v>
      </c>
      <c r="C130" s="5">
        <v>879</v>
      </c>
      <c r="D130" s="6">
        <v>1523</v>
      </c>
    </row>
    <row r="131" spans="1:4" ht="18" customHeight="1" x14ac:dyDescent="0.2">
      <c r="A131" s="20" t="s">
        <v>47</v>
      </c>
      <c r="B131" s="7">
        <v>2072</v>
      </c>
      <c r="C131" s="8">
        <v>2182</v>
      </c>
      <c r="D131" s="9">
        <v>425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4</v>
      </c>
      <c r="D5" s="39">
        <v>7</v>
      </c>
    </row>
    <row r="6" spans="1:10" ht="18" customHeight="1" x14ac:dyDescent="0.2">
      <c r="A6" s="31">
        <v>1</v>
      </c>
      <c r="B6" s="35">
        <v>5</v>
      </c>
      <c r="C6" s="28">
        <v>1</v>
      </c>
      <c r="D6" s="29">
        <v>6</v>
      </c>
    </row>
    <row r="7" spans="1:10" ht="18" customHeight="1" x14ac:dyDescent="0.2">
      <c r="A7" s="31">
        <v>2</v>
      </c>
      <c r="B7" s="35">
        <v>4</v>
      </c>
      <c r="C7" s="28">
        <v>5</v>
      </c>
      <c r="D7" s="29">
        <v>9</v>
      </c>
    </row>
    <row r="8" spans="1:10" ht="18" customHeight="1" x14ac:dyDescent="0.2">
      <c r="A8" s="31">
        <v>3</v>
      </c>
      <c r="B8" s="35">
        <v>2</v>
      </c>
      <c r="C8" s="28">
        <v>6</v>
      </c>
      <c r="D8" s="29">
        <v>8</v>
      </c>
    </row>
    <row r="9" spans="1:10" ht="18" customHeight="1" x14ac:dyDescent="0.2">
      <c r="A9" s="31">
        <v>4</v>
      </c>
      <c r="B9" s="36">
        <v>7</v>
      </c>
      <c r="C9" s="38">
        <v>9</v>
      </c>
      <c r="D9" s="40">
        <v>16</v>
      </c>
    </row>
    <row r="10" spans="1:10" ht="18" customHeight="1" x14ac:dyDescent="0.2">
      <c r="A10" s="31" t="s">
        <v>48</v>
      </c>
      <c r="B10" s="27">
        <v>21</v>
      </c>
      <c r="C10" s="28">
        <v>25</v>
      </c>
      <c r="D10" s="29">
        <v>46</v>
      </c>
    </row>
    <row r="11" spans="1:10" ht="18" customHeight="1" x14ac:dyDescent="0.2">
      <c r="A11" s="31">
        <v>5</v>
      </c>
      <c r="B11" s="35">
        <v>3</v>
      </c>
      <c r="C11" s="28">
        <v>3</v>
      </c>
      <c r="D11" s="29">
        <v>6</v>
      </c>
    </row>
    <row r="12" spans="1:10" ht="18" customHeight="1" x14ac:dyDescent="0.2">
      <c r="A12" s="31">
        <v>6</v>
      </c>
      <c r="B12" s="35">
        <v>8</v>
      </c>
      <c r="C12" s="28">
        <v>8</v>
      </c>
      <c r="D12" s="29">
        <v>16</v>
      </c>
    </row>
    <row r="13" spans="1:10" ht="18" customHeight="1" x14ac:dyDescent="0.2">
      <c r="A13" s="31">
        <v>7</v>
      </c>
      <c r="B13" s="35">
        <v>6</v>
      </c>
      <c r="C13" s="28">
        <v>5</v>
      </c>
      <c r="D13" s="29">
        <v>11</v>
      </c>
    </row>
    <row r="14" spans="1:10" ht="18" customHeight="1" x14ac:dyDescent="0.2">
      <c r="A14" s="31">
        <v>8</v>
      </c>
      <c r="B14" s="35">
        <v>5</v>
      </c>
      <c r="C14" s="28">
        <v>8</v>
      </c>
      <c r="D14" s="29">
        <v>13</v>
      </c>
    </row>
    <row r="15" spans="1:10" ht="18" customHeight="1" x14ac:dyDescent="0.2">
      <c r="A15" s="31">
        <v>9</v>
      </c>
      <c r="B15" s="35">
        <v>9</v>
      </c>
      <c r="C15" s="28">
        <v>6</v>
      </c>
      <c r="D15" s="29">
        <v>15</v>
      </c>
    </row>
    <row r="16" spans="1:10" ht="18" customHeight="1" x14ac:dyDescent="0.2">
      <c r="A16" s="31" t="s">
        <v>49</v>
      </c>
      <c r="B16" s="27">
        <v>31</v>
      </c>
      <c r="C16" s="28">
        <v>30</v>
      </c>
      <c r="D16" s="29">
        <v>61</v>
      </c>
    </row>
    <row r="17" spans="1:4" ht="18" customHeight="1" x14ac:dyDescent="0.2">
      <c r="A17" s="31">
        <v>10</v>
      </c>
      <c r="B17" s="27">
        <v>4</v>
      </c>
      <c r="C17" s="28">
        <v>7</v>
      </c>
      <c r="D17" s="29">
        <v>11</v>
      </c>
    </row>
    <row r="18" spans="1:4" ht="18" customHeight="1" x14ac:dyDescent="0.2">
      <c r="A18" s="31">
        <v>11</v>
      </c>
      <c r="B18" s="27">
        <v>6</v>
      </c>
      <c r="C18" s="28">
        <v>6</v>
      </c>
      <c r="D18" s="29">
        <v>12</v>
      </c>
    </row>
    <row r="19" spans="1:4" ht="18" customHeight="1" x14ac:dyDescent="0.2">
      <c r="A19" s="31">
        <v>12</v>
      </c>
      <c r="B19" s="27">
        <v>9</v>
      </c>
      <c r="C19" s="28">
        <v>4</v>
      </c>
      <c r="D19" s="29">
        <v>13</v>
      </c>
    </row>
    <row r="20" spans="1:4" ht="18" customHeight="1" x14ac:dyDescent="0.2">
      <c r="A20" s="31">
        <v>13</v>
      </c>
      <c r="B20" s="27">
        <v>7</v>
      </c>
      <c r="C20" s="28">
        <v>2</v>
      </c>
      <c r="D20" s="29">
        <v>9</v>
      </c>
    </row>
    <row r="21" spans="1:4" ht="18" customHeight="1" x14ac:dyDescent="0.2">
      <c r="A21" s="31">
        <v>14</v>
      </c>
      <c r="B21" s="27">
        <v>6</v>
      </c>
      <c r="C21" s="28">
        <v>8</v>
      </c>
      <c r="D21" s="29">
        <v>14</v>
      </c>
    </row>
    <row r="22" spans="1:4" ht="18" customHeight="1" x14ac:dyDescent="0.2">
      <c r="A22" s="31" t="s">
        <v>50</v>
      </c>
      <c r="B22" s="27">
        <v>32</v>
      </c>
      <c r="C22" s="28">
        <v>27</v>
      </c>
      <c r="D22" s="29">
        <v>59</v>
      </c>
    </row>
    <row r="23" spans="1:4" ht="18" customHeight="1" x14ac:dyDescent="0.2">
      <c r="A23" s="31" t="s">
        <v>51</v>
      </c>
      <c r="B23" s="27">
        <v>84</v>
      </c>
      <c r="C23" s="28">
        <v>82</v>
      </c>
      <c r="D23" s="29">
        <v>166</v>
      </c>
    </row>
    <row r="24" spans="1:4" ht="18" customHeight="1" x14ac:dyDescent="0.2">
      <c r="A24" s="31">
        <v>15</v>
      </c>
      <c r="B24" s="27">
        <v>5</v>
      </c>
      <c r="C24" s="28">
        <v>3</v>
      </c>
      <c r="D24" s="29">
        <v>8</v>
      </c>
    </row>
    <row r="25" spans="1:4" ht="18" customHeight="1" x14ac:dyDescent="0.2">
      <c r="A25" s="31">
        <v>16</v>
      </c>
      <c r="B25" s="27">
        <v>2</v>
      </c>
      <c r="C25" s="28">
        <v>6</v>
      </c>
      <c r="D25" s="29">
        <v>8</v>
      </c>
    </row>
    <row r="26" spans="1:4" ht="18" customHeight="1" x14ac:dyDescent="0.2">
      <c r="A26" s="31">
        <v>17</v>
      </c>
      <c r="B26" s="27">
        <v>4</v>
      </c>
      <c r="C26" s="28">
        <v>2</v>
      </c>
      <c r="D26" s="29">
        <v>6</v>
      </c>
    </row>
    <row r="27" spans="1:4" ht="18" customHeight="1" x14ac:dyDescent="0.2">
      <c r="A27" s="31">
        <v>18</v>
      </c>
      <c r="B27" s="27">
        <v>6</v>
      </c>
      <c r="C27" s="28">
        <v>2</v>
      </c>
      <c r="D27" s="29">
        <v>8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3</v>
      </c>
      <c r="C29" s="28">
        <v>18</v>
      </c>
      <c r="D29" s="29">
        <v>41</v>
      </c>
    </row>
    <row r="30" spans="1:4" ht="18" customHeight="1" x14ac:dyDescent="0.2">
      <c r="A30" s="31">
        <v>20</v>
      </c>
      <c r="B30" s="27">
        <v>4</v>
      </c>
      <c r="C30" s="28">
        <v>5</v>
      </c>
      <c r="D30" s="29">
        <v>9</v>
      </c>
    </row>
    <row r="31" spans="1:4" ht="18" customHeight="1" x14ac:dyDescent="0.2">
      <c r="A31" s="31">
        <v>21</v>
      </c>
      <c r="B31" s="27">
        <v>5</v>
      </c>
      <c r="C31" s="28">
        <v>5</v>
      </c>
      <c r="D31" s="29">
        <v>10</v>
      </c>
    </row>
    <row r="32" spans="1:4" ht="18" customHeight="1" x14ac:dyDescent="0.2">
      <c r="A32" s="31">
        <v>22</v>
      </c>
      <c r="B32" s="27">
        <v>5</v>
      </c>
      <c r="C32" s="28">
        <v>5</v>
      </c>
      <c r="D32" s="29">
        <v>10</v>
      </c>
    </row>
    <row r="33" spans="1:4" ht="18" customHeight="1" x14ac:dyDescent="0.2">
      <c r="A33" s="31">
        <v>23</v>
      </c>
      <c r="B33" s="27">
        <v>7</v>
      </c>
      <c r="C33" s="28">
        <v>7</v>
      </c>
      <c r="D33" s="29">
        <v>14</v>
      </c>
    </row>
    <row r="34" spans="1:4" ht="18" customHeight="1" x14ac:dyDescent="0.2">
      <c r="A34" s="31">
        <v>24</v>
      </c>
      <c r="B34" s="27">
        <v>9</v>
      </c>
      <c r="C34" s="28">
        <v>4</v>
      </c>
      <c r="D34" s="29">
        <v>13</v>
      </c>
    </row>
    <row r="35" spans="1:4" ht="18" customHeight="1" x14ac:dyDescent="0.2">
      <c r="A35" s="31" t="s">
        <v>53</v>
      </c>
      <c r="B35" s="27">
        <v>30</v>
      </c>
      <c r="C35" s="28">
        <v>26</v>
      </c>
      <c r="D35" s="29">
        <v>56</v>
      </c>
    </row>
    <row r="36" spans="1:4" ht="18" customHeight="1" x14ac:dyDescent="0.2">
      <c r="A36" s="31">
        <v>25</v>
      </c>
      <c r="B36" s="27">
        <v>4</v>
      </c>
      <c r="C36" s="28">
        <v>8</v>
      </c>
      <c r="D36" s="29">
        <v>12</v>
      </c>
    </row>
    <row r="37" spans="1:4" ht="18" customHeight="1" x14ac:dyDescent="0.2">
      <c r="A37" s="31">
        <v>26</v>
      </c>
      <c r="B37" s="27">
        <v>8</v>
      </c>
      <c r="C37" s="28">
        <v>7</v>
      </c>
      <c r="D37" s="29">
        <v>15</v>
      </c>
    </row>
    <row r="38" spans="1:4" ht="18" customHeight="1" x14ac:dyDescent="0.2">
      <c r="A38" s="31">
        <v>27</v>
      </c>
      <c r="B38" s="27">
        <v>4</v>
      </c>
      <c r="C38" s="28">
        <v>4</v>
      </c>
      <c r="D38" s="29">
        <v>8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5</v>
      </c>
      <c r="C40" s="28">
        <v>4</v>
      </c>
      <c r="D40" s="29">
        <v>9</v>
      </c>
    </row>
    <row r="41" spans="1:4" ht="18" customHeight="1" x14ac:dyDescent="0.2">
      <c r="A41" s="31" t="s">
        <v>54</v>
      </c>
      <c r="B41" s="27">
        <v>30</v>
      </c>
      <c r="C41" s="28">
        <v>27</v>
      </c>
      <c r="D41" s="29">
        <v>57</v>
      </c>
    </row>
    <row r="42" spans="1:4" ht="18" customHeight="1" x14ac:dyDescent="0.2">
      <c r="A42" s="31">
        <v>30</v>
      </c>
      <c r="B42" s="27">
        <v>6</v>
      </c>
      <c r="C42" s="28">
        <v>2</v>
      </c>
      <c r="D42" s="29">
        <v>8</v>
      </c>
    </row>
    <row r="43" spans="1:4" ht="18" customHeight="1" x14ac:dyDescent="0.2">
      <c r="A43" s="31">
        <v>31</v>
      </c>
      <c r="B43" s="27">
        <v>5</v>
      </c>
      <c r="C43" s="28">
        <v>5</v>
      </c>
      <c r="D43" s="29">
        <v>10</v>
      </c>
    </row>
    <row r="44" spans="1:4" ht="18" customHeight="1" x14ac:dyDescent="0.2">
      <c r="A44" s="31">
        <v>32</v>
      </c>
      <c r="B44" s="27">
        <v>5</v>
      </c>
      <c r="C44" s="28">
        <v>7</v>
      </c>
      <c r="D44" s="29">
        <v>12</v>
      </c>
    </row>
    <row r="45" spans="1:4" ht="18" customHeight="1" x14ac:dyDescent="0.2">
      <c r="A45" s="31">
        <v>33</v>
      </c>
      <c r="B45" s="27">
        <v>2</v>
      </c>
      <c r="C45" s="28">
        <v>7</v>
      </c>
      <c r="D45" s="29">
        <v>9</v>
      </c>
    </row>
    <row r="46" spans="1:4" ht="18" customHeight="1" x14ac:dyDescent="0.2">
      <c r="A46" s="31">
        <v>34</v>
      </c>
      <c r="B46" s="27">
        <v>6</v>
      </c>
      <c r="C46" s="28">
        <v>8</v>
      </c>
      <c r="D46" s="29">
        <v>14</v>
      </c>
    </row>
    <row r="47" spans="1:4" ht="18" customHeight="1" x14ac:dyDescent="0.2">
      <c r="A47" s="31" t="s">
        <v>55</v>
      </c>
      <c r="B47" s="27">
        <v>24</v>
      </c>
      <c r="C47" s="28">
        <v>29</v>
      </c>
      <c r="D47" s="29">
        <v>53</v>
      </c>
    </row>
    <row r="48" spans="1:4" ht="18" customHeight="1" x14ac:dyDescent="0.2">
      <c r="A48" s="31">
        <v>35</v>
      </c>
      <c r="B48" s="27">
        <v>6</v>
      </c>
      <c r="C48" s="28">
        <v>9</v>
      </c>
      <c r="D48" s="29">
        <v>15</v>
      </c>
    </row>
    <row r="49" spans="1:4" ht="18" customHeight="1" x14ac:dyDescent="0.2">
      <c r="A49" s="31">
        <v>36</v>
      </c>
      <c r="B49" s="27">
        <v>10</v>
      </c>
      <c r="C49" s="28">
        <v>3</v>
      </c>
      <c r="D49" s="29">
        <v>13</v>
      </c>
    </row>
    <row r="50" spans="1:4" ht="18" customHeight="1" x14ac:dyDescent="0.2">
      <c r="A50" s="31">
        <v>37</v>
      </c>
      <c r="B50" s="27">
        <v>7</v>
      </c>
      <c r="C50" s="28">
        <v>5</v>
      </c>
      <c r="D50" s="29">
        <v>12</v>
      </c>
    </row>
    <row r="51" spans="1:4" ht="18" customHeight="1" x14ac:dyDescent="0.2">
      <c r="A51" s="31">
        <v>38</v>
      </c>
      <c r="B51" s="27">
        <v>6</v>
      </c>
      <c r="C51" s="28">
        <v>10</v>
      </c>
      <c r="D51" s="29">
        <v>16</v>
      </c>
    </row>
    <row r="52" spans="1:4" ht="18" customHeight="1" x14ac:dyDescent="0.2">
      <c r="A52" s="31">
        <v>39</v>
      </c>
      <c r="B52" s="27">
        <v>7</v>
      </c>
      <c r="C52" s="28">
        <v>11</v>
      </c>
      <c r="D52" s="29">
        <v>18</v>
      </c>
    </row>
    <row r="53" spans="1:4" ht="18" customHeight="1" x14ac:dyDescent="0.2">
      <c r="A53" s="31" t="s">
        <v>56</v>
      </c>
      <c r="B53" s="27">
        <v>36</v>
      </c>
      <c r="C53" s="28">
        <v>38</v>
      </c>
      <c r="D53" s="29">
        <v>74</v>
      </c>
    </row>
    <row r="54" spans="1:4" ht="18" customHeight="1" x14ac:dyDescent="0.2">
      <c r="A54" s="31">
        <v>40</v>
      </c>
      <c r="B54" s="27">
        <v>16</v>
      </c>
      <c r="C54" s="28">
        <v>5</v>
      </c>
      <c r="D54" s="29">
        <v>21</v>
      </c>
    </row>
    <row r="55" spans="1:4" ht="18" customHeight="1" x14ac:dyDescent="0.2">
      <c r="A55" s="31">
        <v>41</v>
      </c>
      <c r="B55" s="27">
        <v>8</v>
      </c>
      <c r="C55" s="28">
        <v>6</v>
      </c>
      <c r="D55" s="29">
        <v>14</v>
      </c>
    </row>
    <row r="56" spans="1:4" ht="18" customHeight="1" x14ac:dyDescent="0.2">
      <c r="A56" s="31">
        <v>42</v>
      </c>
      <c r="B56" s="27">
        <v>6</v>
      </c>
      <c r="C56" s="28">
        <v>8</v>
      </c>
      <c r="D56" s="29">
        <v>14</v>
      </c>
    </row>
    <row r="57" spans="1:4" ht="18" customHeight="1" x14ac:dyDescent="0.2">
      <c r="A57" s="31">
        <v>43</v>
      </c>
      <c r="B57" s="27">
        <v>11</v>
      </c>
      <c r="C57" s="28">
        <v>6</v>
      </c>
      <c r="D57" s="29">
        <v>17</v>
      </c>
    </row>
    <row r="58" spans="1:4" ht="18" customHeight="1" x14ac:dyDescent="0.2">
      <c r="A58" s="31">
        <v>44</v>
      </c>
      <c r="B58" s="27">
        <v>14</v>
      </c>
      <c r="C58" s="28">
        <v>4</v>
      </c>
      <c r="D58" s="29">
        <v>18</v>
      </c>
    </row>
    <row r="59" spans="1:4" ht="18" customHeight="1" x14ac:dyDescent="0.2">
      <c r="A59" s="31" t="s">
        <v>57</v>
      </c>
      <c r="B59" s="27">
        <v>55</v>
      </c>
      <c r="C59" s="28">
        <v>29</v>
      </c>
      <c r="D59" s="29">
        <v>84</v>
      </c>
    </row>
    <row r="60" spans="1:4" ht="18" customHeight="1" x14ac:dyDescent="0.2">
      <c r="A60" s="31">
        <v>45</v>
      </c>
      <c r="B60" s="27">
        <v>13</v>
      </c>
      <c r="C60" s="28">
        <v>11</v>
      </c>
      <c r="D60" s="29">
        <v>24</v>
      </c>
    </row>
    <row r="61" spans="1:4" ht="18" customHeight="1" x14ac:dyDescent="0.2">
      <c r="A61" s="31">
        <v>46</v>
      </c>
      <c r="B61" s="27">
        <v>6</v>
      </c>
      <c r="C61" s="28">
        <v>5</v>
      </c>
      <c r="D61" s="29">
        <v>11</v>
      </c>
    </row>
    <row r="62" spans="1:4" ht="18" customHeight="1" x14ac:dyDescent="0.2">
      <c r="A62" s="31">
        <v>47</v>
      </c>
      <c r="B62" s="27">
        <v>6</v>
      </c>
      <c r="C62" s="28">
        <v>4</v>
      </c>
      <c r="D62" s="29">
        <v>10</v>
      </c>
    </row>
    <row r="63" spans="1:4" ht="18" customHeight="1" x14ac:dyDescent="0.2">
      <c r="A63" s="31">
        <v>48</v>
      </c>
      <c r="B63" s="27">
        <v>5</v>
      </c>
      <c r="C63" s="28">
        <v>7</v>
      </c>
      <c r="D63" s="29">
        <v>12</v>
      </c>
    </row>
    <row r="64" spans="1:4" ht="18" customHeight="1" x14ac:dyDescent="0.2">
      <c r="A64" s="31">
        <v>49</v>
      </c>
      <c r="B64" s="27">
        <v>7</v>
      </c>
      <c r="C64" s="28">
        <v>8</v>
      </c>
      <c r="D64" s="29">
        <v>15</v>
      </c>
    </row>
    <row r="65" spans="1:4" ht="18" customHeight="1" x14ac:dyDescent="0.2">
      <c r="A65" s="31" t="s">
        <v>58</v>
      </c>
      <c r="B65" s="27">
        <v>37</v>
      </c>
      <c r="C65" s="28">
        <v>35</v>
      </c>
      <c r="D65" s="29">
        <v>72</v>
      </c>
    </row>
    <row r="66" spans="1:4" ht="18" customHeight="1" x14ac:dyDescent="0.2">
      <c r="A66" s="31">
        <v>50</v>
      </c>
      <c r="B66" s="27">
        <v>9</v>
      </c>
      <c r="C66" s="28">
        <v>10</v>
      </c>
      <c r="D66" s="29">
        <v>19</v>
      </c>
    </row>
    <row r="67" spans="1:4" ht="18" customHeight="1" x14ac:dyDescent="0.2">
      <c r="A67" s="31">
        <v>51</v>
      </c>
      <c r="B67" s="27">
        <v>8</v>
      </c>
      <c r="C67" s="28">
        <v>12</v>
      </c>
      <c r="D67" s="29">
        <v>20</v>
      </c>
    </row>
    <row r="68" spans="1:4" ht="18" customHeight="1" x14ac:dyDescent="0.2">
      <c r="A68" s="31">
        <v>52</v>
      </c>
      <c r="B68" s="27">
        <v>8</v>
      </c>
      <c r="C68" s="28">
        <v>14</v>
      </c>
      <c r="D68" s="29">
        <v>22</v>
      </c>
    </row>
    <row r="69" spans="1:4" ht="18" customHeight="1" x14ac:dyDescent="0.2">
      <c r="A69" s="31">
        <v>53</v>
      </c>
      <c r="B69" s="27">
        <v>11</v>
      </c>
      <c r="C69" s="28">
        <v>11</v>
      </c>
      <c r="D69" s="29">
        <v>22</v>
      </c>
    </row>
    <row r="70" spans="1:4" ht="18" customHeight="1" x14ac:dyDescent="0.2">
      <c r="A70" s="31">
        <v>54</v>
      </c>
      <c r="B70" s="27">
        <v>5</v>
      </c>
      <c r="C70" s="28">
        <v>10</v>
      </c>
      <c r="D70" s="29">
        <v>15</v>
      </c>
    </row>
    <row r="71" spans="1:4" ht="18" customHeight="1" x14ac:dyDescent="0.2">
      <c r="A71" s="31" t="s">
        <v>59</v>
      </c>
      <c r="B71" s="27">
        <v>41</v>
      </c>
      <c r="C71" s="28">
        <v>57</v>
      </c>
      <c r="D71" s="29">
        <v>98</v>
      </c>
    </row>
    <row r="72" spans="1:4" ht="18" customHeight="1" x14ac:dyDescent="0.2">
      <c r="A72" s="31">
        <v>55</v>
      </c>
      <c r="B72" s="27">
        <v>8</v>
      </c>
      <c r="C72" s="28">
        <v>10</v>
      </c>
      <c r="D72" s="29">
        <v>18</v>
      </c>
    </row>
    <row r="73" spans="1:4" ht="18" customHeight="1" x14ac:dyDescent="0.2">
      <c r="A73" s="31">
        <v>56</v>
      </c>
      <c r="B73" s="27">
        <v>7</v>
      </c>
      <c r="C73" s="28">
        <v>9</v>
      </c>
      <c r="D73" s="29">
        <v>16</v>
      </c>
    </row>
    <row r="74" spans="1:4" ht="18" customHeight="1" x14ac:dyDescent="0.2">
      <c r="A74" s="31">
        <v>57</v>
      </c>
      <c r="B74" s="27">
        <v>10</v>
      </c>
      <c r="C74" s="28">
        <v>7</v>
      </c>
      <c r="D74" s="29">
        <v>17</v>
      </c>
    </row>
    <row r="75" spans="1:4" ht="18" customHeight="1" x14ac:dyDescent="0.2">
      <c r="A75" s="31">
        <v>58</v>
      </c>
      <c r="B75" s="27">
        <v>9</v>
      </c>
      <c r="C75" s="28">
        <v>5</v>
      </c>
      <c r="D75" s="29">
        <v>14</v>
      </c>
    </row>
    <row r="76" spans="1:4" ht="18" customHeight="1" x14ac:dyDescent="0.2">
      <c r="A76" s="31">
        <v>59</v>
      </c>
      <c r="B76" s="27">
        <v>12</v>
      </c>
      <c r="C76" s="28">
        <v>7</v>
      </c>
      <c r="D76" s="29">
        <v>19</v>
      </c>
    </row>
    <row r="77" spans="1:4" ht="18" customHeight="1" x14ac:dyDescent="0.2">
      <c r="A77" s="31" t="s">
        <v>60</v>
      </c>
      <c r="B77" s="27">
        <v>46</v>
      </c>
      <c r="C77" s="28">
        <v>38</v>
      </c>
      <c r="D77" s="29">
        <v>84</v>
      </c>
    </row>
    <row r="78" spans="1:4" ht="18" customHeight="1" x14ac:dyDescent="0.2">
      <c r="A78" s="31">
        <v>60</v>
      </c>
      <c r="B78" s="27">
        <v>9</v>
      </c>
      <c r="C78" s="28">
        <v>11</v>
      </c>
      <c r="D78" s="29">
        <v>20</v>
      </c>
    </row>
    <row r="79" spans="1:4" ht="18" customHeight="1" x14ac:dyDescent="0.2">
      <c r="A79" s="31">
        <v>61</v>
      </c>
      <c r="B79" s="27">
        <v>7</v>
      </c>
      <c r="C79" s="28">
        <v>6</v>
      </c>
      <c r="D79" s="29">
        <v>13</v>
      </c>
    </row>
    <row r="80" spans="1:4" ht="18" customHeight="1" x14ac:dyDescent="0.2">
      <c r="A80" s="31">
        <v>62</v>
      </c>
      <c r="B80" s="27">
        <v>6</v>
      </c>
      <c r="C80" s="28">
        <v>6</v>
      </c>
      <c r="D80" s="29">
        <v>12</v>
      </c>
    </row>
    <row r="81" spans="1:4" ht="18" customHeight="1" x14ac:dyDescent="0.2">
      <c r="A81" s="31">
        <v>63</v>
      </c>
      <c r="B81" s="27">
        <v>8</v>
      </c>
      <c r="C81" s="28">
        <v>9</v>
      </c>
      <c r="D81" s="29">
        <v>17</v>
      </c>
    </row>
    <row r="82" spans="1:4" ht="18" customHeight="1" x14ac:dyDescent="0.2">
      <c r="A82" s="31">
        <v>64</v>
      </c>
      <c r="B82" s="27">
        <v>16</v>
      </c>
      <c r="C82" s="28">
        <v>13</v>
      </c>
      <c r="D82" s="29">
        <v>29</v>
      </c>
    </row>
    <row r="83" spans="1:4" ht="18" customHeight="1" x14ac:dyDescent="0.2">
      <c r="A83" s="31" t="s">
        <v>61</v>
      </c>
      <c r="B83" s="27">
        <v>46</v>
      </c>
      <c r="C83" s="28">
        <v>45</v>
      </c>
      <c r="D83" s="29">
        <v>91</v>
      </c>
    </row>
    <row r="84" spans="1:4" ht="18" customHeight="1" x14ac:dyDescent="0.2">
      <c r="A84" s="31" t="s">
        <v>62</v>
      </c>
      <c r="B84" s="27">
        <v>368</v>
      </c>
      <c r="C84" s="28">
        <v>342</v>
      </c>
      <c r="D84" s="29">
        <v>710</v>
      </c>
    </row>
    <row r="85" spans="1:4" ht="18" customHeight="1" x14ac:dyDescent="0.2">
      <c r="A85" s="31">
        <v>65</v>
      </c>
      <c r="B85" s="27">
        <v>13</v>
      </c>
      <c r="C85" s="28">
        <v>15</v>
      </c>
      <c r="D85" s="29">
        <v>28</v>
      </c>
    </row>
    <row r="86" spans="1:4" ht="18" customHeight="1" x14ac:dyDescent="0.2">
      <c r="A86" s="31">
        <v>66</v>
      </c>
      <c r="B86" s="27">
        <v>9</v>
      </c>
      <c r="C86" s="28">
        <v>19</v>
      </c>
      <c r="D86" s="29">
        <v>28</v>
      </c>
    </row>
    <row r="87" spans="1:4" ht="18" customHeight="1" x14ac:dyDescent="0.2">
      <c r="A87" s="31">
        <v>67</v>
      </c>
      <c r="B87" s="27">
        <v>11</v>
      </c>
      <c r="C87" s="28">
        <v>13</v>
      </c>
      <c r="D87" s="29">
        <v>24</v>
      </c>
    </row>
    <row r="88" spans="1:4" ht="18" customHeight="1" x14ac:dyDescent="0.2">
      <c r="A88" s="31">
        <v>68</v>
      </c>
      <c r="B88" s="27">
        <v>15</v>
      </c>
      <c r="C88" s="28">
        <v>16</v>
      </c>
      <c r="D88" s="29">
        <v>31</v>
      </c>
    </row>
    <row r="89" spans="1:4" ht="18" customHeight="1" x14ac:dyDescent="0.2">
      <c r="A89" s="31">
        <v>69</v>
      </c>
      <c r="B89" s="27">
        <v>14</v>
      </c>
      <c r="C89" s="28">
        <v>15</v>
      </c>
      <c r="D89" s="29">
        <v>29</v>
      </c>
    </row>
    <row r="90" spans="1:4" ht="18" customHeight="1" x14ac:dyDescent="0.2">
      <c r="A90" s="31" t="s">
        <v>63</v>
      </c>
      <c r="B90" s="27">
        <v>62</v>
      </c>
      <c r="C90" s="28">
        <v>78</v>
      </c>
      <c r="D90" s="29">
        <v>140</v>
      </c>
    </row>
    <row r="91" spans="1:4" ht="18" customHeight="1" x14ac:dyDescent="0.2">
      <c r="A91" s="31">
        <v>70</v>
      </c>
      <c r="B91" s="27">
        <v>26</v>
      </c>
      <c r="C91" s="28">
        <v>14</v>
      </c>
      <c r="D91" s="29">
        <v>40</v>
      </c>
    </row>
    <row r="92" spans="1:4" ht="18" customHeight="1" x14ac:dyDescent="0.2">
      <c r="A92" s="31">
        <v>71</v>
      </c>
      <c r="B92" s="27">
        <v>21</v>
      </c>
      <c r="C92" s="28">
        <v>13</v>
      </c>
      <c r="D92" s="29">
        <v>34</v>
      </c>
    </row>
    <row r="93" spans="1:4" ht="18" customHeight="1" x14ac:dyDescent="0.2">
      <c r="A93" s="31">
        <v>72</v>
      </c>
      <c r="B93" s="27">
        <v>9</v>
      </c>
      <c r="C93" s="28">
        <v>7</v>
      </c>
      <c r="D93" s="29">
        <v>16</v>
      </c>
    </row>
    <row r="94" spans="1:4" ht="18" customHeight="1" x14ac:dyDescent="0.2">
      <c r="A94" s="31">
        <v>73</v>
      </c>
      <c r="B94" s="27">
        <v>7</v>
      </c>
      <c r="C94" s="28">
        <v>5</v>
      </c>
      <c r="D94" s="29">
        <v>12</v>
      </c>
    </row>
    <row r="95" spans="1:4" ht="18" customHeight="1" x14ac:dyDescent="0.2">
      <c r="A95" s="31">
        <v>74</v>
      </c>
      <c r="B95" s="27">
        <v>12</v>
      </c>
      <c r="C95" s="28">
        <v>7</v>
      </c>
      <c r="D95" s="29">
        <v>19</v>
      </c>
    </row>
    <row r="96" spans="1:4" ht="18" customHeight="1" x14ac:dyDescent="0.2">
      <c r="A96" s="31" t="s">
        <v>64</v>
      </c>
      <c r="B96" s="27">
        <v>75</v>
      </c>
      <c r="C96" s="28">
        <v>46</v>
      </c>
      <c r="D96" s="29">
        <v>121</v>
      </c>
    </row>
    <row r="97" spans="1:4" ht="18" customHeight="1" x14ac:dyDescent="0.2">
      <c r="A97" s="31">
        <v>75</v>
      </c>
      <c r="B97" s="27">
        <v>1</v>
      </c>
      <c r="C97" s="28">
        <v>9</v>
      </c>
      <c r="D97" s="29">
        <v>10</v>
      </c>
    </row>
    <row r="98" spans="1:4" ht="18" customHeight="1" x14ac:dyDescent="0.2">
      <c r="A98" s="31">
        <v>76</v>
      </c>
      <c r="B98" s="27">
        <v>9</v>
      </c>
      <c r="C98" s="28">
        <v>13</v>
      </c>
      <c r="D98" s="29">
        <v>22</v>
      </c>
    </row>
    <row r="99" spans="1:4" ht="18" customHeight="1" x14ac:dyDescent="0.2">
      <c r="A99" s="31">
        <v>77</v>
      </c>
      <c r="B99" s="27">
        <v>5</v>
      </c>
      <c r="C99" s="28">
        <v>6</v>
      </c>
      <c r="D99" s="29">
        <v>11</v>
      </c>
    </row>
    <row r="100" spans="1:4" ht="18" customHeight="1" x14ac:dyDescent="0.2">
      <c r="A100" s="31">
        <v>78</v>
      </c>
      <c r="B100" s="27">
        <v>3</v>
      </c>
      <c r="C100" s="28">
        <v>8</v>
      </c>
      <c r="D100" s="29">
        <v>11</v>
      </c>
    </row>
    <row r="101" spans="1:4" ht="18" customHeight="1" x14ac:dyDescent="0.2">
      <c r="A101" s="31">
        <v>79</v>
      </c>
      <c r="B101" s="27">
        <v>9</v>
      </c>
      <c r="C101" s="28">
        <v>9</v>
      </c>
      <c r="D101" s="29">
        <v>18</v>
      </c>
    </row>
    <row r="102" spans="1:4" ht="18" customHeight="1" x14ac:dyDescent="0.2">
      <c r="A102" s="31" t="s">
        <v>65</v>
      </c>
      <c r="B102" s="27">
        <v>27</v>
      </c>
      <c r="C102" s="28">
        <v>45</v>
      </c>
      <c r="D102" s="29">
        <v>72</v>
      </c>
    </row>
    <row r="103" spans="1:4" ht="18" customHeight="1" x14ac:dyDescent="0.2">
      <c r="A103" s="31">
        <v>80</v>
      </c>
      <c r="B103" s="27">
        <v>7</v>
      </c>
      <c r="C103" s="28">
        <v>11</v>
      </c>
      <c r="D103" s="29">
        <v>18</v>
      </c>
    </row>
    <row r="104" spans="1:4" ht="18" customHeight="1" x14ac:dyDescent="0.2">
      <c r="A104" s="31">
        <v>81</v>
      </c>
      <c r="B104" s="27">
        <v>9</v>
      </c>
      <c r="C104" s="28">
        <v>14</v>
      </c>
      <c r="D104" s="29">
        <v>23</v>
      </c>
    </row>
    <row r="105" spans="1:4" ht="18" customHeight="1" x14ac:dyDescent="0.2">
      <c r="A105" s="31">
        <v>82</v>
      </c>
      <c r="B105" s="27">
        <v>10</v>
      </c>
      <c r="C105" s="28">
        <v>17</v>
      </c>
      <c r="D105" s="29">
        <v>27</v>
      </c>
    </row>
    <row r="106" spans="1:4" ht="18" customHeight="1" x14ac:dyDescent="0.2">
      <c r="A106" s="31">
        <v>83</v>
      </c>
      <c r="B106" s="27">
        <v>10</v>
      </c>
      <c r="C106" s="28">
        <v>9</v>
      </c>
      <c r="D106" s="29">
        <v>19</v>
      </c>
    </row>
    <row r="107" spans="1:4" ht="18" customHeight="1" x14ac:dyDescent="0.2">
      <c r="A107" s="31">
        <v>84</v>
      </c>
      <c r="B107" s="27">
        <v>4</v>
      </c>
      <c r="C107" s="28">
        <v>10</v>
      </c>
      <c r="D107" s="29">
        <v>14</v>
      </c>
    </row>
    <row r="108" spans="1:4" ht="18" customHeight="1" x14ac:dyDescent="0.2">
      <c r="A108" s="31" t="s">
        <v>66</v>
      </c>
      <c r="B108" s="27">
        <v>40</v>
      </c>
      <c r="C108" s="28">
        <v>61</v>
      </c>
      <c r="D108" s="29">
        <v>101</v>
      </c>
    </row>
    <row r="109" spans="1:4" ht="18" customHeight="1" x14ac:dyDescent="0.2">
      <c r="A109" s="31">
        <v>85</v>
      </c>
      <c r="B109" s="27">
        <v>5</v>
      </c>
      <c r="C109" s="28">
        <v>10</v>
      </c>
      <c r="D109" s="29">
        <v>15</v>
      </c>
    </row>
    <row r="110" spans="1:4" ht="18" customHeight="1" x14ac:dyDescent="0.2">
      <c r="A110" s="31">
        <v>86</v>
      </c>
      <c r="B110" s="27">
        <v>4</v>
      </c>
      <c r="C110" s="28">
        <v>8</v>
      </c>
      <c r="D110" s="29">
        <v>12</v>
      </c>
    </row>
    <row r="111" spans="1:4" ht="18" customHeight="1" x14ac:dyDescent="0.2">
      <c r="A111" s="31">
        <v>87</v>
      </c>
      <c r="B111" s="27">
        <v>5</v>
      </c>
      <c r="C111" s="28">
        <v>5</v>
      </c>
      <c r="D111" s="29">
        <v>10</v>
      </c>
    </row>
    <row r="112" spans="1:4" ht="18" customHeight="1" x14ac:dyDescent="0.2">
      <c r="A112" s="31">
        <v>88</v>
      </c>
      <c r="B112" s="27">
        <v>0</v>
      </c>
      <c r="C112" s="28">
        <v>8</v>
      </c>
      <c r="D112" s="29">
        <v>8</v>
      </c>
    </row>
    <row r="113" spans="1:4" ht="18" customHeight="1" x14ac:dyDescent="0.2">
      <c r="A113" s="31">
        <v>89</v>
      </c>
      <c r="B113" s="27">
        <v>3</v>
      </c>
      <c r="C113" s="28">
        <v>9</v>
      </c>
      <c r="D113" s="29">
        <v>12</v>
      </c>
    </row>
    <row r="114" spans="1:4" ht="18" customHeight="1" x14ac:dyDescent="0.2">
      <c r="A114" s="31" t="s">
        <v>67</v>
      </c>
      <c r="B114" s="27">
        <v>17</v>
      </c>
      <c r="C114" s="28">
        <v>40</v>
      </c>
      <c r="D114" s="29">
        <v>57</v>
      </c>
    </row>
    <row r="115" spans="1:4" ht="18" customHeight="1" x14ac:dyDescent="0.2">
      <c r="A115" s="31">
        <v>90</v>
      </c>
      <c r="B115" s="27">
        <v>2</v>
      </c>
      <c r="C115" s="28">
        <v>9</v>
      </c>
      <c r="D115" s="29">
        <v>11</v>
      </c>
    </row>
    <row r="116" spans="1:4" ht="18" customHeight="1" x14ac:dyDescent="0.2">
      <c r="A116" s="31">
        <v>91</v>
      </c>
      <c r="B116" s="27">
        <v>2</v>
      </c>
      <c r="C116" s="28">
        <v>10</v>
      </c>
      <c r="D116" s="29">
        <v>12</v>
      </c>
    </row>
    <row r="117" spans="1:4" ht="18" customHeight="1" x14ac:dyDescent="0.2">
      <c r="A117" s="31">
        <v>92</v>
      </c>
      <c r="B117" s="27">
        <v>2</v>
      </c>
      <c r="C117" s="28">
        <v>8</v>
      </c>
      <c r="D117" s="29">
        <v>10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8</v>
      </c>
      <c r="C120" s="28">
        <v>35</v>
      </c>
      <c r="D120" s="29">
        <v>43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2</v>
      </c>
      <c r="C122" s="28">
        <v>2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7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31</v>
      </c>
      <c r="C130" s="5">
        <v>314</v>
      </c>
      <c r="D130" s="6">
        <v>545</v>
      </c>
    </row>
    <row r="131" spans="1:4" ht="18" customHeight="1" x14ac:dyDescent="0.2">
      <c r="A131" s="33" t="s">
        <v>47</v>
      </c>
      <c r="B131" s="7">
        <v>683</v>
      </c>
      <c r="C131" s="8">
        <v>738</v>
      </c>
      <c r="D131" s="9">
        <v>142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</v>
      </c>
      <c r="C5" s="37">
        <v>17</v>
      </c>
      <c r="D5" s="39">
        <v>35</v>
      </c>
    </row>
    <row r="6" spans="1:10" ht="18" customHeight="1" x14ac:dyDescent="0.2">
      <c r="A6" s="31">
        <v>1</v>
      </c>
      <c r="B6" s="35">
        <v>20</v>
      </c>
      <c r="C6" s="28">
        <v>13</v>
      </c>
      <c r="D6" s="29">
        <v>33</v>
      </c>
    </row>
    <row r="7" spans="1:10" ht="18" customHeight="1" x14ac:dyDescent="0.2">
      <c r="A7" s="31">
        <v>2</v>
      </c>
      <c r="B7" s="35">
        <v>22</v>
      </c>
      <c r="C7" s="28">
        <v>18</v>
      </c>
      <c r="D7" s="29">
        <v>40</v>
      </c>
    </row>
    <row r="8" spans="1:10" ht="18" customHeight="1" x14ac:dyDescent="0.2">
      <c r="A8" s="31">
        <v>3</v>
      </c>
      <c r="B8" s="35">
        <v>23</v>
      </c>
      <c r="C8" s="28">
        <v>10</v>
      </c>
      <c r="D8" s="29">
        <v>33</v>
      </c>
    </row>
    <row r="9" spans="1:10" ht="18" customHeight="1" x14ac:dyDescent="0.2">
      <c r="A9" s="31">
        <v>4</v>
      </c>
      <c r="B9" s="36">
        <v>20</v>
      </c>
      <c r="C9" s="38">
        <v>18</v>
      </c>
      <c r="D9" s="40">
        <v>38</v>
      </c>
    </row>
    <row r="10" spans="1:10" ht="18" customHeight="1" x14ac:dyDescent="0.2">
      <c r="A10" s="31" t="s">
        <v>48</v>
      </c>
      <c r="B10" s="27">
        <v>103</v>
      </c>
      <c r="C10" s="28">
        <v>76</v>
      </c>
      <c r="D10" s="29">
        <v>179</v>
      </c>
    </row>
    <row r="11" spans="1:10" ht="18" customHeight="1" x14ac:dyDescent="0.2">
      <c r="A11" s="31">
        <v>5</v>
      </c>
      <c r="B11" s="35">
        <v>26</v>
      </c>
      <c r="C11" s="28">
        <v>18</v>
      </c>
      <c r="D11" s="29">
        <v>44</v>
      </c>
    </row>
    <row r="12" spans="1:10" ht="18" customHeight="1" x14ac:dyDescent="0.2">
      <c r="A12" s="31">
        <v>6</v>
      </c>
      <c r="B12" s="35">
        <v>22</v>
      </c>
      <c r="C12" s="28">
        <v>12</v>
      </c>
      <c r="D12" s="29">
        <v>34</v>
      </c>
    </row>
    <row r="13" spans="1:10" ht="18" customHeight="1" x14ac:dyDescent="0.2">
      <c r="A13" s="31">
        <v>7</v>
      </c>
      <c r="B13" s="35">
        <v>20</v>
      </c>
      <c r="C13" s="28">
        <v>27</v>
      </c>
      <c r="D13" s="29">
        <v>47</v>
      </c>
    </row>
    <row r="14" spans="1:10" ht="18" customHeight="1" x14ac:dyDescent="0.2">
      <c r="A14" s="31">
        <v>8</v>
      </c>
      <c r="B14" s="35">
        <v>20</v>
      </c>
      <c r="C14" s="28">
        <v>24</v>
      </c>
      <c r="D14" s="29">
        <v>44</v>
      </c>
    </row>
    <row r="15" spans="1:10" ht="18" customHeight="1" x14ac:dyDescent="0.2">
      <c r="A15" s="31">
        <v>9</v>
      </c>
      <c r="B15" s="35">
        <v>30</v>
      </c>
      <c r="C15" s="28">
        <v>11</v>
      </c>
      <c r="D15" s="29">
        <v>41</v>
      </c>
    </row>
    <row r="16" spans="1:10" ht="18" customHeight="1" x14ac:dyDescent="0.2">
      <c r="A16" s="31" t="s">
        <v>49</v>
      </c>
      <c r="B16" s="27">
        <v>118</v>
      </c>
      <c r="C16" s="28">
        <v>92</v>
      </c>
      <c r="D16" s="29">
        <v>210</v>
      </c>
    </row>
    <row r="17" spans="1:4" ht="18" customHeight="1" x14ac:dyDescent="0.2">
      <c r="A17" s="31">
        <v>10</v>
      </c>
      <c r="B17" s="27">
        <v>23</v>
      </c>
      <c r="C17" s="28">
        <v>18</v>
      </c>
      <c r="D17" s="29">
        <v>41</v>
      </c>
    </row>
    <row r="18" spans="1:4" ht="18" customHeight="1" x14ac:dyDescent="0.2">
      <c r="A18" s="31">
        <v>11</v>
      </c>
      <c r="B18" s="27">
        <v>19</v>
      </c>
      <c r="C18" s="28">
        <v>22</v>
      </c>
      <c r="D18" s="29">
        <v>41</v>
      </c>
    </row>
    <row r="19" spans="1:4" ht="18" customHeight="1" x14ac:dyDescent="0.2">
      <c r="A19" s="31">
        <v>12</v>
      </c>
      <c r="B19" s="27">
        <v>16</v>
      </c>
      <c r="C19" s="28">
        <v>22</v>
      </c>
      <c r="D19" s="29">
        <v>38</v>
      </c>
    </row>
    <row r="20" spans="1:4" ht="18" customHeight="1" x14ac:dyDescent="0.2">
      <c r="A20" s="31">
        <v>13</v>
      </c>
      <c r="B20" s="27">
        <v>25</v>
      </c>
      <c r="C20" s="28">
        <v>18</v>
      </c>
      <c r="D20" s="29">
        <v>43</v>
      </c>
    </row>
    <row r="21" spans="1:4" ht="18" customHeight="1" x14ac:dyDescent="0.2">
      <c r="A21" s="31">
        <v>14</v>
      </c>
      <c r="B21" s="27">
        <v>22</v>
      </c>
      <c r="C21" s="28">
        <v>25</v>
      </c>
      <c r="D21" s="29">
        <v>47</v>
      </c>
    </row>
    <row r="22" spans="1:4" ht="18" customHeight="1" x14ac:dyDescent="0.2">
      <c r="A22" s="31" t="s">
        <v>50</v>
      </c>
      <c r="B22" s="27">
        <v>105</v>
      </c>
      <c r="C22" s="28">
        <v>105</v>
      </c>
      <c r="D22" s="29">
        <v>210</v>
      </c>
    </row>
    <row r="23" spans="1:4" ht="18" customHeight="1" x14ac:dyDescent="0.2">
      <c r="A23" s="31" t="s">
        <v>51</v>
      </c>
      <c r="B23" s="27">
        <v>326</v>
      </c>
      <c r="C23" s="28">
        <v>273</v>
      </c>
      <c r="D23" s="29">
        <v>599</v>
      </c>
    </row>
    <row r="24" spans="1:4" ht="18" customHeight="1" x14ac:dyDescent="0.2">
      <c r="A24" s="31">
        <v>15</v>
      </c>
      <c r="B24" s="27">
        <v>23</v>
      </c>
      <c r="C24" s="28">
        <v>20</v>
      </c>
      <c r="D24" s="29">
        <v>43</v>
      </c>
    </row>
    <row r="25" spans="1:4" ht="18" customHeight="1" x14ac:dyDescent="0.2">
      <c r="A25" s="31">
        <v>16</v>
      </c>
      <c r="B25" s="27">
        <v>26</v>
      </c>
      <c r="C25" s="28">
        <v>25</v>
      </c>
      <c r="D25" s="29">
        <v>51</v>
      </c>
    </row>
    <row r="26" spans="1:4" ht="18" customHeight="1" x14ac:dyDescent="0.2">
      <c r="A26" s="31">
        <v>17</v>
      </c>
      <c r="B26" s="27">
        <v>29</v>
      </c>
      <c r="C26" s="28">
        <v>27</v>
      </c>
      <c r="D26" s="29">
        <v>56</v>
      </c>
    </row>
    <row r="27" spans="1:4" ht="18" customHeight="1" x14ac:dyDescent="0.2">
      <c r="A27" s="31">
        <v>18</v>
      </c>
      <c r="B27" s="27">
        <v>37</v>
      </c>
      <c r="C27" s="28">
        <v>24</v>
      </c>
      <c r="D27" s="29">
        <v>61</v>
      </c>
    </row>
    <row r="28" spans="1:4" ht="18" customHeight="1" x14ac:dyDescent="0.2">
      <c r="A28" s="31">
        <v>19</v>
      </c>
      <c r="B28" s="27">
        <v>23</v>
      </c>
      <c r="C28" s="28">
        <v>20</v>
      </c>
      <c r="D28" s="29">
        <v>43</v>
      </c>
    </row>
    <row r="29" spans="1:4" ht="18" customHeight="1" x14ac:dyDescent="0.2">
      <c r="A29" s="31" t="s">
        <v>52</v>
      </c>
      <c r="B29" s="27">
        <v>138</v>
      </c>
      <c r="C29" s="28">
        <v>116</v>
      </c>
      <c r="D29" s="29">
        <v>254</v>
      </c>
    </row>
    <row r="30" spans="1:4" ht="18" customHeight="1" x14ac:dyDescent="0.2">
      <c r="A30" s="31">
        <v>20</v>
      </c>
      <c r="B30" s="27">
        <v>27</v>
      </c>
      <c r="C30" s="28">
        <v>33</v>
      </c>
      <c r="D30" s="29">
        <v>60</v>
      </c>
    </row>
    <row r="31" spans="1:4" ht="18" customHeight="1" x14ac:dyDescent="0.2">
      <c r="A31" s="31">
        <v>21</v>
      </c>
      <c r="B31" s="27">
        <v>27</v>
      </c>
      <c r="C31" s="28">
        <v>35</v>
      </c>
      <c r="D31" s="29">
        <v>62</v>
      </c>
    </row>
    <row r="32" spans="1:4" ht="18" customHeight="1" x14ac:dyDescent="0.2">
      <c r="A32" s="31">
        <v>22</v>
      </c>
      <c r="B32" s="27">
        <v>28</v>
      </c>
      <c r="C32" s="28">
        <v>29</v>
      </c>
      <c r="D32" s="29">
        <v>57</v>
      </c>
    </row>
    <row r="33" spans="1:4" ht="18" customHeight="1" x14ac:dyDescent="0.2">
      <c r="A33" s="31">
        <v>23</v>
      </c>
      <c r="B33" s="27">
        <v>20</v>
      </c>
      <c r="C33" s="28">
        <v>22</v>
      </c>
      <c r="D33" s="29">
        <v>42</v>
      </c>
    </row>
    <row r="34" spans="1:4" ht="18" customHeight="1" x14ac:dyDescent="0.2">
      <c r="A34" s="31">
        <v>24</v>
      </c>
      <c r="B34" s="27">
        <v>12</v>
      </c>
      <c r="C34" s="28">
        <v>27</v>
      </c>
      <c r="D34" s="29">
        <v>39</v>
      </c>
    </row>
    <row r="35" spans="1:4" ht="18" customHeight="1" x14ac:dyDescent="0.2">
      <c r="A35" s="31" t="s">
        <v>53</v>
      </c>
      <c r="B35" s="27">
        <v>114</v>
      </c>
      <c r="C35" s="28">
        <v>146</v>
      </c>
      <c r="D35" s="29">
        <v>260</v>
      </c>
    </row>
    <row r="36" spans="1:4" ht="18" customHeight="1" x14ac:dyDescent="0.2">
      <c r="A36" s="31">
        <v>25</v>
      </c>
      <c r="B36" s="27">
        <v>25</v>
      </c>
      <c r="C36" s="28">
        <v>24</v>
      </c>
      <c r="D36" s="29">
        <v>49</v>
      </c>
    </row>
    <row r="37" spans="1:4" ht="18" customHeight="1" x14ac:dyDescent="0.2">
      <c r="A37" s="31">
        <v>26</v>
      </c>
      <c r="B37" s="27">
        <v>28</v>
      </c>
      <c r="C37" s="28">
        <v>19</v>
      </c>
      <c r="D37" s="29">
        <v>47</v>
      </c>
    </row>
    <row r="38" spans="1:4" ht="18" customHeight="1" x14ac:dyDescent="0.2">
      <c r="A38" s="31">
        <v>27</v>
      </c>
      <c r="B38" s="27">
        <v>24</v>
      </c>
      <c r="C38" s="28">
        <v>22</v>
      </c>
      <c r="D38" s="29">
        <v>46</v>
      </c>
    </row>
    <row r="39" spans="1:4" ht="18" customHeight="1" x14ac:dyDescent="0.2">
      <c r="A39" s="31">
        <v>28</v>
      </c>
      <c r="B39" s="27">
        <v>17</v>
      </c>
      <c r="C39" s="28">
        <v>20</v>
      </c>
      <c r="D39" s="29">
        <v>37</v>
      </c>
    </row>
    <row r="40" spans="1:4" ht="18" customHeight="1" x14ac:dyDescent="0.2">
      <c r="A40" s="31">
        <v>29</v>
      </c>
      <c r="B40" s="27">
        <v>27</v>
      </c>
      <c r="C40" s="28">
        <v>19</v>
      </c>
      <c r="D40" s="29">
        <v>46</v>
      </c>
    </row>
    <row r="41" spans="1:4" ht="18" customHeight="1" x14ac:dyDescent="0.2">
      <c r="A41" s="31" t="s">
        <v>54</v>
      </c>
      <c r="B41" s="27">
        <v>121</v>
      </c>
      <c r="C41" s="28">
        <v>104</v>
      </c>
      <c r="D41" s="29">
        <v>225</v>
      </c>
    </row>
    <row r="42" spans="1:4" ht="18" customHeight="1" x14ac:dyDescent="0.2">
      <c r="A42" s="31">
        <v>30</v>
      </c>
      <c r="B42" s="27">
        <v>23</v>
      </c>
      <c r="C42" s="28">
        <v>29</v>
      </c>
      <c r="D42" s="29">
        <v>52</v>
      </c>
    </row>
    <row r="43" spans="1:4" ht="18" customHeight="1" x14ac:dyDescent="0.2">
      <c r="A43" s="31">
        <v>31</v>
      </c>
      <c r="B43" s="27">
        <v>21</v>
      </c>
      <c r="C43" s="28">
        <v>27</v>
      </c>
      <c r="D43" s="29">
        <v>48</v>
      </c>
    </row>
    <row r="44" spans="1:4" ht="18" customHeight="1" x14ac:dyDescent="0.2">
      <c r="A44" s="31">
        <v>32</v>
      </c>
      <c r="B44" s="27">
        <v>18</v>
      </c>
      <c r="C44" s="28">
        <v>20</v>
      </c>
      <c r="D44" s="29">
        <v>38</v>
      </c>
    </row>
    <row r="45" spans="1:4" ht="18" customHeight="1" x14ac:dyDescent="0.2">
      <c r="A45" s="31">
        <v>33</v>
      </c>
      <c r="B45" s="27">
        <v>28</v>
      </c>
      <c r="C45" s="28">
        <v>25</v>
      </c>
      <c r="D45" s="29">
        <v>53</v>
      </c>
    </row>
    <row r="46" spans="1:4" ht="18" customHeight="1" x14ac:dyDescent="0.2">
      <c r="A46" s="31">
        <v>34</v>
      </c>
      <c r="B46" s="27">
        <v>30</v>
      </c>
      <c r="C46" s="28">
        <v>30</v>
      </c>
      <c r="D46" s="29">
        <v>60</v>
      </c>
    </row>
    <row r="47" spans="1:4" ht="18" customHeight="1" x14ac:dyDescent="0.2">
      <c r="A47" s="31" t="s">
        <v>55</v>
      </c>
      <c r="B47" s="27">
        <v>120</v>
      </c>
      <c r="C47" s="28">
        <v>131</v>
      </c>
      <c r="D47" s="29">
        <v>251</v>
      </c>
    </row>
    <row r="48" spans="1:4" ht="18" customHeight="1" x14ac:dyDescent="0.2">
      <c r="A48" s="31">
        <v>35</v>
      </c>
      <c r="B48" s="27">
        <v>26</v>
      </c>
      <c r="C48" s="28">
        <v>13</v>
      </c>
      <c r="D48" s="29">
        <v>39</v>
      </c>
    </row>
    <row r="49" spans="1:4" ht="18" customHeight="1" x14ac:dyDescent="0.2">
      <c r="A49" s="31">
        <v>36</v>
      </c>
      <c r="B49" s="27">
        <v>27</v>
      </c>
      <c r="C49" s="28">
        <v>22</v>
      </c>
      <c r="D49" s="29">
        <v>49</v>
      </c>
    </row>
    <row r="50" spans="1:4" ht="18" customHeight="1" x14ac:dyDescent="0.2">
      <c r="A50" s="31">
        <v>37</v>
      </c>
      <c r="B50" s="27">
        <v>31</v>
      </c>
      <c r="C50" s="28">
        <v>28</v>
      </c>
      <c r="D50" s="29">
        <v>59</v>
      </c>
    </row>
    <row r="51" spans="1:4" ht="18" customHeight="1" x14ac:dyDescent="0.2">
      <c r="A51" s="31">
        <v>38</v>
      </c>
      <c r="B51" s="27">
        <v>27</v>
      </c>
      <c r="C51" s="28">
        <v>23</v>
      </c>
      <c r="D51" s="29">
        <v>50</v>
      </c>
    </row>
    <row r="52" spans="1:4" ht="18" customHeight="1" x14ac:dyDescent="0.2">
      <c r="A52" s="31">
        <v>39</v>
      </c>
      <c r="B52" s="27">
        <v>25</v>
      </c>
      <c r="C52" s="28">
        <v>18</v>
      </c>
      <c r="D52" s="29">
        <v>43</v>
      </c>
    </row>
    <row r="53" spans="1:4" ht="18" customHeight="1" x14ac:dyDescent="0.2">
      <c r="A53" s="31" t="s">
        <v>56</v>
      </c>
      <c r="B53" s="27">
        <v>136</v>
      </c>
      <c r="C53" s="28">
        <v>104</v>
      </c>
      <c r="D53" s="29">
        <v>240</v>
      </c>
    </row>
    <row r="54" spans="1:4" ht="18" customHeight="1" x14ac:dyDescent="0.2">
      <c r="A54" s="31">
        <v>40</v>
      </c>
      <c r="B54" s="27">
        <v>32</v>
      </c>
      <c r="C54" s="28">
        <v>31</v>
      </c>
      <c r="D54" s="29">
        <v>63</v>
      </c>
    </row>
    <row r="55" spans="1:4" ht="18" customHeight="1" x14ac:dyDescent="0.2">
      <c r="A55" s="31">
        <v>41</v>
      </c>
      <c r="B55" s="27">
        <v>33</v>
      </c>
      <c r="C55" s="28">
        <v>43</v>
      </c>
      <c r="D55" s="29">
        <v>76</v>
      </c>
    </row>
    <row r="56" spans="1:4" ht="18" customHeight="1" x14ac:dyDescent="0.2">
      <c r="A56" s="31">
        <v>42</v>
      </c>
      <c r="B56" s="27">
        <v>37</v>
      </c>
      <c r="C56" s="28">
        <v>27</v>
      </c>
      <c r="D56" s="29">
        <v>64</v>
      </c>
    </row>
    <row r="57" spans="1:4" ht="18" customHeight="1" x14ac:dyDescent="0.2">
      <c r="A57" s="31">
        <v>43</v>
      </c>
      <c r="B57" s="27">
        <v>39</v>
      </c>
      <c r="C57" s="28">
        <v>37</v>
      </c>
      <c r="D57" s="29">
        <v>76</v>
      </c>
    </row>
    <row r="58" spans="1:4" ht="18" customHeight="1" x14ac:dyDescent="0.2">
      <c r="A58" s="31">
        <v>44</v>
      </c>
      <c r="B58" s="27">
        <v>28</v>
      </c>
      <c r="C58" s="28">
        <v>36</v>
      </c>
      <c r="D58" s="29">
        <v>64</v>
      </c>
    </row>
    <row r="59" spans="1:4" ht="18" customHeight="1" x14ac:dyDescent="0.2">
      <c r="A59" s="31" t="s">
        <v>57</v>
      </c>
      <c r="B59" s="27">
        <v>169</v>
      </c>
      <c r="C59" s="28">
        <v>174</v>
      </c>
      <c r="D59" s="29">
        <v>343</v>
      </c>
    </row>
    <row r="60" spans="1:4" ht="18" customHeight="1" x14ac:dyDescent="0.2">
      <c r="A60" s="31">
        <v>45</v>
      </c>
      <c r="B60" s="27">
        <v>38</v>
      </c>
      <c r="C60" s="28">
        <v>36</v>
      </c>
      <c r="D60" s="29">
        <v>74</v>
      </c>
    </row>
    <row r="61" spans="1:4" ht="18" customHeight="1" x14ac:dyDescent="0.2">
      <c r="A61" s="31">
        <v>46</v>
      </c>
      <c r="B61" s="27">
        <v>38</v>
      </c>
      <c r="C61" s="28">
        <v>37</v>
      </c>
      <c r="D61" s="29">
        <v>75</v>
      </c>
    </row>
    <row r="62" spans="1:4" ht="18" customHeight="1" x14ac:dyDescent="0.2">
      <c r="A62" s="31">
        <v>47</v>
      </c>
      <c r="B62" s="27">
        <v>36</v>
      </c>
      <c r="C62" s="28">
        <v>39</v>
      </c>
      <c r="D62" s="29">
        <v>75</v>
      </c>
    </row>
    <row r="63" spans="1:4" ht="18" customHeight="1" x14ac:dyDescent="0.2">
      <c r="A63" s="31">
        <v>48</v>
      </c>
      <c r="B63" s="27">
        <v>31</v>
      </c>
      <c r="C63" s="28">
        <v>24</v>
      </c>
      <c r="D63" s="29">
        <v>55</v>
      </c>
    </row>
    <row r="64" spans="1:4" ht="18" customHeight="1" x14ac:dyDescent="0.2">
      <c r="A64" s="31">
        <v>49</v>
      </c>
      <c r="B64" s="27">
        <v>41</v>
      </c>
      <c r="C64" s="28">
        <v>45</v>
      </c>
      <c r="D64" s="29">
        <v>86</v>
      </c>
    </row>
    <row r="65" spans="1:4" ht="18" customHeight="1" x14ac:dyDescent="0.2">
      <c r="A65" s="31" t="s">
        <v>58</v>
      </c>
      <c r="B65" s="27">
        <v>184</v>
      </c>
      <c r="C65" s="28">
        <v>181</v>
      </c>
      <c r="D65" s="29">
        <v>365</v>
      </c>
    </row>
    <row r="66" spans="1:4" ht="18" customHeight="1" x14ac:dyDescent="0.2">
      <c r="A66" s="31">
        <v>50</v>
      </c>
      <c r="B66" s="27">
        <v>36</v>
      </c>
      <c r="C66" s="28">
        <v>39</v>
      </c>
      <c r="D66" s="29">
        <v>75</v>
      </c>
    </row>
    <row r="67" spans="1:4" ht="18" customHeight="1" x14ac:dyDescent="0.2">
      <c r="A67" s="31">
        <v>51</v>
      </c>
      <c r="B67" s="27">
        <v>45</v>
      </c>
      <c r="C67" s="28">
        <v>44</v>
      </c>
      <c r="D67" s="29">
        <v>89</v>
      </c>
    </row>
    <row r="68" spans="1:4" ht="18" customHeight="1" x14ac:dyDescent="0.2">
      <c r="A68" s="31">
        <v>52</v>
      </c>
      <c r="B68" s="27">
        <v>27</v>
      </c>
      <c r="C68" s="28">
        <v>37</v>
      </c>
      <c r="D68" s="29">
        <v>64</v>
      </c>
    </row>
    <row r="69" spans="1:4" ht="18" customHeight="1" x14ac:dyDescent="0.2">
      <c r="A69" s="31">
        <v>53</v>
      </c>
      <c r="B69" s="27">
        <v>37</v>
      </c>
      <c r="C69" s="28">
        <v>41</v>
      </c>
      <c r="D69" s="29">
        <v>78</v>
      </c>
    </row>
    <row r="70" spans="1:4" ht="18" customHeight="1" x14ac:dyDescent="0.2">
      <c r="A70" s="31">
        <v>54</v>
      </c>
      <c r="B70" s="27">
        <v>38</v>
      </c>
      <c r="C70" s="28">
        <v>30</v>
      </c>
      <c r="D70" s="29">
        <v>68</v>
      </c>
    </row>
    <row r="71" spans="1:4" ht="18" customHeight="1" x14ac:dyDescent="0.2">
      <c r="A71" s="31" t="s">
        <v>59</v>
      </c>
      <c r="B71" s="27">
        <v>183</v>
      </c>
      <c r="C71" s="28">
        <v>191</v>
      </c>
      <c r="D71" s="29">
        <v>374</v>
      </c>
    </row>
    <row r="72" spans="1:4" ht="18" customHeight="1" x14ac:dyDescent="0.2">
      <c r="A72" s="31">
        <v>55</v>
      </c>
      <c r="B72" s="27">
        <v>29</v>
      </c>
      <c r="C72" s="28">
        <v>30</v>
      </c>
      <c r="D72" s="29">
        <v>59</v>
      </c>
    </row>
    <row r="73" spans="1:4" ht="18" customHeight="1" x14ac:dyDescent="0.2">
      <c r="A73" s="31">
        <v>56</v>
      </c>
      <c r="B73" s="27">
        <v>38</v>
      </c>
      <c r="C73" s="28">
        <v>25</v>
      </c>
      <c r="D73" s="29">
        <v>63</v>
      </c>
    </row>
    <row r="74" spans="1:4" ht="18" customHeight="1" x14ac:dyDescent="0.2">
      <c r="A74" s="31">
        <v>57</v>
      </c>
      <c r="B74" s="27">
        <v>34</v>
      </c>
      <c r="C74" s="28">
        <v>25</v>
      </c>
      <c r="D74" s="29">
        <v>59</v>
      </c>
    </row>
    <row r="75" spans="1:4" ht="18" customHeight="1" x14ac:dyDescent="0.2">
      <c r="A75" s="31">
        <v>58</v>
      </c>
      <c r="B75" s="27">
        <v>26</v>
      </c>
      <c r="C75" s="28">
        <v>38</v>
      </c>
      <c r="D75" s="29">
        <v>64</v>
      </c>
    </row>
    <row r="76" spans="1:4" ht="18" customHeight="1" x14ac:dyDescent="0.2">
      <c r="A76" s="31">
        <v>59</v>
      </c>
      <c r="B76" s="27">
        <v>41</v>
      </c>
      <c r="C76" s="28">
        <v>27</v>
      </c>
      <c r="D76" s="29">
        <v>68</v>
      </c>
    </row>
    <row r="77" spans="1:4" ht="18" customHeight="1" x14ac:dyDescent="0.2">
      <c r="A77" s="31" t="s">
        <v>60</v>
      </c>
      <c r="B77" s="27">
        <v>168</v>
      </c>
      <c r="C77" s="28">
        <v>145</v>
      </c>
      <c r="D77" s="29">
        <v>313</v>
      </c>
    </row>
    <row r="78" spans="1:4" ht="18" customHeight="1" x14ac:dyDescent="0.2">
      <c r="A78" s="31">
        <v>60</v>
      </c>
      <c r="B78" s="27">
        <v>22</v>
      </c>
      <c r="C78" s="28">
        <v>34</v>
      </c>
      <c r="D78" s="29">
        <v>56</v>
      </c>
    </row>
    <row r="79" spans="1:4" ht="18" customHeight="1" x14ac:dyDescent="0.2">
      <c r="A79" s="31">
        <v>61</v>
      </c>
      <c r="B79" s="27">
        <v>28</v>
      </c>
      <c r="C79" s="28">
        <v>32</v>
      </c>
      <c r="D79" s="29">
        <v>60</v>
      </c>
    </row>
    <row r="80" spans="1:4" ht="18" customHeight="1" x14ac:dyDescent="0.2">
      <c r="A80" s="31">
        <v>62</v>
      </c>
      <c r="B80" s="27">
        <v>29</v>
      </c>
      <c r="C80" s="28">
        <v>37</v>
      </c>
      <c r="D80" s="29">
        <v>66</v>
      </c>
    </row>
    <row r="81" spans="1:4" ht="18" customHeight="1" x14ac:dyDescent="0.2">
      <c r="A81" s="31">
        <v>63</v>
      </c>
      <c r="B81" s="27">
        <v>30</v>
      </c>
      <c r="C81" s="28">
        <v>32</v>
      </c>
      <c r="D81" s="29">
        <v>62</v>
      </c>
    </row>
    <row r="82" spans="1:4" ht="18" customHeight="1" x14ac:dyDescent="0.2">
      <c r="A82" s="31">
        <v>64</v>
      </c>
      <c r="B82" s="27">
        <v>31</v>
      </c>
      <c r="C82" s="28">
        <v>37</v>
      </c>
      <c r="D82" s="29">
        <v>68</v>
      </c>
    </row>
    <row r="83" spans="1:4" ht="18" customHeight="1" x14ac:dyDescent="0.2">
      <c r="A83" s="31" t="s">
        <v>61</v>
      </c>
      <c r="B83" s="27">
        <v>140</v>
      </c>
      <c r="C83" s="28">
        <v>172</v>
      </c>
      <c r="D83" s="29">
        <v>312</v>
      </c>
    </row>
    <row r="84" spans="1:4" ht="18" customHeight="1" x14ac:dyDescent="0.2">
      <c r="A84" s="31" t="s">
        <v>62</v>
      </c>
      <c r="B84" s="27">
        <v>1473</v>
      </c>
      <c r="C84" s="28">
        <v>1464</v>
      </c>
      <c r="D84" s="29">
        <v>2937</v>
      </c>
    </row>
    <row r="85" spans="1:4" ht="18" customHeight="1" x14ac:dyDescent="0.2">
      <c r="A85" s="31">
        <v>65</v>
      </c>
      <c r="B85" s="27">
        <v>31</v>
      </c>
      <c r="C85" s="28">
        <v>35</v>
      </c>
      <c r="D85" s="29">
        <v>66</v>
      </c>
    </row>
    <row r="86" spans="1:4" ht="18" customHeight="1" x14ac:dyDescent="0.2">
      <c r="A86" s="31">
        <v>66</v>
      </c>
      <c r="B86" s="27">
        <v>41</v>
      </c>
      <c r="C86" s="28">
        <v>34</v>
      </c>
      <c r="D86" s="29">
        <v>75</v>
      </c>
    </row>
    <row r="87" spans="1:4" ht="18" customHeight="1" x14ac:dyDescent="0.2">
      <c r="A87" s="31">
        <v>67</v>
      </c>
      <c r="B87" s="27">
        <v>32</v>
      </c>
      <c r="C87" s="28">
        <v>41</v>
      </c>
      <c r="D87" s="29">
        <v>73</v>
      </c>
    </row>
    <row r="88" spans="1:4" ht="18" customHeight="1" x14ac:dyDescent="0.2">
      <c r="A88" s="31">
        <v>68</v>
      </c>
      <c r="B88" s="27">
        <v>31</v>
      </c>
      <c r="C88" s="28">
        <v>36</v>
      </c>
      <c r="D88" s="29">
        <v>67</v>
      </c>
    </row>
    <row r="89" spans="1:4" ht="18" customHeight="1" x14ac:dyDescent="0.2">
      <c r="A89" s="31">
        <v>69</v>
      </c>
      <c r="B89" s="27">
        <v>44</v>
      </c>
      <c r="C89" s="28">
        <v>41</v>
      </c>
      <c r="D89" s="29">
        <v>85</v>
      </c>
    </row>
    <row r="90" spans="1:4" ht="18" customHeight="1" x14ac:dyDescent="0.2">
      <c r="A90" s="31" t="s">
        <v>63</v>
      </c>
      <c r="B90" s="27">
        <v>179</v>
      </c>
      <c r="C90" s="28">
        <v>187</v>
      </c>
      <c r="D90" s="29">
        <v>366</v>
      </c>
    </row>
    <row r="91" spans="1:4" ht="18" customHeight="1" x14ac:dyDescent="0.2">
      <c r="A91" s="31">
        <v>70</v>
      </c>
      <c r="B91" s="27">
        <v>41</v>
      </c>
      <c r="C91" s="28">
        <v>34</v>
      </c>
      <c r="D91" s="29">
        <v>75</v>
      </c>
    </row>
    <row r="92" spans="1:4" ht="18" customHeight="1" x14ac:dyDescent="0.2">
      <c r="A92" s="31">
        <v>71</v>
      </c>
      <c r="B92" s="27">
        <v>45</v>
      </c>
      <c r="C92" s="28">
        <v>44</v>
      </c>
      <c r="D92" s="29">
        <v>89</v>
      </c>
    </row>
    <row r="93" spans="1:4" ht="18" customHeight="1" x14ac:dyDescent="0.2">
      <c r="A93" s="31">
        <v>72</v>
      </c>
      <c r="B93" s="27">
        <v>20</v>
      </c>
      <c r="C93" s="28">
        <v>27</v>
      </c>
      <c r="D93" s="29">
        <v>47</v>
      </c>
    </row>
    <row r="94" spans="1:4" ht="18" customHeight="1" x14ac:dyDescent="0.2">
      <c r="A94" s="31">
        <v>73</v>
      </c>
      <c r="B94" s="27">
        <v>21</v>
      </c>
      <c r="C94" s="28">
        <v>18</v>
      </c>
      <c r="D94" s="29">
        <v>39</v>
      </c>
    </row>
    <row r="95" spans="1:4" ht="18" customHeight="1" x14ac:dyDescent="0.2">
      <c r="A95" s="31">
        <v>74</v>
      </c>
      <c r="B95" s="27">
        <v>26</v>
      </c>
      <c r="C95" s="28">
        <v>32</v>
      </c>
      <c r="D95" s="29">
        <v>58</v>
      </c>
    </row>
    <row r="96" spans="1:4" ht="18" customHeight="1" x14ac:dyDescent="0.2">
      <c r="A96" s="31" t="s">
        <v>64</v>
      </c>
      <c r="B96" s="27">
        <v>153</v>
      </c>
      <c r="C96" s="28">
        <v>155</v>
      </c>
      <c r="D96" s="29">
        <v>308</v>
      </c>
    </row>
    <row r="97" spans="1:4" ht="18" customHeight="1" x14ac:dyDescent="0.2">
      <c r="A97" s="31">
        <v>75</v>
      </c>
      <c r="B97" s="27">
        <v>16</v>
      </c>
      <c r="C97" s="28">
        <v>33</v>
      </c>
      <c r="D97" s="29">
        <v>49</v>
      </c>
    </row>
    <row r="98" spans="1:4" ht="18" customHeight="1" x14ac:dyDescent="0.2">
      <c r="A98" s="31">
        <v>76</v>
      </c>
      <c r="B98" s="27">
        <v>25</v>
      </c>
      <c r="C98" s="28">
        <v>36</v>
      </c>
      <c r="D98" s="29">
        <v>61</v>
      </c>
    </row>
    <row r="99" spans="1:4" ht="18" customHeight="1" x14ac:dyDescent="0.2">
      <c r="A99" s="31">
        <v>77</v>
      </c>
      <c r="B99" s="27">
        <v>22</v>
      </c>
      <c r="C99" s="28">
        <v>28</v>
      </c>
      <c r="D99" s="29">
        <v>50</v>
      </c>
    </row>
    <row r="100" spans="1:4" ht="18" customHeight="1" x14ac:dyDescent="0.2">
      <c r="A100" s="31">
        <v>78</v>
      </c>
      <c r="B100" s="27">
        <v>18</v>
      </c>
      <c r="C100" s="28">
        <v>34</v>
      </c>
      <c r="D100" s="29">
        <v>52</v>
      </c>
    </row>
    <row r="101" spans="1:4" ht="18" customHeight="1" x14ac:dyDescent="0.2">
      <c r="A101" s="31">
        <v>79</v>
      </c>
      <c r="B101" s="27">
        <v>17</v>
      </c>
      <c r="C101" s="28">
        <v>21</v>
      </c>
      <c r="D101" s="29">
        <v>38</v>
      </c>
    </row>
    <row r="102" spans="1:4" ht="18" customHeight="1" x14ac:dyDescent="0.2">
      <c r="A102" s="31" t="s">
        <v>65</v>
      </c>
      <c r="B102" s="27">
        <v>98</v>
      </c>
      <c r="C102" s="28">
        <v>152</v>
      </c>
      <c r="D102" s="29">
        <v>250</v>
      </c>
    </row>
    <row r="103" spans="1:4" ht="18" customHeight="1" x14ac:dyDescent="0.2">
      <c r="A103" s="31">
        <v>80</v>
      </c>
      <c r="B103" s="27">
        <v>26</v>
      </c>
      <c r="C103" s="28">
        <v>26</v>
      </c>
      <c r="D103" s="29">
        <v>52</v>
      </c>
    </row>
    <row r="104" spans="1:4" ht="18" customHeight="1" x14ac:dyDescent="0.2">
      <c r="A104" s="31">
        <v>81</v>
      </c>
      <c r="B104" s="27">
        <v>22</v>
      </c>
      <c r="C104" s="28">
        <v>29</v>
      </c>
      <c r="D104" s="29">
        <v>51</v>
      </c>
    </row>
    <row r="105" spans="1:4" ht="18" customHeight="1" x14ac:dyDescent="0.2">
      <c r="A105" s="31">
        <v>82</v>
      </c>
      <c r="B105" s="27">
        <v>24</v>
      </c>
      <c r="C105" s="28">
        <v>23</v>
      </c>
      <c r="D105" s="29">
        <v>47</v>
      </c>
    </row>
    <row r="106" spans="1:4" ht="18" customHeight="1" x14ac:dyDescent="0.2">
      <c r="A106" s="31">
        <v>83</v>
      </c>
      <c r="B106" s="27">
        <v>17</v>
      </c>
      <c r="C106" s="28">
        <v>25</v>
      </c>
      <c r="D106" s="29">
        <v>42</v>
      </c>
    </row>
    <row r="107" spans="1:4" ht="18" customHeight="1" x14ac:dyDescent="0.2">
      <c r="A107" s="31">
        <v>84</v>
      </c>
      <c r="B107" s="27">
        <v>12</v>
      </c>
      <c r="C107" s="28">
        <v>24</v>
      </c>
      <c r="D107" s="29">
        <v>36</v>
      </c>
    </row>
    <row r="108" spans="1:4" ht="18" customHeight="1" x14ac:dyDescent="0.2">
      <c r="A108" s="31" t="s">
        <v>66</v>
      </c>
      <c r="B108" s="27">
        <v>101</v>
      </c>
      <c r="C108" s="28">
        <v>127</v>
      </c>
      <c r="D108" s="29">
        <v>228</v>
      </c>
    </row>
    <row r="109" spans="1:4" ht="18" customHeight="1" x14ac:dyDescent="0.2">
      <c r="A109" s="31">
        <v>85</v>
      </c>
      <c r="B109" s="27">
        <v>14</v>
      </c>
      <c r="C109" s="28">
        <v>24</v>
      </c>
      <c r="D109" s="29">
        <v>38</v>
      </c>
    </row>
    <row r="110" spans="1:4" ht="18" customHeight="1" x14ac:dyDescent="0.2">
      <c r="A110" s="31">
        <v>86</v>
      </c>
      <c r="B110" s="27">
        <v>13</v>
      </c>
      <c r="C110" s="28">
        <v>29</v>
      </c>
      <c r="D110" s="29">
        <v>42</v>
      </c>
    </row>
    <row r="111" spans="1:4" ht="18" customHeight="1" x14ac:dyDescent="0.2">
      <c r="A111" s="31">
        <v>87</v>
      </c>
      <c r="B111" s="27">
        <v>11</v>
      </c>
      <c r="C111" s="28">
        <v>21</v>
      </c>
      <c r="D111" s="29">
        <v>32</v>
      </c>
    </row>
    <row r="112" spans="1:4" ht="18" customHeight="1" x14ac:dyDescent="0.2">
      <c r="A112" s="31">
        <v>88</v>
      </c>
      <c r="B112" s="27">
        <v>10</v>
      </c>
      <c r="C112" s="28">
        <v>16</v>
      </c>
      <c r="D112" s="29">
        <v>26</v>
      </c>
    </row>
    <row r="113" spans="1:4" ht="18" customHeight="1" x14ac:dyDescent="0.2">
      <c r="A113" s="31">
        <v>89</v>
      </c>
      <c r="B113" s="27">
        <v>9</v>
      </c>
      <c r="C113" s="28">
        <v>15</v>
      </c>
      <c r="D113" s="29">
        <v>24</v>
      </c>
    </row>
    <row r="114" spans="1:4" ht="18" customHeight="1" x14ac:dyDescent="0.2">
      <c r="A114" s="31" t="s">
        <v>67</v>
      </c>
      <c r="B114" s="27">
        <v>57</v>
      </c>
      <c r="C114" s="28">
        <v>105</v>
      </c>
      <c r="D114" s="29">
        <v>162</v>
      </c>
    </row>
    <row r="115" spans="1:4" ht="18" customHeight="1" x14ac:dyDescent="0.2">
      <c r="A115" s="31">
        <v>90</v>
      </c>
      <c r="B115" s="27">
        <v>5</v>
      </c>
      <c r="C115" s="28">
        <v>17</v>
      </c>
      <c r="D115" s="29">
        <v>22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4</v>
      </c>
      <c r="C117" s="28">
        <v>5</v>
      </c>
      <c r="D117" s="29">
        <v>9</v>
      </c>
    </row>
    <row r="118" spans="1:4" ht="18" customHeight="1" x14ac:dyDescent="0.2">
      <c r="A118" s="31">
        <v>93</v>
      </c>
      <c r="B118" s="27">
        <v>5</v>
      </c>
      <c r="C118" s="28">
        <v>4</v>
      </c>
      <c r="D118" s="29">
        <v>9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18</v>
      </c>
      <c r="C120" s="28">
        <v>38</v>
      </c>
      <c r="D120" s="29">
        <v>56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3</v>
      </c>
      <c r="C122" s="28">
        <v>2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6</v>
      </c>
      <c r="D123" s="29">
        <v>6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20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610</v>
      </c>
      <c r="C130" s="5">
        <v>786</v>
      </c>
      <c r="D130" s="6">
        <v>1396</v>
      </c>
    </row>
    <row r="131" spans="1:4" ht="18" customHeight="1" x14ac:dyDescent="0.2">
      <c r="A131" s="33" t="s">
        <v>47</v>
      </c>
      <c r="B131" s="7">
        <v>2409</v>
      </c>
      <c r="C131" s="8">
        <v>2523</v>
      </c>
      <c r="D131" s="9">
        <v>49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2</v>
      </c>
      <c r="C5" s="37">
        <v>169</v>
      </c>
      <c r="D5" s="39">
        <v>351</v>
      </c>
    </row>
    <row r="6" spans="1:10" ht="18" customHeight="1" x14ac:dyDescent="0.2">
      <c r="A6" s="31">
        <v>1</v>
      </c>
      <c r="B6" s="35">
        <v>167</v>
      </c>
      <c r="C6" s="28">
        <v>181</v>
      </c>
      <c r="D6" s="29">
        <v>348</v>
      </c>
    </row>
    <row r="7" spans="1:10" ht="18" customHeight="1" x14ac:dyDescent="0.2">
      <c r="A7" s="31">
        <v>2</v>
      </c>
      <c r="B7" s="35">
        <v>215</v>
      </c>
      <c r="C7" s="28">
        <v>170</v>
      </c>
      <c r="D7" s="29">
        <v>385</v>
      </c>
    </row>
    <row r="8" spans="1:10" ht="18" customHeight="1" x14ac:dyDescent="0.2">
      <c r="A8" s="31">
        <v>3</v>
      </c>
      <c r="B8" s="35">
        <v>202</v>
      </c>
      <c r="C8" s="28">
        <v>162</v>
      </c>
      <c r="D8" s="29">
        <v>364</v>
      </c>
    </row>
    <row r="9" spans="1:10" ht="18" customHeight="1" x14ac:dyDescent="0.2">
      <c r="A9" s="31">
        <v>4</v>
      </c>
      <c r="B9" s="36">
        <v>188</v>
      </c>
      <c r="C9" s="38">
        <v>162</v>
      </c>
      <c r="D9" s="40">
        <v>350</v>
      </c>
    </row>
    <row r="10" spans="1:10" ht="18" customHeight="1" x14ac:dyDescent="0.2">
      <c r="A10" s="31" t="s">
        <v>48</v>
      </c>
      <c r="B10" s="27">
        <v>954</v>
      </c>
      <c r="C10" s="28">
        <v>844</v>
      </c>
      <c r="D10" s="29">
        <v>1798</v>
      </c>
    </row>
    <row r="11" spans="1:10" ht="18" customHeight="1" x14ac:dyDescent="0.2">
      <c r="A11" s="31">
        <v>5</v>
      </c>
      <c r="B11" s="35">
        <v>205</v>
      </c>
      <c r="C11" s="28">
        <v>216</v>
      </c>
      <c r="D11" s="29">
        <v>421</v>
      </c>
    </row>
    <row r="12" spans="1:10" ht="18" customHeight="1" x14ac:dyDescent="0.2">
      <c r="A12" s="31">
        <v>6</v>
      </c>
      <c r="B12" s="35">
        <v>194</v>
      </c>
      <c r="C12" s="28">
        <v>197</v>
      </c>
      <c r="D12" s="29">
        <v>391</v>
      </c>
    </row>
    <row r="13" spans="1:10" ht="18" customHeight="1" x14ac:dyDescent="0.2">
      <c r="A13" s="31">
        <v>7</v>
      </c>
      <c r="B13" s="35">
        <v>212</v>
      </c>
      <c r="C13" s="28">
        <v>210</v>
      </c>
      <c r="D13" s="29">
        <v>422</v>
      </c>
    </row>
    <row r="14" spans="1:10" ht="18" customHeight="1" x14ac:dyDescent="0.2">
      <c r="A14" s="31">
        <v>8</v>
      </c>
      <c r="B14" s="35">
        <v>212</v>
      </c>
      <c r="C14" s="28">
        <v>220</v>
      </c>
      <c r="D14" s="29">
        <v>432</v>
      </c>
    </row>
    <row r="15" spans="1:10" ht="18" customHeight="1" x14ac:dyDescent="0.2">
      <c r="A15" s="31">
        <v>9</v>
      </c>
      <c r="B15" s="35">
        <v>232</v>
      </c>
      <c r="C15" s="28">
        <v>224</v>
      </c>
      <c r="D15" s="29">
        <v>456</v>
      </c>
    </row>
    <row r="16" spans="1:10" ht="18" customHeight="1" x14ac:dyDescent="0.2">
      <c r="A16" s="31" t="s">
        <v>49</v>
      </c>
      <c r="B16" s="27">
        <v>1055</v>
      </c>
      <c r="C16" s="28">
        <v>1067</v>
      </c>
      <c r="D16" s="29">
        <v>2122</v>
      </c>
    </row>
    <row r="17" spans="1:4" ht="18" customHeight="1" x14ac:dyDescent="0.2">
      <c r="A17" s="31">
        <v>10</v>
      </c>
      <c r="B17" s="27">
        <v>260</v>
      </c>
      <c r="C17" s="28">
        <v>221</v>
      </c>
      <c r="D17" s="29">
        <v>481</v>
      </c>
    </row>
    <row r="18" spans="1:4" ht="18" customHeight="1" x14ac:dyDescent="0.2">
      <c r="A18" s="31">
        <v>11</v>
      </c>
      <c r="B18" s="27">
        <v>220</v>
      </c>
      <c r="C18" s="28">
        <v>228</v>
      </c>
      <c r="D18" s="29">
        <v>448</v>
      </c>
    </row>
    <row r="19" spans="1:4" ht="18" customHeight="1" x14ac:dyDescent="0.2">
      <c r="A19" s="31">
        <v>12</v>
      </c>
      <c r="B19" s="27">
        <v>252</v>
      </c>
      <c r="C19" s="28">
        <v>219</v>
      </c>
      <c r="D19" s="29">
        <v>471</v>
      </c>
    </row>
    <row r="20" spans="1:4" ht="18" customHeight="1" x14ac:dyDescent="0.2">
      <c r="A20" s="31">
        <v>13</v>
      </c>
      <c r="B20" s="27">
        <v>222</v>
      </c>
      <c r="C20" s="28">
        <v>201</v>
      </c>
      <c r="D20" s="29">
        <v>423</v>
      </c>
    </row>
    <row r="21" spans="1:4" ht="18" customHeight="1" x14ac:dyDescent="0.2">
      <c r="A21" s="31">
        <v>14</v>
      </c>
      <c r="B21" s="27">
        <v>272</v>
      </c>
      <c r="C21" s="28">
        <v>242</v>
      </c>
      <c r="D21" s="29">
        <v>514</v>
      </c>
    </row>
    <row r="22" spans="1:4" ht="18" customHeight="1" x14ac:dyDescent="0.2">
      <c r="A22" s="31" t="s">
        <v>50</v>
      </c>
      <c r="B22" s="27">
        <v>1226</v>
      </c>
      <c r="C22" s="28">
        <v>1111</v>
      </c>
      <c r="D22" s="29">
        <v>2337</v>
      </c>
    </row>
    <row r="23" spans="1:4" ht="18" customHeight="1" x14ac:dyDescent="0.2">
      <c r="A23" s="31" t="s">
        <v>51</v>
      </c>
      <c r="B23" s="27">
        <v>3235</v>
      </c>
      <c r="C23" s="28">
        <v>3022</v>
      </c>
      <c r="D23" s="29">
        <v>6257</v>
      </c>
    </row>
    <row r="24" spans="1:4" ht="18" customHeight="1" x14ac:dyDescent="0.2">
      <c r="A24" s="31">
        <v>15</v>
      </c>
      <c r="B24" s="27">
        <v>220</v>
      </c>
      <c r="C24" s="28">
        <v>202</v>
      </c>
      <c r="D24" s="29">
        <v>422</v>
      </c>
    </row>
    <row r="25" spans="1:4" ht="18" customHeight="1" x14ac:dyDescent="0.2">
      <c r="A25" s="31">
        <v>16</v>
      </c>
      <c r="B25" s="27">
        <v>223</v>
      </c>
      <c r="C25" s="28">
        <v>225</v>
      </c>
      <c r="D25" s="29">
        <v>448</v>
      </c>
    </row>
    <row r="26" spans="1:4" ht="18" customHeight="1" x14ac:dyDescent="0.2">
      <c r="A26" s="31">
        <v>17</v>
      </c>
      <c r="B26" s="27">
        <v>216</v>
      </c>
      <c r="C26" s="28">
        <v>208</v>
      </c>
      <c r="D26" s="29">
        <v>424</v>
      </c>
    </row>
    <row r="27" spans="1:4" ht="18" customHeight="1" x14ac:dyDescent="0.2">
      <c r="A27" s="31">
        <v>18</v>
      </c>
      <c r="B27" s="27">
        <v>246</v>
      </c>
      <c r="C27" s="28">
        <v>195</v>
      </c>
      <c r="D27" s="29">
        <v>441</v>
      </c>
    </row>
    <row r="28" spans="1:4" ht="18" customHeight="1" x14ac:dyDescent="0.2">
      <c r="A28" s="31">
        <v>19</v>
      </c>
      <c r="B28" s="27">
        <v>184</v>
      </c>
      <c r="C28" s="28">
        <v>208</v>
      </c>
      <c r="D28" s="29">
        <v>392</v>
      </c>
    </row>
    <row r="29" spans="1:4" ht="18" customHeight="1" x14ac:dyDescent="0.2">
      <c r="A29" s="31" t="s">
        <v>52</v>
      </c>
      <c r="B29" s="27">
        <v>1089</v>
      </c>
      <c r="C29" s="28">
        <v>1038</v>
      </c>
      <c r="D29" s="29">
        <v>2127</v>
      </c>
    </row>
    <row r="30" spans="1:4" ht="18" customHeight="1" x14ac:dyDescent="0.2">
      <c r="A30" s="31">
        <v>20</v>
      </c>
      <c r="B30" s="27">
        <v>188</v>
      </c>
      <c r="C30" s="28">
        <v>219</v>
      </c>
      <c r="D30" s="29">
        <v>407</v>
      </c>
    </row>
    <row r="31" spans="1:4" ht="18" customHeight="1" x14ac:dyDescent="0.2">
      <c r="A31" s="31">
        <v>21</v>
      </c>
      <c r="B31" s="27">
        <v>193</v>
      </c>
      <c r="C31" s="28">
        <v>204</v>
      </c>
      <c r="D31" s="29">
        <v>397</v>
      </c>
    </row>
    <row r="32" spans="1:4" ht="18" customHeight="1" x14ac:dyDescent="0.2">
      <c r="A32" s="31">
        <v>22</v>
      </c>
      <c r="B32" s="27">
        <v>193</v>
      </c>
      <c r="C32" s="28">
        <v>197</v>
      </c>
      <c r="D32" s="29">
        <v>390</v>
      </c>
    </row>
    <row r="33" spans="1:4" ht="18" customHeight="1" x14ac:dyDescent="0.2">
      <c r="A33" s="31">
        <v>23</v>
      </c>
      <c r="B33" s="27">
        <v>217</v>
      </c>
      <c r="C33" s="28">
        <v>196</v>
      </c>
      <c r="D33" s="29">
        <v>413</v>
      </c>
    </row>
    <row r="34" spans="1:4" ht="18" customHeight="1" x14ac:dyDescent="0.2">
      <c r="A34" s="31">
        <v>24</v>
      </c>
      <c r="B34" s="27">
        <v>197</v>
      </c>
      <c r="C34" s="28">
        <v>215</v>
      </c>
      <c r="D34" s="29">
        <v>412</v>
      </c>
    </row>
    <row r="35" spans="1:4" ht="18" customHeight="1" x14ac:dyDescent="0.2">
      <c r="A35" s="31" t="s">
        <v>53</v>
      </c>
      <c r="B35" s="27">
        <v>988</v>
      </c>
      <c r="C35" s="28">
        <v>1031</v>
      </c>
      <c r="D35" s="29">
        <v>2019</v>
      </c>
    </row>
    <row r="36" spans="1:4" ht="18" customHeight="1" x14ac:dyDescent="0.2">
      <c r="A36" s="31">
        <v>25</v>
      </c>
      <c r="B36" s="27">
        <v>233</v>
      </c>
      <c r="C36" s="28">
        <v>206</v>
      </c>
      <c r="D36" s="29">
        <v>439</v>
      </c>
    </row>
    <row r="37" spans="1:4" ht="18" customHeight="1" x14ac:dyDescent="0.2">
      <c r="A37" s="31">
        <v>26</v>
      </c>
      <c r="B37" s="27">
        <v>235</v>
      </c>
      <c r="C37" s="28">
        <v>200</v>
      </c>
      <c r="D37" s="29">
        <v>435</v>
      </c>
    </row>
    <row r="38" spans="1:4" ht="18" customHeight="1" x14ac:dyDescent="0.2">
      <c r="A38" s="31">
        <v>27</v>
      </c>
      <c r="B38" s="27">
        <v>239</v>
      </c>
      <c r="C38" s="28">
        <v>192</v>
      </c>
      <c r="D38" s="29">
        <v>431</v>
      </c>
    </row>
    <row r="39" spans="1:4" ht="18" customHeight="1" x14ac:dyDescent="0.2">
      <c r="A39" s="31">
        <v>28</v>
      </c>
      <c r="B39" s="27">
        <v>251</v>
      </c>
      <c r="C39" s="28">
        <v>198</v>
      </c>
      <c r="D39" s="29">
        <v>449</v>
      </c>
    </row>
    <row r="40" spans="1:4" ht="18" customHeight="1" x14ac:dyDescent="0.2">
      <c r="A40" s="31">
        <v>29</v>
      </c>
      <c r="B40" s="27">
        <v>248</v>
      </c>
      <c r="C40" s="28">
        <v>181</v>
      </c>
      <c r="D40" s="29">
        <v>429</v>
      </c>
    </row>
    <row r="41" spans="1:4" ht="18" customHeight="1" x14ac:dyDescent="0.2">
      <c r="A41" s="31" t="s">
        <v>54</v>
      </c>
      <c r="B41" s="27">
        <v>1206</v>
      </c>
      <c r="C41" s="28">
        <v>977</v>
      </c>
      <c r="D41" s="29">
        <v>2183</v>
      </c>
    </row>
    <row r="42" spans="1:4" ht="18" customHeight="1" x14ac:dyDescent="0.2">
      <c r="A42" s="31">
        <v>30</v>
      </c>
      <c r="B42" s="27">
        <v>227</v>
      </c>
      <c r="C42" s="28">
        <v>200</v>
      </c>
      <c r="D42" s="29">
        <v>427</v>
      </c>
    </row>
    <row r="43" spans="1:4" ht="18" customHeight="1" x14ac:dyDescent="0.2">
      <c r="A43" s="31">
        <v>31</v>
      </c>
      <c r="B43" s="27">
        <v>228</v>
      </c>
      <c r="C43" s="28">
        <v>237</v>
      </c>
      <c r="D43" s="29">
        <v>465</v>
      </c>
    </row>
    <row r="44" spans="1:4" ht="18" customHeight="1" x14ac:dyDescent="0.2">
      <c r="A44" s="31">
        <v>32</v>
      </c>
      <c r="B44" s="27">
        <v>243</v>
      </c>
      <c r="C44" s="28">
        <v>221</v>
      </c>
      <c r="D44" s="29">
        <v>464</v>
      </c>
    </row>
    <row r="45" spans="1:4" ht="18" customHeight="1" x14ac:dyDescent="0.2">
      <c r="A45" s="31">
        <v>33</v>
      </c>
      <c r="B45" s="27">
        <v>241</v>
      </c>
      <c r="C45" s="28">
        <v>251</v>
      </c>
      <c r="D45" s="29">
        <v>492</v>
      </c>
    </row>
    <row r="46" spans="1:4" ht="18" customHeight="1" x14ac:dyDescent="0.2">
      <c r="A46" s="31">
        <v>34</v>
      </c>
      <c r="B46" s="27">
        <v>249</v>
      </c>
      <c r="C46" s="28">
        <v>260</v>
      </c>
      <c r="D46" s="29">
        <v>509</v>
      </c>
    </row>
    <row r="47" spans="1:4" ht="18" customHeight="1" x14ac:dyDescent="0.2">
      <c r="A47" s="31" t="s">
        <v>55</v>
      </c>
      <c r="B47" s="27">
        <v>1188</v>
      </c>
      <c r="C47" s="28">
        <v>1169</v>
      </c>
      <c r="D47" s="29">
        <v>2357</v>
      </c>
    </row>
    <row r="48" spans="1:4" ht="18" customHeight="1" x14ac:dyDescent="0.2">
      <c r="A48" s="31">
        <v>35</v>
      </c>
      <c r="B48" s="27">
        <v>261</v>
      </c>
      <c r="C48" s="28">
        <v>247</v>
      </c>
      <c r="D48" s="29">
        <v>508</v>
      </c>
    </row>
    <row r="49" spans="1:4" ht="18" customHeight="1" x14ac:dyDescent="0.2">
      <c r="A49" s="31">
        <v>36</v>
      </c>
      <c r="B49" s="27">
        <v>250</v>
      </c>
      <c r="C49" s="28">
        <v>266</v>
      </c>
      <c r="D49" s="29">
        <v>516</v>
      </c>
    </row>
    <row r="50" spans="1:4" ht="18" customHeight="1" x14ac:dyDescent="0.2">
      <c r="A50" s="31">
        <v>37</v>
      </c>
      <c r="B50" s="27">
        <v>260</v>
      </c>
      <c r="C50" s="28">
        <v>256</v>
      </c>
      <c r="D50" s="29">
        <v>516</v>
      </c>
    </row>
    <row r="51" spans="1:4" ht="18" customHeight="1" x14ac:dyDescent="0.2">
      <c r="A51" s="31">
        <v>38</v>
      </c>
      <c r="B51" s="27">
        <v>297</v>
      </c>
      <c r="C51" s="28">
        <v>279</v>
      </c>
      <c r="D51" s="29">
        <v>576</v>
      </c>
    </row>
    <row r="52" spans="1:4" ht="18" customHeight="1" x14ac:dyDescent="0.2">
      <c r="A52" s="31">
        <v>39</v>
      </c>
      <c r="B52" s="27">
        <v>267</v>
      </c>
      <c r="C52" s="28">
        <v>291</v>
      </c>
      <c r="D52" s="29">
        <v>558</v>
      </c>
    </row>
    <row r="53" spans="1:4" ht="18" customHeight="1" x14ac:dyDescent="0.2">
      <c r="A53" s="31" t="s">
        <v>56</v>
      </c>
      <c r="B53" s="27">
        <v>1335</v>
      </c>
      <c r="C53" s="28">
        <v>1339</v>
      </c>
      <c r="D53" s="29">
        <v>2674</v>
      </c>
    </row>
    <row r="54" spans="1:4" ht="18" customHeight="1" x14ac:dyDescent="0.2">
      <c r="A54" s="31">
        <v>40</v>
      </c>
      <c r="B54" s="27">
        <v>360</v>
      </c>
      <c r="C54" s="28">
        <v>294</v>
      </c>
      <c r="D54" s="29">
        <v>654</v>
      </c>
    </row>
    <row r="55" spans="1:4" ht="18" customHeight="1" x14ac:dyDescent="0.2">
      <c r="A55" s="31">
        <v>41</v>
      </c>
      <c r="B55" s="27">
        <v>349</v>
      </c>
      <c r="C55" s="28">
        <v>347</v>
      </c>
      <c r="D55" s="29">
        <v>696</v>
      </c>
    </row>
    <row r="56" spans="1:4" ht="18" customHeight="1" x14ac:dyDescent="0.2">
      <c r="A56" s="31">
        <v>42</v>
      </c>
      <c r="B56" s="27">
        <v>356</v>
      </c>
      <c r="C56" s="28">
        <v>339</v>
      </c>
      <c r="D56" s="29">
        <v>695</v>
      </c>
    </row>
    <row r="57" spans="1:4" ht="18" customHeight="1" x14ac:dyDescent="0.2">
      <c r="A57" s="31">
        <v>43</v>
      </c>
      <c r="B57" s="27">
        <v>349</v>
      </c>
      <c r="C57" s="28">
        <v>333</v>
      </c>
      <c r="D57" s="29">
        <v>682</v>
      </c>
    </row>
    <row r="58" spans="1:4" ht="18" customHeight="1" x14ac:dyDescent="0.2">
      <c r="A58" s="31">
        <v>44</v>
      </c>
      <c r="B58" s="27">
        <v>364</v>
      </c>
      <c r="C58" s="28">
        <v>351</v>
      </c>
      <c r="D58" s="29">
        <v>715</v>
      </c>
    </row>
    <row r="59" spans="1:4" ht="18" customHeight="1" x14ac:dyDescent="0.2">
      <c r="A59" s="31" t="s">
        <v>57</v>
      </c>
      <c r="B59" s="27">
        <v>1778</v>
      </c>
      <c r="C59" s="28">
        <v>1664</v>
      </c>
      <c r="D59" s="29">
        <v>3442</v>
      </c>
    </row>
    <row r="60" spans="1:4" ht="18" customHeight="1" x14ac:dyDescent="0.2">
      <c r="A60" s="31">
        <v>45</v>
      </c>
      <c r="B60" s="27">
        <v>386</v>
      </c>
      <c r="C60" s="28">
        <v>374</v>
      </c>
      <c r="D60" s="29">
        <v>760</v>
      </c>
    </row>
    <row r="61" spans="1:4" ht="18" customHeight="1" x14ac:dyDescent="0.2">
      <c r="A61" s="31">
        <v>46</v>
      </c>
      <c r="B61" s="27">
        <v>350</v>
      </c>
      <c r="C61" s="28">
        <v>353</v>
      </c>
      <c r="D61" s="29">
        <v>703</v>
      </c>
    </row>
    <row r="62" spans="1:4" ht="18" customHeight="1" x14ac:dyDescent="0.2">
      <c r="A62" s="31">
        <v>47</v>
      </c>
      <c r="B62" s="27">
        <v>327</v>
      </c>
      <c r="C62" s="28">
        <v>342</v>
      </c>
      <c r="D62" s="29">
        <v>669</v>
      </c>
    </row>
    <row r="63" spans="1:4" ht="18" customHeight="1" x14ac:dyDescent="0.2">
      <c r="A63" s="31">
        <v>48</v>
      </c>
      <c r="B63" s="27">
        <v>309</v>
      </c>
      <c r="C63" s="28">
        <v>301</v>
      </c>
      <c r="D63" s="29">
        <v>610</v>
      </c>
    </row>
    <row r="64" spans="1:4" ht="18" customHeight="1" x14ac:dyDescent="0.2">
      <c r="A64" s="31">
        <v>49</v>
      </c>
      <c r="B64" s="27">
        <v>314</v>
      </c>
      <c r="C64" s="28">
        <v>281</v>
      </c>
      <c r="D64" s="29">
        <v>595</v>
      </c>
    </row>
    <row r="65" spans="1:4" ht="18" customHeight="1" x14ac:dyDescent="0.2">
      <c r="A65" s="31" t="s">
        <v>58</v>
      </c>
      <c r="B65" s="27">
        <v>1686</v>
      </c>
      <c r="C65" s="28">
        <v>1651</v>
      </c>
      <c r="D65" s="29">
        <v>3337</v>
      </c>
    </row>
    <row r="66" spans="1:4" ht="18" customHeight="1" x14ac:dyDescent="0.2">
      <c r="A66" s="31">
        <v>50</v>
      </c>
      <c r="B66" s="27">
        <v>291</v>
      </c>
      <c r="C66" s="28">
        <v>318</v>
      </c>
      <c r="D66" s="29">
        <v>609</v>
      </c>
    </row>
    <row r="67" spans="1:4" ht="18" customHeight="1" x14ac:dyDescent="0.2">
      <c r="A67" s="31">
        <v>51</v>
      </c>
      <c r="B67" s="27">
        <v>272</v>
      </c>
      <c r="C67" s="28">
        <v>277</v>
      </c>
      <c r="D67" s="29">
        <v>549</v>
      </c>
    </row>
    <row r="68" spans="1:4" ht="18" customHeight="1" x14ac:dyDescent="0.2">
      <c r="A68" s="31">
        <v>52</v>
      </c>
      <c r="B68" s="27">
        <v>200</v>
      </c>
      <c r="C68" s="28">
        <v>193</v>
      </c>
      <c r="D68" s="29">
        <v>393</v>
      </c>
    </row>
    <row r="69" spans="1:4" ht="18" customHeight="1" x14ac:dyDescent="0.2">
      <c r="A69" s="31">
        <v>53</v>
      </c>
      <c r="B69" s="27">
        <v>262</v>
      </c>
      <c r="C69" s="28">
        <v>300</v>
      </c>
      <c r="D69" s="29">
        <v>562</v>
      </c>
    </row>
    <row r="70" spans="1:4" ht="18" customHeight="1" x14ac:dyDescent="0.2">
      <c r="A70" s="31">
        <v>54</v>
      </c>
      <c r="B70" s="27">
        <v>252</v>
      </c>
      <c r="C70" s="28">
        <v>249</v>
      </c>
      <c r="D70" s="29">
        <v>501</v>
      </c>
    </row>
    <row r="71" spans="1:4" ht="18" customHeight="1" x14ac:dyDescent="0.2">
      <c r="A71" s="31" t="s">
        <v>59</v>
      </c>
      <c r="B71" s="27">
        <v>1277</v>
      </c>
      <c r="C71" s="28">
        <v>1337</v>
      </c>
      <c r="D71" s="29">
        <v>2614</v>
      </c>
    </row>
    <row r="72" spans="1:4" ht="18" customHeight="1" x14ac:dyDescent="0.2">
      <c r="A72" s="31">
        <v>55</v>
      </c>
      <c r="B72" s="27">
        <v>242</v>
      </c>
      <c r="C72" s="28">
        <v>270</v>
      </c>
      <c r="D72" s="29">
        <v>512</v>
      </c>
    </row>
    <row r="73" spans="1:4" ht="18" customHeight="1" x14ac:dyDescent="0.2">
      <c r="A73" s="31">
        <v>56</v>
      </c>
      <c r="B73" s="27">
        <v>249</v>
      </c>
      <c r="C73" s="28">
        <v>231</v>
      </c>
      <c r="D73" s="29">
        <v>480</v>
      </c>
    </row>
    <row r="74" spans="1:4" ht="18" customHeight="1" x14ac:dyDescent="0.2">
      <c r="A74" s="31">
        <v>57</v>
      </c>
      <c r="B74" s="27">
        <v>216</v>
      </c>
      <c r="C74" s="28">
        <v>248</v>
      </c>
      <c r="D74" s="29">
        <v>464</v>
      </c>
    </row>
    <row r="75" spans="1:4" ht="18" customHeight="1" x14ac:dyDescent="0.2">
      <c r="A75" s="31">
        <v>58</v>
      </c>
      <c r="B75" s="27">
        <v>217</v>
      </c>
      <c r="C75" s="28">
        <v>256</v>
      </c>
      <c r="D75" s="29">
        <v>473</v>
      </c>
    </row>
    <row r="76" spans="1:4" ht="18" customHeight="1" x14ac:dyDescent="0.2">
      <c r="A76" s="31">
        <v>59</v>
      </c>
      <c r="B76" s="27">
        <v>252</v>
      </c>
      <c r="C76" s="28">
        <v>208</v>
      </c>
      <c r="D76" s="29">
        <v>460</v>
      </c>
    </row>
    <row r="77" spans="1:4" ht="18" customHeight="1" x14ac:dyDescent="0.2">
      <c r="A77" s="31" t="s">
        <v>60</v>
      </c>
      <c r="B77" s="27">
        <v>1176</v>
      </c>
      <c r="C77" s="28">
        <v>1213</v>
      </c>
      <c r="D77" s="29">
        <v>2389</v>
      </c>
    </row>
    <row r="78" spans="1:4" ht="18" customHeight="1" x14ac:dyDescent="0.2">
      <c r="A78" s="31">
        <v>60</v>
      </c>
      <c r="B78" s="27">
        <v>200</v>
      </c>
      <c r="C78" s="28">
        <v>231</v>
      </c>
      <c r="D78" s="29">
        <v>431</v>
      </c>
    </row>
    <row r="79" spans="1:4" ht="18" customHeight="1" x14ac:dyDescent="0.2">
      <c r="A79" s="31">
        <v>61</v>
      </c>
      <c r="B79" s="27">
        <v>192</v>
      </c>
      <c r="C79" s="28">
        <v>224</v>
      </c>
      <c r="D79" s="29">
        <v>416</v>
      </c>
    </row>
    <row r="80" spans="1:4" ht="18" customHeight="1" x14ac:dyDescent="0.2">
      <c r="A80" s="31">
        <v>62</v>
      </c>
      <c r="B80" s="27">
        <v>240</v>
      </c>
      <c r="C80" s="28">
        <v>227</v>
      </c>
      <c r="D80" s="29">
        <v>467</v>
      </c>
    </row>
    <row r="81" spans="1:4" ht="18" customHeight="1" x14ac:dyDescent="0.2">
      <c r="A81" s="31">
        <v>63</v>
      </c>
      <c r="B81" s="27">
        <v>232</v>
      </c>
      <c r="C81" s="28">
        <v>269</v>
      </c>
      <c r="D81" s="29">
        <v>501</v>
      </c>
    </row>
    <row r="82" spans="1:4" ht="18" customHeight="1" x14ac:dyDescent="0.2">
      <c r="A82" s="31">
        <v>64</v>
      </c>
      <c r="B82" s="27">
        <v>238</v>
      </c>
      <c r="C82" s="28">
        <v>246</v>
      </c>
      <c r="D82" s="29">
        <v>484</v>
      </c>
    </row>
    <row r="83" spans="1:4" ht="18" customHeight="1" x14ac:dyDescent="0.2">
      <c r="A83" s="31" t="s">
        <v>61</v>
      </c>
      <c r="B83" s="27">
        <v>1102</v>
      </c>
      <c r="C83" s="28">
        <v>1197</v>
      </c>
      <c r="D83" s="29">
        <v>2299</v>
      </c>
    </row>
    <row r="84" spans="1:4" ht="18" customHeight="1" x14ac:dyDescent="0.2">
      <c r="A84" s="31" t="s">
        <v>62</v>
      </c>
      <c r="B84" s="27">
        <v>12825</v>
      </c>
      <c r="C84" s="28">
        <v>12616</v>
      </c>
      <c r="D84" s="29">
        <v>25441</v>
      </c>
    </row>
    <row r="85" spans="1:4" ht="18" customHeight="1" x14ac:dyDescent="0.2">
      <c r="A85" s="31">
        <v>65</v>
      </c>
      <c r="B85" s="27">
        <v>260</v>
      </c>
      <c r="C85" s="28">
        <v>252</v>
      </c>
      <c r="D85" s="29">
        <v>512</v>
      </c>
    </row>
    <row r="86" spans="1:4" ht="18" customHeight="1" x14ac:dyDescent="0.2">
      <c r="A86" s="31">
        <v>66</v>
      </c>
      <c r="B86" s="27">
        <v>266</v>
      </c>
      <c r="C86" s="28">
        <v>276</v>
      </c>
      <c r="D86" s="29">
        <v>542</v>
      </c>
    </row>
    <row r="87" spans="1:4" ht="18" customHeight="1" x14ac:dyDescent="0.2">
      <c r="A87" s="31">
        <v>67</v>
      </c>
      <c r="B87" s="27">
        <v>238</v>
      </c>
      <c r="C87" s="28">
        <v>284</v>
      </c>
      <c r="D87" s="29">
        <v>522</v>
      </c>
    </row>
    <row r="88" spans="1:4" ht="18" customHeight="1" x14ac:dyDescent="0.2">
      <c r="A88" s="31">
        <v>68</v>
      </c>
      <c r="B88" s="27">
        <v>273</v>
      </c>
      <c r="C88" s="28">
        <v>287</v>
      </c>
      <c r="D88" s="29">
        <v>560</v>
      </c>
    </row>
    <row r="89" spans="1:4" ht="18" customHeight="1" x14ac:dyDescent="0.2">
      <c r="A89" s="31">
        <v>69</v>
      </c>
      <c r="B89" s="27">
        <v>306</v>
      </c>
      <c r="C89" s="28">
        <v>311</v>
      </c>
      <c r="D89" s="29">
        <v>617</v>
      </c>
    </row>
    <row r="90" spans="1:4" ht="18" customHeight="1" x14ac:dyDescent="0.2">
      <c r="A90" s="31" t="s">
        <v>63</v>
      </c>
      <c r="B90" s="27">
        <v>1343</v>
      </c>
      <c r="C90" s="28">
        <v>1410</v>
      </c>
      <c r="D90" s="29">
        <v>2753</v>
      </c>
    </row>
    <row r="91" spans="1:4" ht="18" customHeight="1" x14ac:dyDescent="0.2">
      <c r="A91" s="31">
        <v>70</v>
      </c>
      <c r="B91" s="27">
        <v>333</v>
      </c>
      <c r="C91" s="28">
        <v>325</v>
      </c>
      <c r="D91" s="29">
        <v>658</v>
      </c>
    </row>
    <row r="92" spans="1:4" ht="18" customHeight="1" x14ac:dyDescent="0.2">
      <c r="A92" s="31">
        <v>71</v>
      </c>
      <c r="B92" s="27">
        <v>311</v>
      </c>
      <c r="C92" s="28">
        <v>347</v>
      </c>
      <c r="D92" s="29">
        <v>658</v>
      </c>
    </row>
    <row r="93" spans="1:4" ht="18" customHeight="1" x14ac:dyDescent="0.2">
      <c r="A93" s="31">
        <v>72</v>
      </c>
      <c r="B93" s="27">
        <v>163</v>
      </c>
      <c r="C93" s="28">
        <v>182</v>
      </c>
      <c r="D93" s="29">
        <v>345</v>
      </c>
    </row>
    <row r="94" spans="1:4" ht="18" customHeight="1" x14ac:dyDescent="0.2">
      <c r="A94" s="31">
        <v>73</v>
      </c>
      <c r="B94" s="27">
        <v>147</v>
      </c>
      <c r="C94" s="28">
        <v>146</v>
      </c>
      <c r="D94" s="29">
        <v>293</v>
      </c>
    </row>
    <row r="95" spans="1:4" ht="18" customHeight="1" x14ac:dyDescent="0.2">
      <c r="A95" s="31">
        <v>74</v>
      </c>
      <c r="B95" s="27">
        <v>196</v>
      </c>
      <c r="C95" s="28">
        <v>228</v>
      </c>
      <c r="D95" s="29">
        <v>424</v>
      </c>
    </row>
    <row r="96" spans="1:4" ht="18" customHeight="1" x14ac:dyDescent="0.2">
      <c r="A96" s="31" t="s">
        <v>64</v>
      </c>
      <c r="B96" s="27">
        <v>1150</v>
      </c>
      <c r="C96" s="28">
        <v>1228</v>
      </c>
      <c r="D96" s="29">
        <v>2378</v>
      </c>
    </row>
    <row r="97" spans="1:4" ht="18" customHeight="1" x14ac:dyDescent="0.2">
      <c r="A97" s="31">
        <v>75</v>
      </c>
      <c r="B97" s="27">
        <v>173</v>
      </c>
      <c r="C97" s="28">
        <v>211</v>
      </c>
      <c r="D97" s="29">
        <v>384</v>
      </c>
    </row>
    <row r="98" spans="1:4" ht="18" customHeight="1" x14ac:dyDescent="0.2">
      <c r="A98" s="31">
        <v>76</v>
      </c>
      <c r="B98" s="27">
        <v>188</v>
      </c>
      <c r="C98" s="28">
        <v>216</v>
      </c>
      <c r="D98" s="29">
        <v>404</v>
      </c>
    </row>
    <row r="99" spans="1:4" ht="18" customHeight="1" x14ac:dyDescent="0.2">
      <c r="A99" s="31">
        <v>77</v>
      </c>
      <c r="B99" s="27">
        <v>171</v>
      </c>
      <c r="C99" s="28">
        <v>200</v>
      </c>
      <c r="D99" s="29">
        <v>371</v>
      </c>
    </row>
    <row r="100" spans="1:4" ht="18" customHeight="1" x14ac:dyDescent="0.2">
      <c r="A100" s="31">
        <v>78</v>
      </c>
      <c r="B100" s="27">
        <v>139</v>
      </c>
      <c r="C100" s="28">
        <v>192</v>
      </c>
      <c r="D100" s="29">
        <v>331</v>
      </c>
    </row>
    <row r="101" spans="1:4" ht="18" customHeight="1" x14ac:dyDescent="0.2">
      <c r="A101" s="31">
        <v>79</v>
      </c>
      <c r="B101" s="27">
        <v>118</v>
      </c>
      <c r="C101" s="28">
        <v>153</v>
      </c>
      <c r="D101" s="29">
        <v>271</v>
      </c>
    </row>
    <row r="102" spans="1:4" ht="18" customHeight="1" x14ac:dyDescent="0.2">
      <c r="A102" s="31" t="s">
        <v>65</v>
      </c>
      <c r="B102" s="27">
        <v>789</v>
      </c>
      <c r="C102" s="28">
        <v>972</v>
      </c>
      <c r="D102" s="29">
        <v>1761</v>
      </c>
    </row>
    <row r="103" spans="1:4" ht="18" customHeight="1" x14ac:dyDescent="0.2">
      <c r="A103" s="31">
        <v>80</v>
      </c>
      <c r="B103" s="27">
        <v>135</v>
      </c>
      <c r="C103" s="28">
        <v>154</v>
      </c>
      <c r="D103" s="29">
        <v>289</v>
      </c>
    </row>
    <row r="104" spans="1:4" ht="18" customHeight="1" x14ac:dyDescent="0.2">
      <c r="A104" s="31">
        <v>81</v>
      </c>
      <c r="B104" s="27">
        <v>111</v>
      </c>
      <c r="C104" s="28">
        <v>151</v>
      </c>
      <c r="D104" s="29">
        <v>262</v>
      </c>
    </row>
    <row r="105" spans="1:4" ht="18" customHeight="1" x14ac:dyDescent="0.2">
      <c r="A105" s="31">
        <v>82</v>
      </c>
      <c r="B105" s="27">
        <v>124</v>
      </c>
      <c r="C105" s="28">
        <v>167</v>
      </c>
      <c r="D105" s="29">
        <v>291</v>
      </c>
    </row>
    <row r="106" spans="1:4" ht="18" customHeight="1" x14ac:dyDescent="0.2">
      <c r="A106" s="31">
        <v>83</v>
      </c>
      <c r="B106" s="27">
        <v>100</v>
      </c>
      <c r="C106" s="28">
        <v>170</v>
      </c>
      <c r="D106" s="29">
        <v>270</v>
      </c>
    </row>
    <row r="107" spans="1:4" ht="18" customHeight="1" x14ac:dyDescent="0.2">
      <c r="A107" s="31">
        <v>84</v>
      </c>
      <c r="B107" s="27">
        <v>74</v>
      </c>
      <c r="C107" s="28">
        <v>139</v>
      </c>
      <c r="D107" s="29">
        <v>213</v>
      </c>
    </row>
    <row r="108" spans="1:4" ht="18" customHeight="1" x14ac:dyDescent="0.2">
      <c r="A108" s="31" t="s">
        <v>66</v>
      </c>
      <c r="B108" s="27">
        <v>544</v>
      </c>
      <c r="C108" s="28">
        <v>781</v>
      </c>
      <c r="D108" s="29">
        <v>1325</v>
      </c>
    </row>
    <row r="109" spans="1:4" ht="18" customHeight="1" x14ac:dyDescent="0.2">
      <c r="A109" s="31">
        <v>85</v>
      </c>
      <c r="B109" s="27">
        <v>82</v>
      </c>
      <c r="C109" s="28">
        <v>186</v>
      </c>
      <c r="D109" s="29">
        <v>268</v>
      </c>
    </row>
    <row r="110" spans="1:4" ht="18" customHeight="1" x14ac:dyDescent="0.2">
      <c r="A110" s="31">
        <v>86</v>
      </c>
      <c r="B110" s="27">
        <v>69</v>
      </c>
      <c r="C110" s="28">
        <v>156</v>
      </c>
      <c r="D110" s="29">
        <v>225</v>
      </c>
    </row>
    <row r="111" spans="1:4" ht="18" customHeight="1" x14ac:dyDescent="0.2">
      <c r="A111" s="31">
        <v>87</v>
      </c>
      <c r="B111" s="27">
        <v>70</v>
      </c>
      <c r="C111" s="28">
        <v>119</v>
      </c>
      <c r="D111" s="29">
        <v>189</v>
      </c>
    </row>
    <row r="112" spans="1:4" ht="18" customHeight="1" x14ac:dyDescent="0.2">
      <c r="A112" s="31">
        <v>88</v>
      </c>
      <c r="B112" s="27">
        <v>54</v>
      </c>
      <c r="C112" s="28">
        <v>122</v>
      </c>
      <c r="D112" s="29">
        <v>176</v>
      </c>
    </row>
    <row r="113" spans="1:4" ht="18" customHeight="1" x14ac:dyDescent="0.2">
      <c r="A113" s="31">
        <v>89</v>
      </c>
      <c r="B113" s="27">
        <v>54</v>
      </c>
      <c r="C113" s="28">
        <v>111</v>
      </c>
      <c r="D113" s="29">
        <v>165</v>
      </c>
    </row>
    <row r="114" spans="1:4" ht="18" customHeight="1" x14ac:dyDescent="0.2">
      <c r="A114" s="31" t="s">
        <v>67</v>
      </c>
      <c r="B114" s="27">
        <v>329</v>
      </c>
      <c r="C114" s="28">
        <v>694</v>
      </c>
      <c r="D114" s="29">
        <v>1023</v>
      </c>
    </row>
    <row r="115" spans="1:4" ht="18" customHeight="1" x14ac:dyDescent="0.2">
      <c r="A115" s="31">
        <v>90</v>
      </c>
      <c r="B115" s="27">
        <v>42</v>
      </c>
      <c r="C115" s="28">
        <v>99</v>
      </c>
      <c r="D115" s="29">
        <v>141</v>
      </c>
    </row>
    <row r="116" spans="1:4" ht="18" customHeight="1" x14ac:dyDescent="0.2">
      <c r="A116" s="31">
        <v>91</v>
      </c>
      <c r="B116" s="27">
        <v>41</v>
      </c>
      <c r="C116" s="28">
        <v>87</v>
      </c>
      <c r="D116" s="29">
        <v>128</v>
      </c>
    </row>
    <row r="117" spans="1:4" ht="18" customHeight="1" x14ac:dyDescent="0.2">
      <c r="A117" s="31">
        <v>92</v>
      </c>
      <c r="B117" s="27">
        <v>29</v>
      </c>
      <c r="C117" s="28">
        <v>70</v>
      </c>
      <c r="D117" s="29">
        <v>99</v>
      </c>
    </row>
    <row r="118" spans="1:4" ht="18" customHeight="1" x14ac:dyDescent="0.2">
      <c r="A118" s="31">
        <v>93</v>
      </c>
      <c r="B118" s="27">
        <v>24</v>
      </c>
      <c r="C118" s="28">
        <v>57</v>
      </c>
      <c r="D118" s="29">
        <v>81</v>
      </c>
    </row>
    <row r="119" spans="1:4" ht="18" customHeight="1" x14ac:dyDescent="0.2">
      <c r="A119" s="31">
        <v>94</v>
      </c>
      <c r="B119" s="27">
        <v>15</v>
      </c>
      <c r="C119" s="28">
        <v>46</v>
      </c>
      <c r="D119" s="29">
        <v>61</v>
      </c>
    </row>
    <row r="120" spans="1:4" ht="18" customHeight="1" x14ac:dyDescent="0.2">
      <c r="A120" s="31" t="s">
        <v>68</v>
      </c>
      <c r="B120" s="27">
        <v>151</v>
      </c>
      <c r="C120" s="28">
        <v>359</v>
      </c>
      <c r="D120" s="29">
        <v>510</v>
      </c>
    </row>
    <row r="121" spans="1:4" ht="18" customHeight="1" x14ac:dyDescent="0.2">
      <c r="A121" s="31">
        <v>95</v>
      </c>
      <c r="B121" s="27">
        <v>9</v>
      </c>
      <c r="C121" s="28">
        <v>38</v>
      </c>
      <c r="D121" s="29">
        <v>47</v>
      </c>
    </row>
    <row r="122" spans="1:4" ht="18" customHeight="1" x14ac:dyDescent="0.2">
      <c r="A122" s="31">
        <v>96</v>
      </c>
      <c r="B122" s="27">
        <v>12</v>
      </c>
      <c r="C122" s="28">
        <v>26</v>
      </c>
      <c r="D122" s="29">
        <v>38</v>
      </c>
    </row>
    <row r="123" spans="1:4" ht="18" customHeight="1" x14ac:dyDescent="0.2">
      <c r="A123" s="31">
        <v>97</v>
      </c>
      <c r="B123" s="27">
        <v>3</v>
      </c>
      <c r="C123" s="28">
        <v>26</v>
      </c>
      <c r="D123" s="29">
        <v>29</v>
      </c>
    </row>
    <row r="124" spans="1:4" ht="18" customHeight="1" x14ac:dyDescent="0.2">
      <c r="A124" s="31">
        <v>98</v>
      </c>
      <c r="B124" s="27">
        <v>0</v>
      </c>
      <c r="C124" s="28">
        <v>16</v>
      </c>
      <c r="D124" s="29">
        <v>16</v>
      </c>
    </row>
    <row r="125" spans="1:4" ht="18" customHeight="1" x14ac:dyDescent="0.2">
      <c r="A125" s="31">
        <v>99</v>
      </c>
      <c r="B125" s="27">
        <v>2</v>
      </c>
      <c r="C125" s="28">
        <v>17</v>
      </c>
      <c r="D125" s="29">
        <v>19</v>
      </c>
    </row>
    <row r="126" spans="1:4" ht="18" customHeight="1" x14ac:dyDescent="0.2">
      <c r="A126" s="31" t="s">
        <v>69</v>
      </c>
      <c r="B126" s="27">
        <v>26</v>
      </c>
      <c r="C126" s="28">
        <v>123</v>
      </c>
      <c r="D126" s="29">
        <v>149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3</v>
      </c>
      <c r="C128" s="28">
        <v>10</v>
      </c>
      <c r="D128" s="29">
        <v>13</v>
      </c>
    </row>
    <row r="129" spans="1:4" ht="18" customHeight="1" x14ac:dyDescent="0.2">
      <c r="A129" s="31" t="s">
        <v>71</v>
      </c>
      <c r="B129" s="27">
        <v>3</v>
      </c>
      <c r="C129" s="28">
        <v>13</v>
      </c>
      <c r="D129" s="29">
        <v>16</v>
      </c>
    </row>
    <row r="130" spans="1:4" ht="18" customHeight="1" x14ac:dyDescent="0.2">
      <c r="A130" s="31" t="s">
        <v>72</v>
      </c>
      <c r="B130" s="4">
        <v>4335</v>
      </c>
      <c r="C130" s="5">
        <v>5580</v>
      </c>
      <c r="D130" s="6">
        <v>9915</v>
      </c>
    </row>
    <row r="131" spans="1:4" ht="18" customHeight="1" x14ac:dyDescent="0.2">
      <c r="A131" s="33" t="s">
        <v>47</v>
      </c>
      <c r="B131" s="7">
        <v>20395</v>
      </c>
      <c r="C131" s="8">
        <v>21218</v>
      </c>
      <c r="D131" s="9">
        <v>416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0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1</v>
      </c>
      <c r="C68" s="28">
        <v>0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1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</v>
      </c>
      <c r="C83" s="28">
        <v>1</v>
      </c>
      <c r="D83" s="29">
        <v>2</v>
      </c>
    </row>
    <row r="84" spans="1:4" ht="18" customHeight="1" x14ac:dyDescent="0.2">
      <c r="A84" s="31" t="s">
        <v>62</v>
      </c>
      <c r="B84" s="27">
        <v>3</v>
      </c>
      <c r="C84" s="28">
        <v>3</v>
      </c>
      <c r="D84" s="29">
        <v>6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0</v>
      </c>
      <c r="D90" s="29">
        <v>0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1</v>
      </c>
      <c r="D102" s="29">
        <v>1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1</v>
      </c>
      <c r="C108" s="28">
        <v>0</v>
      </c>
      <c r="D108" s="29">
        <v>1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0</v>
      </c>
      <c r="C114" s="28">
        <v>2</v>
      </c>
      <c r="D114" s="29">
        <v>2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1</v>
      </c>
      <c r="D120" s="29">
        <v>1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5</v>
      </c>
      <c r="D130" s="6">
        <v>7</v>
      </c>
    </row>
    <row r="131" spans="1:4" ht="18" customHeight="1" x14ac:dyDescent="0.2">
      <c r="A131" s="33" t="s">
        <v>47</v>
      </c>
      <c r="B131" s="7">
        <v>5</v>
      </c>
      <c r="C131" s="8">
        <v>9</v>
      </c>
      <c r="D131" s="9">
        <v>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3</v>
      </c>
      <c r="D5" s="39">
        <v>5</v>
      </c>
    </row>
    <row r="6" spans="1:10" ht="18" customHeight="1" x14ac:dyDescent="0.2">
      <c r="A6" s="31">
        <v>1</v>
      </c>
      <c r="B6" s="35">
        <v>5</v>
      </c>
      <c r="C6" s="28">
        <v>1</v>
      </c>
      <c r="D6" s="29">
        <v>6</v>
      </c>
    </row>
    <row r="7" spans="1:10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10" ht="18" customHeight="1" x14ac:dyDescent="0.2">
      <c r="A8" s="31">
        <v>3</v>
      </c>
      <c r="B8" s="35">
        <v>3</v>
      </c>
      <c r="C8" s="28">
        <v>5</v>
      </c>
      <c r="D8" s="29">
        <v>8</v>
      </c>
    </row>
    <row r="9" spans="1:10" ht="18" customHeight="1" x14ac:dyDescent="0.2">
      <c r="A9" s="31">
        <v>4</v>
      </c>
      <c r="B9" s="36">
        <v>6</v>
      </c>
      <c r="C9" s="38">
        <v>0</v>
      </c>
      <c r="D9" s="40">
        <v>6</v>
      </c>
    </row>
    <row r="10" spans="1:10" ht="18" customHeight="1" x14ac:dyDescent="0.2">
      <c r="A10" s="31" t="s">
        <v>48</v>
      </c>
      <c r="B10" s="27">
        <v>19</v>
      </c>
      <c r="C10" s="28">
        <v>12</v>
      </c>
      <c r="D10" s="29">
        <v>31</v>
      </c>
    </row>
    <row r="11" spans="1:10" ht="18" customHeight="1" x14ac:dyDescent="0.2">
      <c r="A11" s="31">
        <v>5</v>
      </c>
      <c r="B11" s="35">
        <v>0</v>
      </c>
      <c r="C11" s="28">
        <v>2</v>
      </c>
      <c r="D11" s="29">
        <v>2</v>
      </c>
    </row>
    <row r="12" spans="1:10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10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10" ht="18" customHeight="1" x14ac:dyDescent="0.2">
      <c r="A14" s="31">
        <v>8</v>
      </c>
      <c r="B14" s="35">
        <v>6</v>
      </c>
      <c r="C14" s="28">
        <v>2</v>
      </c>
      <c r="D14" s="29">
        <v>8</v>
      </c>
    </row>
    <row r="15" spans="1:10" ht="18" customHeight="1" x14ac:dyDescent="0.2">
      <c r="A15" s="31">
        <v>9</v>
      </c>
      <c r="B15" s="35">
        <v>4</v>
      </c>
      <c r="C15" s="28">
        <v>3</v>
      </c>
      <c r="D15" s="29">
        <v>7</v>
      </c>
    </row>
    <row r="16" spans="1:10" ht="18" customHeight="1" x14ac:dyDescent="0.2">
      <c r="A16" s="31" t="s">
        <v>49</v>
      </c>
      <c r="B16" s="27">
        <v>17</v>
      </c>
      <c r="C16" s="28">
        <v>12</v>
      </c>
      <c r="D16" s="29">
        <v>29</v>
      </c>
    </row>
    <row r="17" spans="1:4" ht="18" customHeight="1" x14ac:dyDescent="0.2">
      <c r="A17" s="31">
        <v>10</v>
      </c>
      <c r="B17" s="27">
        <v>4</v>
      </c>
      <c r="C17" s="28">
        <v>4</v>
      </c>
      <c r="D17" s="29">
        <v>8</v>
      </c>
    </row>
    <row r="18" spans="1:4" ht="18" customHeight="1" x14ac:dyDescent="0.2">
      <c r="A18" s="31">
        <v>11</v>
      </c>
      <c r="B18" s="27">
        <v>5</v>
      </c>
      <c r="C18" s="28">
        <v>0</v>
      </c>
      <c r="D18" s="29">
        <v>5</v>
      </c>
    </row>
    <row r="19" spans="1:4" ht="18" customHeight="1" x14ac:dyDescent="0.2">
      <c r="A19" s="31">
        <v>12</v>
      </c>
      <c r="B19" s="27">
        <v>6</v>
      </c>
      <c r="C19" s="28">
        <v>6</v>
      </c>
      <c r="D19" s="29">
        <v>12</v>
      </c>
    </row>
    <row r="20" spans="1:4" ht="18" customHeight="1" x14ac:dyDescent="0.2">
      <c r="A20" s="31">
        <v>13</v>
      </c>
      <c r="B20" s="27">
        <v>5</v>
      </c>
      <c r="C20" s="28">
        <v>6</v>
      </c>
      <c r="D20" s="29">
        <v>11</v>
      </c>
    </row>
    <row r="21" spans="1:4" ht="18" customHeight="1" x14ac:dyDescent="0.2">
      <c r="A21" s="31">
        <v>14</v>
      </c>
      <c r="B21" s="27">
        <v>7</v>
      </c>
      <c r="C21" s="28">
        <v>3</v>
      </c>
      <c r="D21" s="29">
        <v>10</v>
      </c>
    </row>
    <row r="22" spans="1:4" ht="18" customHeight="1" x14ac:dyDescent="0.2">
      <c r="A22" s="31" t="s">
        <v>50</v>
      </c>
      <c r="B22" s="27">
        <v>27</v>
      </c>
      <c r="C22" s="28">
        <v>19</v>
      </c>
      <c r="D22" s="29">
        <v>46</v>
      </c>
    </row>
    <row r="23" spans="1:4" ht="18" customHeight="1" x14ac:dyDescent="0.2">
      <c r="A23" s="31" t="s">
        <v>51</v>
      </c>
      <c r="B23" s="27">
        <v>63</v>
      </c>
      <c r="C23" s="28">
        <v>43</v>
      </c>
      <c r="D23" s="29">
        <v>106</v>
      </c>
    </row>
    <row r="24" spans="1:4" ht="18" customHeight="1" x14ac:dyDescent="0.2">
      <c r="A24" s="31">
        <v>15</v>
      </c>
      <c r="B24" s="27">
        <v>4</v>
      </c>
      <c r="C24" s="28">
        <v>3</v>
      </c>
      <c r="D24" s="29">
        <v>7</v>
      </c>
    </row>
    <row r="25" spans="1:4" ht="18" customHeight="1" x14ac:dyDescent="0.2">
      <c r="A25" s="31">
        <v>16</v>
      </c>
      <c r="B25" s="27">
        <v>4</v>
      </c>
      <c r="C25" s="28">
        <v>7</v>
      </c>
      <c r="D25" s="29">
        <v>11</v>
      </c>
    </row>
    <row r="26" spans="1:4" ht="18" customHeight="1" x14ac:dyDescent="0.2">
      <c r="A26" s="31">
        <v>17</v>
      </c>
      <c r="B26" s="27">
        <v>4</v>
      </c>
      <c r="C26" s="28">
        <v>3</v>
      </c>
      <c r="D26" s="29">
        <v>7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2</v>
      </c>
      <c r="C28" s="28">
        <v>3</v>
      </c>
      <c r="D28" s="29">
        <v>5</v>
      </c>
    </row>
    <row r="29" spans="1:4" ht="18" customHeight="1" x14ac:dyDescent="0.2">
      <c r="A29" s="31" t="s">
        <v>52</v>
      </c>
      <c r="B29" s="27">
        <v>16</v>
      </c>
      <c r="C29" s="28">
        <v>20</v>
      </c>
      <c r="D29" s="29">
        <v>36</v>
      </c>
    </row>
    <row r="30" spans="1:4" ht="18" customHeight="1" x14ac:dyDescent="0.2">
      <c r="A30" s="31">
        <v>20</v>
      </c>
      <c r="B30" s="27">
        <v>4</v>
      </c>
      <c r="C30" s="28">
        <v>8</v>
      </c>
      <c r="D30" s="29">
        <v>12</v>
      </c>
    </row>
    <row r="31" spans="1:4" ht="18" customHeight="1" x14ac:dyDescent="0.2">
      <c r="A31" s="31">
        <v>21</v>
      </c>
      <c r="B31" s="27">
        <v>5</v>
      </c>
      <c r="C31" s="28">
        <v>1</v>
      </c>
      <c r="D31" s="29">
        <v>6</v>
      </c>
    </row>
    <row r="32" spans="1:4" ht="18" customHeight="1" x14ac:dyDescent="0.2">
      <c r="A32" s="31">
        <v>22</v>
      </c>
      <c r="B32" s="27">
        <v>7</v>
      </c>
      <c r="C32" s="28">
        <v>3</v>
      </c>
      <c r="D32" s="29">
        <v>10</v>
      </c>
    </row>
    <row r="33" spans="1:4" ht="18" customHeight="1" x14ac:dyDescent="0.2">
      <c r="A33" s="31">
        <v>23</v>
      </c>
      <c r="B33" s="27">
        <v>5</v>
      </c>
      <c r="C33" s="28">
        <v>1</v>
      </c>
      <c r="D33" s="29">
        <v>6</v>
      </c>
    </row>
    <row r="34" spans="1:4" ht="18" customHeight="1" x14ac:dyDescent="0.2">
      <c r="A34" s="31">
        <v>24</v>
      </c>
      <c r="B34" s="27">
        <v>4</v>
      </c>
      <c r="C34" s="28">
        <v>2</v>
      </c>
      <c r="D34" s="29">
        <v>6</v>
      </c>
    </row>
    <row r="35" spans="1:4" ht="18" customHeight="1" x14ac:dyDescent="0.2">
      <c r="A35" s="31" t="s">
        <v>53</v>
      </c>
      <c r="B35" s="27">
        <v>25</v>
      </c>
      <c r="C35" s="28">
        <v>15</v>
      </c>
      <c r="D35" s="29">
        <v>40</v>
      </c>
    </row>
    <row r="36" spans="1:4" ht="18" customHeight="1" x14ac:dyDescent="0.2">
      <c r="A36" s="31">
        <v>25</v>
      </c>
      <c r="B36" s="27">
        <v>3</v>
      </c>
      <c r="C36" s="28">
        <v>7</v>
      </c>
      <c r="D36" s="29">
        <v>10</v>
      </c>
    </row>
    <row r="37" spans="1:4" ht="18" customHeight="1" x14ac:dyDescent="0.2">
      <c r="A37" s="31">
        <v>26</v>
      </c>
      <c r="B37" s="27">
        <v>5</v>
      </c>
      <c r="C37" s="28">
        <v>6</v>
      </c>
      <c r="D37" s="29">
        <v>11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6</v>
      </c>
      <c r="C40" s="28">
        <v>5</v>
      </c>
      <c r="D40" s="29">
        <v>11</v>
      </c>
    </row>
    <row r="41" spans="1:4" ht="18" customHeight="1" x14ac:dyDescent="0.2">
      <c r="A41" s="31" t="s">
        <v>54</v>
      </c>
      <c r="B41" s="27">
        <v>21</v>
      </c>
      <c r="C41" s="28">
        <v>25</v>
      </c>
      <c r="D41" s="29">
        <v>46</v>
      </c>
    </row>
    <row r="42" spans="1:4" ht="18" customHeight="1" x14ac:dyDescent="0.2">
      <c r="A42" s="31">
        <v>30</v>
      </c>
      <c r="B42" s="27">
        <v>6</v>
      </c>
      <c r="C42" s="28">
        <v>10</v>
      </c>
      <c r="D42" s="29">
        <v>16</v>
      </c>
    </row>
    <row r="43" spans="1:4" ht="18" customHeight="1" x14ac:dyDescent="0.2">
      <c r="A43" s="31">
        <v>31</v>
      </c>
      <c r="B43" s="27">
        <v>4</v>
      </c>
      <c r="C43" s="28">
        <v>5</v>
      </c>
      <c r="D43" s="29">
        <v>9</v>
      </c>
    </row>
    <row r="44" spans="1:4" ht="18" customHeight="1" x14ac:dyDescent="0.2">
      <c r="A44" s="31">
        <v>32</v>
      </c>
      <c r="B44" s="27">
        <v>3</v>
      </c>
      <c r="C44" s="28">
        <v>5</v>
      </c>
      <c r="D44" s="29">
        <v>8</v>
      </c>
    </row>
    <row r="45" spans="1:4" ht="18" customHeight="1" x14ac:dyDescent="0.2">
      <c r="A45" s="31">
        <v>33</v>
      </c>
      <c r="B45" s="27">
        <v>6</v>
      </c>
      <c r="C45" s="28">
        <v>3</v>
      </c>
      <c r="D45" s="29">
        <v>9</v>
      </c>
    </row>
    <row r="46" spans="1:4" ht="18" customHeight="1" x14ac:dyDescent="0.2">
      <c r="A46" s="31">
        <v>34</v>
      </c>
      <c r="B46" s="27">
        <v>3</v>
      </c>
      <c r="C46" s="28">
        <v>2</v>
      </c>
      <c r="D46" s="29">
        <v>5</v>
      </c>
    </row>
    <row r="47" spans="1:4" ht="18" customHeight="1" x14ac:dyDescent="0.2">
      <c r="A47" s="31" t="s">
        <v>55</v>
      </c>
      <c r="B47" s="27">
        <v>22</v>
      </c>
      <c r="C47" s="28">
        <v>25</v>
      </c>
      <c r="D47" s="29">
        <v>47</v>
      </c>
    </row>
    <row r="48" spans="1:4" ht="18" customHeight="1" x14ac:dyDescent="0.2">
      <c r="A48" s="31">
        <v>35</v>
      </c>
      <c r="B48" s="27">
        <v>4</v>
      </c>
      <c r="C48" s="28">
        <v>4</v>
      </c>
      <c r="D48" s="29">
        <v>8</v>
      </c>
    </row>
    <row r="49" spans="1:4" ht="18" customHeight="1" x14ac:dyDescent="0.2">
      <c r="A49" s="31">
        <v>36</v>
      </c>
      <c r="B49" s="27">
        <v>7</v>
      </c>
      <c r="C49" s="28">
        <v>5</v>
      </c>
      <c r="D49" s="29">
        <v>12</v>
      </c>
    </row>
    <row r="50" spans="1:4" ht="18" customHeight="1" x14ac:dyDescent="0.2">
      <c r="A50" s="31">
        <v>37</v>
      </c>
      <c r="B50" s="27">
        <v>6</v>
      </c>
      <c r="C50" s="28">
        <v>7</v>
      </c>
      <c r="D50" s="29">
        <v>13</v>
      </c>
    </row>
    <row r="51" spans="1:4" ht="18" customHeight="1" x14ac:dyDescent="0.2">
      <c r="A51" s="31">
        <v>38</v>
      </c>
      <c r="B51" s="27">
        <v>5</v>
      </c>
      <c r="C51" s="28">
        <v>5</v>
      </c>
      <c r="D51" s="29">
        <v>10</v>
      </c>
    </row>
    <row r="52" spans="1:4" ht="18" customHeight="1" x14ac:dyDescent="0.2">
      <c r="A52" s="31">
        <v>39</v>
      </c>
      <c r="B52" s="27">
        <v>2</v>
      </c>
      <c r="C52" s="28">
        <v>2</v>
      </c>
      <c r="D52" s="29">
        <v>4</v>
      </c>
    </row>
    <row r="53" spans="1:4" ht="18" customHeight="1" x14ac:dyDescent="0.2">
      <c r="A53" s="31" t="s">
        <v>56</v>
      </c>
      <c r="B53" s="27">
        <v>24</v>
      </c>
      <c r="C53" s="28">
        <v>23</v>
      </c>
      <c r="D53" s="29">
        <v>47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3</v>
      </c>
      <c r="C55" s="28">
        <v>3</v>
      </c>
      <c r="D55" s="29">
        <v>6</v>
      </c>
    </row>
    <row r="56" spans="1:4" ht="18" customHeight="1" x14ac:dyDescent="0.2">
      <c r="A56" s="31">
        <v>42</v>
      </c>
      <c r="B56" s="27">
        <v>7</v>
      </c>
      <c r="C56" s="28">
        <v>4</v>
      </c>
      <c r="D56" s="29">
        <v>11</v>
      </c>
    </row>
    <row r="57" spans="1:4" ht="18" customHeight="1" x14ac:dyDescent="0.2">
      <c r="A57" s="31">
        <v>43</v>
      </c>
      <c r="B57" s="27">
        <v>2</v>
      </c>
      <c r="C57" s="28">
        <v>9</v>
      </c>
      <c r="D57" s="29">
        <v>11</v>
      </c>
    </row>
    <row r="58" spans="1:4" ht="18" customHeight="1" x14ac:dyDescent="0.2">
      <c r="A58" s="31">
        <v>44</v>
      </c>
      <c r="B58" s="27">
        <v>9</v>
      </c>
      <c r="C58" s="28">
        <v>4</v>
      </c>
      <c r="D58" s="29">
        <v>13</v>
      </c>
    </row>
    <row r="59" spans="1:4" ht="18" customHeight="1" x14ac:dyDescent="0.2">
      <c r="A59" s="31" t="s">
        <v>57</v>
      </c>
      <c r="B59" s="27">
        <v>25</v>
      </c>
      <c r="C59" s="28">
        <v>25</v>
      </c>
      <c r="D59" s="29">
        <v>50</v>
      </c>
    </row>
    <row r="60" spans="1:4" ht="18" customHeight="1" x14ac:dyDescent="0.2">
      <c r="A60" s="31">
        <v>45</v>
      </c>
      <c r="B60" s="27">
        <v>7</v>
      </c>
      <c r="C60" s="28">
        <v>7</v>
      </c>
      <c r="D60" s="29">
        <v>14</v>
      </c>
    </row>
    <row r="61" spans="1:4" ht="18" customHeight="1" x14ac:dyDescent="0.2">
      <c r="A61" s="31">
        <v>46</v>
      </c>
      <c r="B61" s="27">
        <v>4</v>
      </c>
      <c r="C61" s="28">
        <v>5</v>
      </c>
      <c r="D61" s="29">
        <v>9</v>
      </c>
    </row>
    <row r="62" spans="1:4" ht="18" customHeight="1" x14ac:dyDescent="0.2">
      <c r="A62" s="31">
        <v>47</v>
      </c>
      <c r="B62" s="27">
        <v>5</v>
      </c>
      <c r="C62" s="28">
        <v>4</v>
      </c>
      <c r="D62" s="29">
        <v>9</v>
      </c>
    </row>
    <row r="63" spans="1:4" ht="18" customHeight="1" x14ac:dyDescent="0.2">
      <c r="A63" s="31">
        <v>48</v>
      </c>
      <c r="B63" s="27">
        <v>6</v>
      </c>
      <c r="C63" s="28">
        <v>6</v>
      </c>
      <c r="D63" s="29">
        <v>12</v>
      </c>
    </row>
    <row r="64" spans="1:4" ht="18" customHeight="1" x14ac:dyDescent="0.2">
      <c r="A64" s="31">
        <v>49</v>
      </c>
      <c r="B64" s="27">
        <v>5</v>
      </c>
      <c r="C64" s="28">
        <v>6</v>
      </c>
      <c r="D64" s="29">
        <v>11</v>
      </c>
    </row>
    <row r="65" spans="1:4" ht="18" customHeight="1" x14ac:dyDescent="0.2">
      <c r="A65" s="31" t="s">
        <v>58</v>
      </c>
      <c r="B65" s="27">
        <v>27</v>
      </c>
      <c r="C65" s="28">
        <v>28</v>
      </c>
      <c r="D65" s="29">
        <v>55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4</v>
      </c>
      <c r="C67" s="28">
        <v>10</v>
      </c>
      <c r="D67" s="29">
        <v>14</v>
      </c>
    </row>
    <row r="68" spans="1:4" ht="18" customHeight="1" x14ac:dyDescent="0.2">
      <c r="A68" s="31">
        <v>52</v>
      </c>
      <c r="B68" s="27">
        <v>4</v>
      </c>
      <c r="C68" s="28">
        <v>3</v>
      </c>
      <c r="D68" s="29">
        <v>7</v>
      </c>
    </row>
    <row r="69" spans="1:4" ht="18" customHeight="1" x14ac:dyDescent="0.2">
      <c r="A69" s="31">
        <v>53</v>
      </c>
      <c r="B69" s="27">
        <v>4</v>
      </c>
      <c r="C69" s="28">
        <v>7</v>
      </c>
      <c r="D69" s="29">
        <v>11</v>
      </c>
    </row>
    <row r="70" spans="1:4" ht="18" customHeight="1" x14ac:dyDescent="0.2">
      <c r="A70" s="31">
        <v>54</v>
      </c>
      <c r="B70" s="27">
        <v>8</v>
      </c>
      <c r="C70" s="28">
        <v>5</v>
      </c>
      <c r="D70" s="29">
        <v>13</v>
      </c>
    </row>
    <row r="71" spans="1:4" ht="18" customHeight="1" x14ac:dyDescent="0.2">
      <c r="A71" s="31" t="s">
        <v>59</v>
      </c>
      <c r="B71" s="27">
        <v>21</v>
      </c>
      <c r="C71" s="28">
        <v>30</v>
      </c>
      <c r="D71" s="29">
        <v>51</v>
      </c>
    </row>
    <row r="72" spans="1:4" ht="18" customHeight="1" x14ac:dyDescent="0.2">
      <c r="A72" s="31">
        <v>55</v>
      </c>
      <c r="B72" s="27">
        <v>7</v>
      </c>
      <c r="C72" s="28">
        <v>6</v>
      </c>
      <c r="D72" s="29">
        <v>13</v>
      </c>
    </row>
    <row r="73" spans="1:4" ht="18" customHeight="1" x14ac:dyDescent="0.2">
      <c r="A73" s="31">
        <v>56</v>
      </c>
      <c r="B73" s="27">
        <v>2</v>
      </c>
      <c r="C73" s="28">
        <v>4</v>
      </c>
      <c r="D73" s="29">
        <v>6</v>
      </c>
    </row>
    <row r="74" spans="1:4" ht="18" customHeight="1" x14ac:dyDescent="0.2">
      <c r="A74" s="31">
        <v>57</v>
      </c>
      <c r="B74" s="27">
        <v>3</v>
      </c>
      <c r="C74" s="28">
        <v>4</v>
      </c>
      <c r="D74" s="29">
        <v>7</v>
      </c>
    </row>
    <row r="75" spans="1:4" ht="18" customHeight="1" x14ac:dyDescent="0.2">
      <c r="A75" s="31">
        <v>58</v>
      </c>
      <c r="B75" s="27">
        <v>6</v>
      </c>
      <c r="C75" s="28">
        <v>5</v>
      </c>
      <c r="D75" s="29">
        <v>11</v>
      </c>
    </row>
    <row r="76" spans="1:4" ht="18" customHeight="1" x14ac:dyDescent="0.2">
      <c r="A76" s="31">
        <v>59</v>
      </c>
      <c r="B76" s="27">
        <v>5</v>
      </c>
      <c r="C76" s="28">
        <v>7</v>
      </c>
      <c r="D76" s="29">
        <v>12</v>
      </c>
    </row>
    <row r="77" spans="1:4" ht="18" customHeight="1" x14ac:dyDescent="0.2">
      <c r="A77" s="31" t="s">
        <v>60</v>
      </c>
      <c r="B77" s="27">
        <v>23</v>
      </c>
      <c r="C77" s="28">
        <v>26</v>
      </c>
      <c r="D77" s="29">
        <v>49</v>
      </c>
    </row>
    <row r="78" spans="1:4" ht="18" customHeight="1" x14ac:dyDescent="0.2">
      <c r="A78" s="31">
        <v>60</v>
      </c>
      <c r="B78" s="27">
        <v>3</v>
      </c>
      <c r="C78" s="28">
        <v>13</v>
      </c>
      <c r="D78" s="29">
        <v>16</v>
      </c>
    </row>
    <row r="79" spans="1:4" ht="18" customHeight="1" x14ac:dyDescent="0.2">
      <c r="A79" s="31">
        <v>61</v>
      </c>
      <c r="B79" s="27">
        <v>8</v>
      </c>
      <c r="C79" s="28">
        <v>7</v>
      </c>
      <c r="D79" s="29">
        <v>15</v>
      </c>
    </row>
    <row r="80" spans="1:4" ht="18" customHeight="1" x14ac:dyDescent="0.2">
      <c r="A80" s="31">
        <v>62</v>
      </c>
      <c r="B80" s="27">
        <v>12</v>
      </c>
      <c r="C80" s="28">
        <v>8</v>
      </c>
      <c r="D80" s="29">
        <v>20</v>
      </c>
    </row>
    <row r="81" spans="1:4" ht="18" customHeight="1" x14ac:dyDescent="0.2">
      <c r="A81" s="31">
        <v>63</v>
      </c>
      <c r="B81" s="27">
        <v>7</v>
      </c>
      <c r="C81" s="28">
        <v>6</v>
      </c>
      <c r="D81" s="29">
        <v>13</v>
      </c>
    </row>
    <row r="82" spans="1:4" ht="18" customHeight="1" x14ac:dyDescent="0.2">
      <c r="A82" s="31">
        <v>64</v>
      </c>
      <c r="B82" s="27">
        <v>7</v>
      </c>
      <c r="C82" s="28">
        <v>8</v>
      </c>
      <c r="D82" s="29">
        <v>15</v>
      </c>
    </row>
    <row r="83" spans="1:4" ht="18" customHeight="1" x14ac:dyDescent="0.2">
      <c r="A83" s="31" t="s">
        <v>61</v>
      </c>
      <c r="B83" s="27">
        <v>37</v>
      </c>
      <c r="C83" s="28">
        <v>42</v>
      </c>
      <c r="D83" s="29">
        <v>79</v>
      </c>
    </row>
    <row r="84" spans="1:4" ht="18" customHeight="1" x14ac:dyDescent="0.2">
      <c r="A84" s="31" t="s">
        <v>62</v>
      </c>
      <c r="B84" s="27">
        <v>241</v>
      </c>
      <c r="C84" s="28">
        <v>259</v>
      </c>
      <c r="D84" s="29">
        <v>500</v>
      </c>
    </row>
    <row r="85" spans="1:4" ht="18" customHeight="1" x14ac:dyDescent="0.2">
      <c r="A85" s="31">
        <v>65</v>
      </c>
      <c r="B85" s="27">
        <v>14</v>
      </c>
      <c r="C85" s="28">
        <v>9</v>
      </c>
      <c r="D85" s="29">
        <v>23</v>
      </c>
    </row>
    <row r="86" spans="1:4" ht="18" customHeight="1" x14ac:dyDescent="0.2">
      <c r="A86" s="31">
        <v>66</v>
      </c>
      <c r="B86" s="27">
        <v>16</v>
      </c>
      <c r="C86" s="28">
        <v>13</v>
      </c>
      <c r="D86" s="29">
        <v>29</v>
      </c>
    </row>
    <row r="87" spans="1:4" ht="18" customHeight="1" x14ac:dyDescent="0.2">
      <c r="A87" s="31">
        <v>67</v>
      </c>
      <c r="B87" s="27">
        <v>10</v>
      </c>
      <c r="C87" s="28">
        <v>11</v>
      </c>
      <c r="D87" s="29">
        <v>21</v>
      </c>
    </row>
    <row r="88" spans="1:4" ht="18" customHeight="1" x14ac:dyDescent="0.2">
      <c r="A88" s="31">
        <v>68</v>
      </c>
      <c r="B88" s="27">
        <v>4</v>
      </c>
      <c r="C88" s="28">
        <v>9</v>
      </c>
      <c r="D88" s="29">
        <v>13</v>
      </c>
    </row>
    <row r="89" spans="1:4" ht="18" customHeight="1" x14ac:dyDescent="0.2">
      <c r="A89" s="31">
        <v>69</v>
      </c>
      <c r="B89" s="27">
        <v>13</v>
      </c>
      <c r="C89" s="28">
        <v>5</v>
      </c>
      <c r="D89" s="29">
        <v>18</v>
      </c>
    </row>
    <row r="90" spans="1:4" ht="18" customHeight="1" x14ac:dyDescent="0.2">
      <c r="A90" s="31" t="s">
        <v>63</v>
      </c>
      <c r="B90" s="27">
        <v>57</v>
      </c>
      <c r="C90" s="28">
        <v>47</v>
      </c>
      <c r="D90" s="29">
        <v>104</v>
      </c>
    </row>
    <row r="91" spans="1:4" ht="18" customHeight="1" x14ac:dyDescent="0.2">
      <c r="A91" s="31">
        <v>70</v>
      </c>
      <c r="B91" s="27">
        <v>12</v>
      </c>
      <c r="C91" s="28">
        <v>13</v>
      </c>
      <c r="D91" s="29">
        <v>25</v>
      </c>
    </row>
    <row r="92" spans="1:4" ht="18" customHeight="1" x14ac:dyDescent="0.2">
      <c r="A92" s="31">
        <v>71</v>
      </c>
      <c r="B92" s="27">
        <v>12</v>
      </c>
      <c r="C92" s="28">
        <v>6</v>
      </c>
      <c r="D92" s="29">
        <v>18</v>
      </c>
    </row>
    <row r="93" spans="1:4" ht="18" customHeight="1" x14ac:dyDescent="0.2">
      <c r="A93" s="31">
        <v>72</v>
      </c>
      <c r="B93" s="27">
        <v>7</v>
      </c>
      <c r="C93" s="28">
        <v>9</v>
      </c>
      <c r="D93" s="29">
        <v>16</v>
      </c>
    </row>
    <row r="94" spans="1:4" ht="18" customHeight="1" x14ac:dyDescent="0.2">
      <c r="A94" s="31">
        <v>73</v>
      </c>
      <c r="B94" s="27">
        <v>5</v>
      </c>
      <c r="C94" s="28">
        <v>2</v>
      </c>
      <c r="D94" s="29">
        <v>7</v>
      </c>
    </row>
    <row r="95" spans="1:4" ht="18" customHeight="1" x14ac:dyDescent="0.2">
      <c r="A95" s="31">
        <v>74</v>
      </c>
      <c r="B95" s="27">
        <v>4</v>
      </c>
      <c r="C95" s="28">
        <v>6</v>
      </c>
      <c r="D95" s="29">
        <v>10</v>
      </c>
    </row>
    <row r="96" spans="1:4" ht="18" customHeight="1" x14ac:dyDescent="0.2">
      <c r="A96" s="31" t="s">
        <v>64</v>
      </c>
      <c r="B96" s="27">
        <v>40</v>
      </c>
      <c r="C96" s="28">
        <v>36</v>
      </c>
      <c r="D96" s="29">
        <v>76</v>
      </c>
    </row>
    <row r="97" spans="1:4" ht="18" customHeight="1" x14ac:dyDescent="0.2">
      <c r="A97" s="31">
        <v>75</v>
      </c>
      <c r="B97" s="27">
        <v>6</v>
      </c>
      <c r="C97" s="28">
        <v>7</v>
      </c>
      <c r="D97" s="29">
        <v>13</v>
      </c>
    </row>
    <row r="98" spans="1:4" ht="18" customHeight="1" x14ac:dyDescent="0.2">
      <c r="A98" s="31">
        <v>76</v>
      </c>
      <c r="B98" s="27">
        <v>9</v>
      </c>
      <c r="C98" s="28">
        <v>6</v>
      </c>
      <c r="D98" s="29">
        <v>15</v>
      </c>
    </row>
    <row r="99" spans="1:4" ht="18" customHeight="1" x14ac:dyDescent="0.2">
      <c r="A99" s="31">
        <v>77</v>
      </c>
      <c r="B99" s="27">
        <v>4</v>
      </c>
      <c r="C99" s="28">
        <v>11</v>
      </c>
      <c r="D99" s="29">
        <v>15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6</v>
      </c>
      <c r="C101" s="28">
        <v>5</v>
      </c>
      <c r="D101" s="29">
        <v>11</v>
      </c>
    </row>
    <row r="102" spans="1:4" ht="18" customHeight="1" x14ac:dyDescent="0.2">
      <c r="A102" s="31" t="s">
        <v>65</v>
      </c>
      <c r="B102" s="27">
        <v>29</v>
      </c>
      <c r="C102" s="28">
        <v>34</v>
      </c>
      <c r="D102" s="29">
        <v>63</v>
      </c>
    </row>
    <row r="103" spans="1:4" ht="18" customHeight="1" x14ac:dyDescent="0.2">
      <c r="A103" s="31">
        <v>80</v>
      </c>
      <c r="B103" s="27">
        <v>3</v>
      </c>
      <c r="C103" s="28">
        <v>1</v>
      </c>
      <c r="D103" s="29">
        <v>4</v>
      </c>
    </row>
    <row r="104" spans="1:4" ht="18" customHeight="1" x14ac:dyDescent="0.2">
      <c r="A104" s="31">
        <v>81</v>
      </c>
      <c r="B104" s="27">
        <v>5</v>
      </c>
      <c r="C104" s="28">
        <v>5</v>
      </c>
      <c r="D104" s="29">
        <v>10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1</v>
      </c>
      <c r="C106" s="28">
        <v>10</v>
      </c>
      <c r="D106" s="29">
        <v>11</v>
      </c>
    </row>
    <row r="107" spans="1:4" ht="18" customHeight="1" x14ac:dyDescent="0.2">
      <c r="A107" s="31">
        <v>84</v>
      </c>
      <c r="B107" s="27">
        <v>4</v>
      </c>
      <c r="C107" s="28">
        <v>9</v>
      </c>
      <c r="D107" s="29">
        <v>13</v>
      </c>
    </row>
    <row r="108" spans="1:4" ht="18" customHeight="1" x14ac:dyDescent="0.2">
      <c r="A108" s="31" t="s">
        <v>66</v>
      </c>
      <c r="B108" s="27">
        <v>16</v>
      </c>
      <c r="C108" s="28">
        <v>30</v>
      </c>
      <c r="D108" s="29">
        <v>46</v>
      </c>
    </row>
    <row r="109" spans="1:4" ht="18" customHeight="1" x14ac:dyDescent="0.2">
      <c r="A109" s="31">
        <v>85</v>
      </c>
      <c r="B109" s="27">
        <v>1</v>
      </c>
      <c r="C109" s="28">
        <v>6</v>
      </c>
      <c r="D109" s="29">
        <v>7</v>
      </c>
    </row>
    <row r="110" spans="1:4" ht="18" customHeight="1" x14ac:dyDescent="0.2">
      <c r="A110" s="31">
        <v>86</v>
      </c>
      <c r="B110" s="27">
        <v>0</v>
      </c>
      <c r="C110" s="28">
        <v>9</v>
      </c>
      <c r="D110" s="29">
        <v>9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8</v>
      </c>
      <c r="C113" s="28">
        <v>4</v>
      </c>
      <c r="D113" s="29">
        <v>12</v>
      </c>
    </row>
    <row r="114" spans="1:4" ht="18" customHeight="1" x14ac:dyDescent="0.2">
      <c r="A114" s="31" t="s">
        <v>67</v>
      </c>
      <c r="B114" s="27">
        <v>14</v>
      </c>
      <c r="C114" s="28">
        <v>27</v>
      </c>
      <c r="D114" s="29">
        <v>41</v>
      </c>
    </row>
    <row r="115" spans="1:4" ht="18" customHeight="1" x14ac:dyDescent="0.2">
      <c r="A115" s="31">
        <v>90</v>
      </c>
      <c r="B115" s="27">
        <v>0</v>
      </c>
      <c r="C115" s="28">
        <v>5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7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1</v>
      </c>
      <c r="C120" s="28">
        <v>20</v>
      </c>
      <c r="D120" s="29">
        <v>21</v>
      </c>
    </row>
    <row r="121" spans="1:4" ht="18" customHeight="1" x14ac:dyDescent="0.2">
      <c r="A121" s="31">
        <v>95</v>
      </c>
      <c r="B121" s="27">
        <v>2</v>
      </c>
      <c r="C121" s="28">
        <v>1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59</v>
      </c>
      <c r="C130" s="5">
        <v>197</v>
      </c>
      <c r="D130" s="6">
        <v>356</v>
      </c>
    </row>
    <row r="131" spans="1:4" ht="18" customHeight="1" x14ac:dyDescent="0.2">
      <c r="A131" s="33" t="s">
        <v>47</v>
      </c>
      <c r="B131" s="7">
        <v>463</v>
      </c>
      <c r="C131" s="8">
        <v>499</v>
      </c>
      <c r="D131" s="9">
        <v>96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10" ht="18" customHeight="1" x14ac:dyDescent="0.2">
      <c r="A10" s="31" t="s">
        <v>48</v>
      </c>
      <c r="B10" s="27">
        <v>3</v>
      </c>
      <c r="C10" s="28">
        <v>1</v>
      </c>
      <c r="D10" s="29">
        <v>4</v>
      </c>
    </row>
    <row r="11" spans="1:10" ht="18" customHeight="1" x14ac:dyDescent="0.2">
      <c r="A11" s="31">
        <v>5</v>
      </c>
      <c r="B11" s="35">
        <v>0</v>
      </c>
      <c r="C11" s="28">
        <v>2</v>
      </c>
      <c r="D11" s="29">
        <v>2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3</v>
      </c>
      <c r="C13" s="28">
        <v>0</v>
      </c>
      <c r="D13" s="29">
        <v>3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10" ht="18" customHeight="1" x14ac:dyDescent="0.2">
      <c r="A16" s="31" t="s">
        <v>49</v>
      </c>
      <c r="B16" s="27">
        <v>5</v>
      </c>
      <c r="C16" s="28">
        <v>4</v>
      </c>
      <c r="D16" s="29">
        <v>9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2</v>
      </c>
      <c r="C22" s="28">
        <v>4</v>
      </c>
      <c r="D22" s="29">
        <v>6</v>
      </c>
    </row>
    <row r="23" spans="1:4" ht="18" customHeight="1" x14ac:dyDescent="0.2">
      <c r="A23" s="31" t="s">
        <v>51</v>
      </c>
      <c r="B23" s="27">
        <v>10</v>
      </c>
      <c r="C23" s="28">
        <v>9</v>
      </c>
      <c r="D23" s="29">
        <v>19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2</v>
      </c>
      <c r="C29" s="28">
        <v>1</v>
      </c>
      <c r="D29" s="29">
        <v>3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7</v>
      </c>
      <c r="C41" s="28">
        <v>4</v>
      </c>
      <c r="D41" s="29">
        <v>11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4</v>
      </c>
      <c r="C47" s="28">
        <v>4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4</v>
      </c>
      <c r="C53" s="28">
        <v>3</v>
      </c>
      <c r="D53" s="29">
        <v>7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4</v>
      </c>
      <c r="C57" s="28">
        <v>1</v>
      </c>
      <c r="D57" s="29">
        <v>5</v>
      </c>
    </row>
    <row r="58" spans="1:4" ht="18" customHeight="1" x14ac:dyDescent="0.2">
      <c r="A58" s="31">
        <v>44</v>
      </c>
      <c r="B58" s="27">
        <v>2</v>
      </c>
      <c r="C58" s="28">
        <v>1</v>
      </c>
      <c r="D58" s="29">
        <v>3</v>
      </c>
    </row>
    <row r="59" spans="1:4" ht="18" customHeight="1" x14ac:dyDescent="0.2">
      <c r="A59" s="31" t="s">
        <v>57</v>
      </c>
      <c r="B59" s="27">
        <v>8</v>
      </c>
      <c r="C59" s="28">
        <v>5</v>
      </c>
      <c r="D59" s="29">
        <v>13</v>
      </c>
    </row>
    <row r="60" spans="1:4" ht="18" customHeight="1" x14ac:dyDescent="0.2">
      <c r="A60" s="31">
        <v>45</v>
      </c>
      <c r="B60" s="27">
        <v>4</v>
      </c>
      <c r="C60" s="28">
        <v>1</v>
      </c>
      <c r="D60" s="29">
        <v>5</v>
      </c>
    </row>
    <row r="61" spans="1:4" ht="18" customHeight="1" x14ac:dyDescent="0.2">
      <c r="A61" s="31">
        <v>46</v>
      </c>
      <c r="B61" s="27">
        <v>0</v>
      </c>
      <c r="C61" s="28">
        <v>2</v>
      </c>
      <c r="D61" s="29">
        <v>2</v>
      </c>
    </row>
    <row r="62" spans="1:4" ht="18" customHeight="1" x14ac:dyDescent="0.2">
      <c r="A62" s="31">
        <v>47</v>
      </c>
      <c r="B62" s="27">
        <v>2</v>
      </c>
      <c r="C62" s="28">
        <v>0</v>
      </c>
      <c r="D62" s="29">
        <v>2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7</v>
      </c>
      <c r="C65" s="28">
        <v>3</v>
      </c>
      <c r="D65" s="29">
        <v>10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1</v>
      </c>
      <c r="C71" s="28">
        <v>4</v>
      </c>
      <c r="D71" s="29">
        <v>5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2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0</v>
      </c>
      <c r="C75" s="28">
        <v>1</v>
      </c>
      <c r="D75" s="29">
        <v>1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4</v>
      </c>
      <c r="C77" s="28">
        <v>6</v>
      </c>
      <c r="D77" s="29">
        <v>10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12</v>
      </c>
      <c r="C83" s="28">
        <v>5</v>
      </c>
      <c r="D83" s="29">
        <v>17</v>
      </c>
    </row>
    <row r="84" spans="1:4" ht="18" customHeight="1" x14ac:dyDescent="0.2">
      <c r="A84" s="31" t="s">
        <v>62</v>
      </c>
      <c r="B84" s="27">
        <v>49</v>
      </c>
      <c r="C84" s="28">
        <v>36</v>
      </c>
      <c r="D84" s="29">
        <v>85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3</v>
      </c>
      <c r="C87" s="28">
        <v>0</v>
      </c>
      <c r="D87" s="29">
        <v>3</v>
      </c>
    </row>
    <row r="88" spans="1:4" ht="18" customHeight="1" x14ac:dyDescent="0.2">
      <c r="A88" s="31">
        <v>68</v>
      </c>
      <c r="B88" s="27">
        <v>0</v>
      </c>
      <c r="C88" s="28">
        <v>3</v>
      </c>
      <c r="D88" s="29">
        <v>3</v>
      </c>
    </row>
    <row r="89" spans="1:4" ht="18" customHeight="1" x14ac:dyDescent="0.2">
      <c r="A89" s="31">
        <v>69</v>
      </c>
      <c r="B89" s="27">
        <v>1</v>
      </c>
      <c r="C89" s="28">
        <v>3</v>
      </c>
      <c r="D89" s="29">
        <v>4</v>
      </c>
    </row>
    <row r="90" spans="1:4" ht="18" customHeight="1" x14ac:dyDescent="0.2">
      <c r="A90" s="31" t="s">
        <v>63</v>
      </c>
      <c r="B90" s="27">
        <v>6</v>
      </c>
      <c r="C90" s="28">
        <v>7</v>
      </c>
      <c r="D90" s="29">
        <v>13</v>
      </c>
    </row>
    <row r="91" spans="1:4" ht="18" customHeight="1" x14ac:dyDescent="0.2">
      <c r="A91" s="31">
        <v>70</v>
      </c>
      <c r="B91" s="27">
        <v>3</v>
      </c>
      <c r="C91" s="28">
        <v>2</v>
      </c>
      <c r="D91" s="29">
        <v>5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3</v>
      </c>
      <c r="C94" s="28">
        <v>0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1</v>
      </c>
      <c r="D95" s="29">
        <v>3</v>
      </c>
    </row>
    <row r="96" spans="1:4" ht="18" customHeight="1" x14ac:dyDescent="0.2">
      <c r="A96" s="31" t="s">
        <v>64</v>
      </c>
      <c r="B96" s="27">
        <v>11</v>
      </c>
      <c r="C96" s="28">
        <v>5</v>
      </c>
      <c r="D96" s="29">
        <v>16</v>
      </c>
    </row>
    <row r="97" spans="1:4" ht="18" customHeight="1" x14ac:dyDescent="0.2">
      <c r="A97" s="31">
        <v>75</v>
      </c>
      <c r="B97" s="27">
        <v>1</v>
      </c>
      <c r="C97" s="28">
        <v>0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5</v>
      </c>
      <c r="C102" s="28">
        <v>6</v>
      </c>
      <c r="D102" s="29">
        <v>11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3</v>
      </c>
      <c r="C106" s="28">
        <v>2</v>
      </c>
      <c r="D106" s="29">
        <v>5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5</v>
      </c>
      <c r="C108" s="28">
        <v>4</v>
      </c>
      <c r="D108" s="29">
        <v>9</v>
      </c>
    </row>
    <row r="109" spans="1:4" ht="18" customHeight="1" x14ac:dyDescent="0.2">
      <c r="A109" s="31">
        <v>85</v>
      </c>
      <c r="B109" s="27">
        <v>0</v>
      </c>
      <c r="C109" s="28">
        <v>5</v>
      </c>
      <c r="D109" s="29">
        <v>5</v>
      </c>
    </row>
    <row r="110" spans="1:4" ht="18" customHeight="1" x14ac:dyDescent="0.2">
      <c r="A110" s="31">
        <v>86</v>
      </c>
      <c r="B110" s="27">
        <v>3</v>
      </c>
      <c r="C110" s="28">
        <v>2</v>
      </c>
      <c r="D110" s="29">
        <v>5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4</v>
      </c>
      <c r="C114" s="28">
        <v>7</v>
      </c>
      <c r="D114" s="29">
        <v>11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2</v>
      </c>
      <c r="C116" s="28">
        <v>1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4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4</v>
      </c>
      <c r="C130" s="5">
        <v>36</v>
      </c>
      <c r="D130" s="6">
        <v>70</v>
      </c>
    </row>
    <row r="131" spans="1:4" ht="18" customHeight="1" x14ac:dyDescent="0.2">
      <c r="A131" s="33" t="s">
        <v>47</v>
      </c>
      <c r="B131" s="7">
        <v>93</v>
      </c>
      <c r="C131" s="8">
        <v>81</v>
      </c>
      <c r="D131" s="9">
        <v>17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10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10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10" ht="18" customHeight="1" x14ac:dyDescent="0.2">
      <c r="A10" s="31" t="s">
        <v>48</v>
      </c>
      <c r="B10" s="27">
        <v>4</v>
      </c>
      <c r="C10" s="28">
        <v>2</v>
      </c>
      <c r="D10" s="29">
        <v>6</v>
      </c>
    </row>
    <row r="11" spans="1:10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10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10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10" ht="18" customHeight="1" x14ac:dyDescent="0.2">
      <c r="A16" s="31" t="s">
        <v>49</v>
      </c>
      <c r="B16" s="27">
        <v>5</v>
      </c>
      <c r="C16" s="28">
        <v>2</v>
      </c>
      <c r="D16" s="29">
        <v>7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51</v>
      </c>
      <c r="B23" s="27">
        <v>16</v>
      </c>
      <c r="C23" s="28">
        <v>9</v>
      </c>
      <c r="D23" s="29">
        <v>25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0</v>
      </c>
      <c r="D26" s="29">
        <v>2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5</v>
      </c>
      <c r="D29" s="29">
        <v>13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1</v>
      </c>
      <c r="D35" s="29">
        <v>2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5</v>
      </c>
      <c r="C41" s="28">
        <v>2</v>
      </c>
      <c r="D41" s="29">
        <v>7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2</v>
      </c>
      <c r="D46" s="29">
        <v>2</v>
      </c>
    </row>
    <row r="47" spans="1:4" ht="18" customHeight="1" x14ac:dyDescent="0.2">
      <c r="A47" s="31" t="s">
        <v>55</v>
      </c>
      <c r="B47" s="27">
        <v>6</v>
      </c>
      <c r="C47" s="28">
        <v>5</v>
      </c>
      <c r="D47" s="29">
        <v>11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2</v>
      </c>
      <c r="D50" s="29">
        <v>5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7</v>
      </c>
      <c r="C53" s="28">
        <v>7</v>
      </c>
      <c r="D53" s="29">
        <v>14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4</v>
      </c>
      <c r="C55" s="28">
        <v>2</v>
      </c>
      <c r="D55" s="29">
        <v>6</v>
      </c>
    </row>
    <row r="56" spans="1:4" ht="18" customHeight="1" x14ac:dyDescent="0.2">
      <c r="A56" s="31">
        <v>42</v>
      </c>
      <c r="B56" s="27">
        <v>2</v>
      </c>
      <c r="C56" s="28">
        <v>2</v>
      </c>
      <c r="D56" s="29">
        <v>4</v>
      </c>
    </row>
    <row r="57" spans="1:4" ht="18" customHeight="1" x14ac:dyDescent="0.2">
      <c r="A57" s="31">
        <v>43</v>
      </c>
      <c r="B57" s="27">
        <v>3</v>
      </c>
      <c r="C57" s="28">
        <v>4</v>
      </c>
      <c r="D57" s="29">
        <v>7</v>
      </c>
    </row>
    <row r="58" spans="1:4" ht="18" customHeight="1" x14ac:dyDescent="0.2">
      <c r="A58" s="31">
        <v>44</v>
      </c>
      <c r="B58" s="27">
        <v>4</v>
      </c>
      <c r="C58" s="28">
        <v>3</v>
      </c>
      <c r="D58" s="29">
        <v>7</v>
      </c>
    </row>
    <row r="59" spans="1:4" ht="18" customHeight="1" x14ac:dyDescent="0.2">
      <c r="A59" s="31" t="s">
        <v>57</v>
      </c>
      <c r="B59" s="27">
        <v>15</v>
      </c>
      <c r="C59" s="28">
        <v>11</v>
      </c>
      <c r="D59" s="29">
        <v>26</v>
      </c>
    </row>
    <row r="60" spans="1:4" ht="18" customHeight="1" x14ac:dyDescent="0.2">
      <c r="A60" s="31">
        <v>45</v>
      </c>
      <c r="B60" s="27">
        <v>2</v>
      </c>
      <c r="C60" s="28">
        <v>3</v>
      </c>
      <c r="D60" s="29">
        <v>5</v>
      </c>
    </row>
    <row r="61" spans="1:4" ht="18" customHeight="1" x14ac:dyDescent="0.2">
      <c r="A61" s="31">
        <v>46</v>
      </c>
      <c r="B61" s="27">
        <v>4</v>
      </c>
      <c r="C61" s="28">
        <v>3</v>
      </c>
      <c r="D61" s="29">
        <v>7</v>
      </c>
    </row>
    <row r="62" spans="1:4" ht="18" customHeight="1" x14ac:dyDescent="0.2">
      <c r="A62" s="31">
        <v>47</v>
      </c>
      <c r="B62" s="27">
        <v>6</v>
      </c>
      <c r="C62" s="28">
        <v>2</v>
      </c>
      <c r="D62" s="29">
        <v>8</v>
      </c>
    </row>
    <row r="63" spans="1:4" ht="18" customHeight="1" x14ac:dyDescent="0.2">
      <c r="A63" s="31">
        <v>48</v>
      </c>
      <c r="B63" s="27">
        <v>5</v>
      </c>
      <c r="C63" s="28">
        <v>2</v>
      </c>
      <c r="D63" s="29">
        <v>7</v>
      </c>
    </row>
    <row r="64" spans="1:4" ht="18" customHeight="1" x14ac:dyDescent="0.2">
      <c r="A64" s="31">
        <v>49</v>
      </c>
      <c r="B64" s="27">
        <v>3</v>
      </c>
      <c r="C64" s="28">
        <v>2</v>
      </c>
      <c r="D64" s="29">
        <v>5</v>
      </c>
    </row>
    <row r="65" spans="1:4" ht="18" customHeight="1" x14ac:dyDescent="0.2">
      <c r="A65" s="31" t="s">
        <v>58</v>
      </c>
      <c r="B65" s="27">
        <v>20</v>
      </c>
      <c r="C65" s="28">
        <v>12</v>
      </c>
      <c r="D65" s="29">
        <v>32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5</v>
      </c>
      <c r="C67" s="28">
        <v>1</v>
      </c>
      <c r="D67" s="29">
        <v>6</v>
      </c>
    </row>
    <row r="68" spans="1:4" ht="18" customHeight="1" x14ac:dyDescent="0.2">
      <c r="A68" s="31">
        <v>52</v>
      </c>
      <c r="B68" s="27">
        <v>3</v>
      </c>
      <c r="C68" s="28">
        <v>1</v>
      </c>
      <c r="D68" s="29">
        <v>4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3</v>
      </c>
      <c r="D70" s="29">
        <v>4</v>
      </c>
    </row>
    <row r="71" spans="1:4" ht="18" customHeight="1" x14ac:dyDescent="0.2">
      <c r="A71" s="31" t="s">
        <v>59</v>
      </c>
      <c r="B71" s="27">
        <v>11</v>
      </c>
      <c r="C71" s="28">
        <v>12</v>
      </c>
      <c r="D71" s="29">
        <v>23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0</v>
      </c>
      <c r="C74" s="28">
        <v>5</v>
      </c>
      <c r="D74" s="29">
        <v>5</v>
      </c>
    </row>
    <row r="75" spans="1:4" ht="18" customHeight="1" x14ac:dyDescent="0.2">
      <c r="A75" s="31">
        <v>58</v>
      </c>
      <c r="B75" s="27">
        <v>1</v>
      </c>
      <c r="C75" s="28">
        <v>2</v>
      </c>
      <c r="D75" s="29">
        <v>3</v>
      </c>
    </row>
    <row r="76" spans="1:4" ht="18" customHeight="1" x14ac:dyDescent="0.2">
      <c r="A76" s="31">
        <v>59</v>
      </c>
      <c r="B76" s="27">
        <v>0</v>
      </c>
      <c r="C76" s="28">
        <v>1</v>
      </c>
      <c r="D76" s="29">
        <v>1</v>
      </c>
    </row>
    <row r="77" spans="1:4" ht="18" customHeight="1" x14ac:dyDescent="0.2">
      <c r="A77" s="31" t="s">
        <v>60</v>
      </c>
      <c r="B77" s="27">
        <v>1</v>
      </c>
      <c r="C77" s="28">
        <v>10</v>
      </c>
      <c r="D77" s="29">
        <v>11</v>
      </c>
    </row>
    <row r="78" spans="1:4" ht="18" customHeight="1" x14ac:dyDescent="0.2">
      <c r="A78" s="31">
        <v>60</v>
      </c>
      <c r="B78" s="27">
        <v>5</v>
      </c>
      <c r="C78" s="28">
        <v>1</v>
      </c>
      <c r="D78" s="29">
        <v>6</v>
      </c>
    </row>
    <row r="79" spans="1:4" ht="18" customHeight="1" x14ac:dyDescent="0.2">
      <c r="A79" s="31">
        <v>61</v>
      </c>
      <c r="B79" s="27">
        <v>0</v>
      </c>
      <c r="C79" s="28">
        <v>2</v>
      </c>
      <c r="D79" s="29">
        <v>2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1</v>
      </c>
      <c r="C81" s="28">
        <v>2</v>
      </c>
      <c r="D81" s="29">
        <v>3</v>
      </c>
    </row>
    <row r="82" spans="1:4" ht="18" customHeight="1" x14ac:dyDescent="0.2">
      <c r="A82" s="31">
        <v>64</v>
      </c>
      <c r="B82" s="27">
        <v>5</v>
      </c>
      <c r="C82" s="28">
        <v>3</v>
      </c>
      <c r="D82" s="29">
        <v>8</v>
      </c>
    </row>
    <row r="83" spans="1:4" ht="18" customHeight="1" x14ac:dyDescent="0.2">
      <c r="A83" s="31" t="s">
        <v>61</v>
      </c>
      <c r="B83" s="27">
        <v>15</v>
      </c>
      <c r="C83" s="28">
        <v>10</v>
      </c>
      <c r="D83" s="29">
        <v>25</v>
      </c>
    </row>
    <row r="84" spans="1:4" ht="18" customHeight="1" x14ac:dyDescent="0.2">
      <c r="A84" s="31" t="s">
        <v>62</v>
      </c>
      <c r="B84" s="27">
        <v>89</v>
      </c>
      <c r="C84" s="28">
        <v>75</v>
      </c>
      <c r="D84" s="29">
        <v>164</v>
      </c>
    </row>
    <row r="85" spans="1:4" ht="18" customHeight="1" x14ac:dyDescent="0.2">
      <c r="A85" s="31">
        <v>65</v>
      </c>
      <c r="B85" s="27">
        <v>4</v>
      </c>
      <c r="C85" s="28">
        <v>3</v>
      </c>
      <c r="D85" s="29">
        <v>7</v>
      </c>
    </row>
    <row r="86" spans="1:4" ht="18" customHeight="1" x14ac:dyDescent="0.2">
      <c r="A86" s="31">
        <v>66</v>
      </c>
      <c r="B86" s="27">
        <v>1</v>
      </c>
      <c r="C86" s="28">
        <v>2</v>
      </c>
      <c r="D86" s="29">
        <v>3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5</v>
      </c>
      <c r="D89" s="29">
        <v>8</v>
      </c>
    </row>
    <row r="90" spans="1:4" ht="18" customHeight="1" x14ac:dyDescent="0.2">
      <c r="A90" s="31" t="s">
        <v>63</v>
      </c>
      <c r="B90" s="27">
        <v>15</v>
      </c>
      <c r="C90" s="28">
        <v>16</v>
      </c>
      <c r="D90" s="29">
        <v>31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4</v>
      </c>
      <c r="C92" s="28">
        <v>6</v>
      </c>
      <c r="D92" s="29">
        <v>10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8</v>
      </c>
      <c r="C96" s="28">
        <v>9</v>
      </c>
      <c r="D96" s="29">
        <v>17</v>
      </c>
    </row>
    <row r="97" spans="1:4" ht="18" customHeight="1" x14ac:dyDescent="0.2">
      <c r="A97" s="31">
        <v>75</v>
      </c>
      <c r="B97" s="27">
        <v>2</v>
      </c>
      <c r="C97" s="28">
        <v>2</v>
      </c>
      <c r="D97" s="29">
        <v>4</v>
      </c>
    </row>
    <row r="98" spans="1:4" ht="18" customHeight="1" x14ac:dyDescent="0.2">
      <c r="A98" s="31">
        <v>76</v>
      </c>
      <c r="B98" s="27">
        <v>0</v>
      </c>
      <c r="C98" s="28">
        <v>0</v>
      </c>
      <c r="D98" s="29">
        <v>0</v>
      </c>
    </row>
    <row r="99" spans="1:4" ht="18" customHeight="1" x14ac:dyDescent="0.2">
      <c r="A99" s="31">
        <v>77</v>
      </c>
      <c r="B99" s="27">
        <v>2</v>
      </c>
      <c r="C99" s="28">
        <v>5</v>
      </c>
      <c r="D99" s="29">
        <v>7</v>
      </c>
    </row>
    <row r="100" spans="1:4" ht="18" customHeight="1" x14ac:dyDescent="0.2">
      <c r="A100" s="31">
        <v>78</v>
      </c>
      <c r="B100" s="27">
        <v>2</v>
      </c>
      <c r="C100" s="28">
        <v>1</v>
      </c>
      <c r="D100" s="29">
        <v>3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65</v>
      </c>
      <c r="B102" s="27">
        <v>6</v>
      </c>
      <c r="C102" s="28">
        <v>9</v>
      </c>
      <c r="D102" s="29">
        <v>15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3</v>
      </c>
      <c r="C104" s="28">
        <v>0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3</v>
      </c>
      <c r="D106" s="29">
        <v>3</v>
      </c>
    </row>
    <row r="107" spans="1:4" ht="18" customHeight="1" x14ac:dyDescent="0.2">
      <c r="A107" s="31">
        <v>84</v>
      </c>
      <c r="B107" s="27">
        <v>0</v>
      </c>
      <c r="C107" s="28">
        <v>3</v>
      </c>
      <c r="D107" s="29">
        <v>3</v>
      </c>
    </row>
    <row r="108" spans="1:4" ht="18" customHeight="1" x14ac:dyDescent="0.2">
      <c r="A108" s="31" t="s">
        <v>66</v>
      </c>
      <c r="B108" s="27">
        <v>4</v>
      </c>
      <c r="C108" s="28">
        <v>9</v>
      </c>
      <c r="D108" s="29">
        <v>13</v>
      </c>
    </row>
    <row r="109" spans="1:4" ht="18" customHeight="1" x14ac:dyDescent="0.2">
      <c r="A109" s="31">
        <v>85</v>
      </c>
      <c r="B109" s="27">
        <v>2</v>
      </c>
      <c r="C109" s="28">
        <v>1</v>
      </c>
      <c r="D109" s="29">
        <v>3</v>
      </c>
    </row>
    <row r="110" spans="1:4" ht="18" customHeight="1" x14ac:dyDescent="0.2">
      <c r="A110" s="31">
        <v>86</v>
      </c>
      <c r="B110" s="27">
        <v>2</v>
      </c>
      <c r="C110" s="28">
        <v>2</v>
      </c>
      <c r="D110" s="29">
        <v>4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67</v>
      </c>
      <c r="B114" s="27">
        <v>5</v>
      </c>
      <c r="C114" s="28">
        <v>9</v>
      </c>
      <c r="D114" s="29">
        <v>14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2</v>
      </c>
      <c r="C120" s="28">
        <v>8</v>
      </c>
      <c r="D120" s="29">
        <v>10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1</v>
      </c>
      <c r="C130" s="5">
        <v>60</v>
      </c>
      <c r="D130" s="6">
        <v>101</v>
      </c>
    </row>
    <row r="131" spans="1:4" ht="18" customHeight="1" x14ac:dyDescent="0.2">
      <c r="A131" s="33" t="s">
        <v>47</v>
      </c>
      <c r="B131" s="7">
        <v>146</v>
      </c>
      <c r="C131" s="8">
        <v>144</v>
      </c>
      <c r="D131" s="9">
        <v>29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4</v>
      </c>
      <c r="D5" s="39">
        <v>6</v>
      </c>
    </row>
    <row r="6" spans="1:10" ht="18" customHeight="1" x14ac:dyDescent="0.2">
      <c r="A6" s="31">
        <v>1</v>
      </c>
      <c r="B6" s="35">
        <v>8</v>
      </c>
      <c r="C6" s="28">
        <v>1</v>
      </c>
      <c r="D6" s="29">
        <v>9</v>
      </c>
    </row>
    <row r="7" spans="1:10" ht="18" customHeight="1" x14ac:dyDescent="0.2">
      <c r="A7" s="31">
        <v>2</v>
      </c>
      <c r="B7" s="35">
        <v>4</v>
      </c>
      <c r="C7" s="28">
        <v>3</v>
      </c>
      <c r="D7" s="29">
        <v>7</v>
      </c>
    </row>
    <row r="8" spans="1:10" ht="18" customHeight="1" x14ac:dyDescent="0.2">
      <c r="A8" s="31">
        <v>3</v>
      </c>
      <c r="B8" s="35">
        <v>5</v>
      </c>
      <c r="C8" s="28">
        <v>5</v>
      </c>
      <c r="D8" s="29">
        <v>10</v>
      </c>
    </row>
    <row r="9" spans="1:10" ht="18" customHeight="1" x14ac:dyDescent="0.2">
      <c r="A9" s="31">
        <v>4</v>
      </c>
      <c r="B9" s="36">
        <v>7</v>
      </c>
      <c r="C9" s="38">
        <v>2</v>
      </c>
      <c r="D9" s="40">
        <v>9</v>
      </c>
    </row>
    <row r="10" spans="1:10" ht="18" customHeight="1" x14ac:dyDescent="0.2">
      <c r="A10" s="31" t="s">
        <v>48</v>
      </c>
      <c r="B10" s="27">
        <v>26</v>
      </c>
      <c r="C10" s="28">
        <v>15</v>
      </c>
      <c r="D10" s="29">
        <v>41</v>
      </c>
    </row>
    <row r="11" spans="1:10" ht="18" customHeight="1" x14ac:dyDescent="0.2">
      <c r="A11" s="31">
        <v>5</v>
      </c>
      <c r="B11" s="35">
        <v>1</v>
      </c>
      <c r="C11" s="28">
        <v>4</v>
      </c>
      <c r="D11" s="29">
        <v>5</v>
      </c>
    </row>
    <row r="12" spans="1:10" ht="18" customHeight="1" x14ac:dyDescent="0.2">
      <c r="A12" s="31">
        <v>6</v>
      </c>
      <c r="B12" s="35">
        <v>5</v>
      </c>
      <c r="C12" s="28">
        <v>5</v>
      </c>
      <c r="D12" s="29">
        <v>10</v>
      </c>
    </row>
    <row r="13" spans="1:10" ht="18" customHeight="1" x14ac:dyDescent="0.2">
      <c r="A13" s="31">
        <v>7</v>
      </c>
      <c r="B13" s="35">
        <v>7</v>
      </c>
      <c r="C13" s="28">
        <v>2</v>
      </c>
      <c r="D13" s="29">
        <v>9</v>
      </c>
    </row>
    <row r="14" spans="1:10" ht="18" customHeight="1" x14ac:dyDescent="0.2">
      <c r="A14" s="31">
        <v>8</v>
      </c>
      <c r="B14" s="35">
        <v>10</v>
      </c>
      <c r="C14" s="28">
        <v>2</v>
      </c>
      <c r="D14" s="29">
        <v>12</v>
      </c>
    </row>
    <row r="15" spans="1:10" ht="18" customHeight="1" x14ac:dyDescent="0.2">
      <c r="A15" s="31">
        <v>9</v>
      </c>
      <c r="B15" s="35">
        <v>4</v>
      </c>
      <c r="C15" s="28">
        <v>5</v>
      </c>
      <c r="D15" s="29">
        <v>9</v>
      </c>
    </row>
    <row r="16" spans="1:10" ht="18" customHeight="1" x14ac:dyDescent="0.2">
      <c r="A16" s="31" t="s">
        <v>49</v>
      </c>
      <c r="B16" s="27">
        <v>27</v>
      </c>
      <c r="C16" s="28">
        <v>18</v>
      </c>
      <c r="D16" s="29">
        <v>45</v>
      </c>
    </row>
    <row r="17" spans="1:4" ht="18" customHeight="1" x14ac:dyDescent="0.2">
      <c r="A17" s="31">
        <v>10</v>
      </c>
      <c r="B17" s="27">
        <v>6</v>
      </c>
      <c r="C17" s="28">
        <v>6</v>
      </c>
      <c r="D17" s="29">
        <v>12</v>
      </c>
    </row>
    <row r="18" spans="1:4" ht="18" customHeight="1" x14ac:dyDescent="0.2">
      <c r="A18" s="31">
        <v>11</v>
      </c>
      <c r="B18" s="27">
        <v>10</v>
      </c>
      <c r="C18" s="28">
        <v>2</v>
      </c>
      <c r="D18" s="29">
        <v>12</v>
      </c>
    </row>
    <row r="19" spans="1:4" ht="18" customHeight="1" x14ac:dyDescent="0.2">
      <c r="A19" s="31">
        <v>12</v>
      </c>
      <c r="B19" s="27">
        <v>6</v>
      </c>
      <c r="C19" s="28">
        <v>8</v>
      </c>
      <c r="D19" s="29">
        <v>14</v>
      </c>
    </row>
    <row r="20" spans="1:4" ht="18" customHeight="1" x14ac:dyDescent="0.2">
      <c r="A20" s="31">
        <v>13</v>
      </c>
      <c r="B20" s="27">
        <v>6</v>
      </c>
      <c r="C20" s="28">
        <v>7</v>
      </c>
      <c r="D20" s="29">
        <v>13</v>
      </c>
    </row>
    <row r="21" spans="1:4" ht="18" customHeight="1" x14ac:dyDescent="0.2">
      <c r="A21" s="31">
        <v>14</v>
      </c>
      <c r="B21" s="27">
        <v>8</v>
      </c>
      <c r="C21" s="28">
        <v>6</v>
      </c>
      <c r="D21" s="29">
        <v>14</v>
      </c>
    </row>
    <row r="22" spans="1:4" ht="18" customHeight="1" x14ac:dyDescent="0.2">
      <c r="A22" s="31" t="s">
        <v>50</v>
      </c>
      <c r="B22" s="27">
        <v>36</v>
      </c>
      <c r="C22" s="28">
        <v>29</v>
      </c>
      <c r="D22" s="29">
        <v>65</v>
      </c>
    </row>
    <row r="23" spans="1:4" ht="18" customHeight="1" x14ac:dyDescent="0.2">
      <c r="A23" s="31" t="s">
        <v>51</v>
      </c>
      <c r="B23" s="27">
        <v>89</v>
      </c>
      <c r="C23" s="28">
        <v>62</v>
      </c>
      <c r="D23" s="29">
        <v>151</v>
      </c>
    </row>
    <row r="24" spans="1:4" ht="18" customHeight="1" x14ac:dyDescent="0.2">
      <c r="A24" s="31">
        <v>15</v>
      </c>
      <c r="B24" s="27">
        <v>8</v>
      </c>
      <c r="C24" s="28">
        <v>5</v>
      </c>
      <c r="D24" s="29">
        <v>13</v>
      </c>
    </row>
    <row r="25" spans="1:4" ht="18" customHeight="1" x14ac:dyDescent="0.2">
      <c r="A25" s="31">
        <v>16</v>
      </c>
      <c r="B25" s="27">
        <v>6</v>
      </c>
      <c r="C25" s="28">
        <v>9</v>
      </c>
      <c r="D25" s="29">
        <v>15</v>
      </c>
    </row>
    <row r="26" spans="1:4" ht="18" customHeight="1" x14ac:dyDescent="0.2">
      <c r="A26" s="31">
        <v>17</v>
      </c>
      <c r="B26" s="27">
        <v>6</v>
      </c>
      <c r="C26" s="28">
        <v>3</v>
      </c>
      <c r="D26" s="29">
        <v>9</v>
      </c>
    </row>
    <row r="27" spans="1:4" ht="18" customHeight="1" x14ac:dyDescent="0.2">
      <c r="A27" s="31">
        <v>18</v>
      </c>
      <c r="B27" s="27">
        <v>2</v>
      </c>
      <c r="C27" s="28">
        <v>5</v>
      </c>
      <c r="D27" s="29">
        <v>7</v>
      </c>
    </row>
    <row r="28" spans="1:4" ht="18" customHeight="1" x14ac:dyDescent="0.2">
      <c r="A28" s="31">
        <v>19</v>
      </c>
      <c r="B28" s="27">
        <v>4</v>
      </c>
      <c r="C28" s="28">
        <v>4</v>
      </c>
      <c r="D28" s="29">
        <v>8</v>
      </c>
    </row>
    <row r="29" spans="1:4" ht="18" customHeight="1" x14ac:dyDescent="0.2">
      <c r="A29" s="31" t="s">
        <v>52</v>
      </c>
      <c r="B29" s="27">
        <v>26</v>
      </c>
      <c r="C29" s="28">
        <v>26</v>
      </c>
      <c r="D29" s="29">
        <v>52</v>
      </c>
    </row>
    <row r="30" spans="1:4" ht="18" customHeight="1" x14ac:dyDescent="0.2">
      <c r="A30" s="31">
        <v>20</v>
      </c>
      <c r="B30" s="27">
        <v>5</v>
      </c>
      <c r="C30" s="28">
        <v>8</v>
      </c>
      <c r="D30" s="29">
        <v>13</v>
      </c>
    </row>
    <row r="31" spans="1:4" ht="18" customHeight="1" x14ac:dyDescent="0.2">
      <c r="A31" s="31">
        <v>21</v>
      </c>
      <c r="B31" s="27">
        <v>5</v>
      </c>
      <c r="C31" s="28">
        <v>1</v>
      </c>
      <c r="D31" s="29">
        <v>6</v>
      </c>
    </row>
    <row r="32" spans="1:4" ht="18" customHeight="1" x14ac:dyDescent="0.2">
      <c r="A32" s="31">
        <v>22</v>
      </c>
      <c r="B32" s="27">
        <v>7</v>
      </c>
      <c r="C32" s="28">
        <v>5</v>
      </c>
      <c r="D32" s="29">
        <v>12</v>
      </c>
    </row>
    <row r="33" spans="1:4" ht="18" customHeight="1" x14ac:dyDescent="0.2">
      <c r="A33" s="31">
        <v>23</v>
      </c>
      <c r="B33" s="27">
        <v>5</v>
      </c>
      <c r="C33" s="28">
        <v>1</v>
      </c>
      <c r="D33" s="29">
        <v>6</v>
      </c>
    </row>
    <row r="34" spans="1:4" ht="18" customHeight="1" x14ac:dyDescent="0.2">
      <c r="A34" s="31">
        <v>24</v>
      </c>
      <c r="B34" s="27">
        <v>4</v>
      </c>
      <c r="C34" s="28">
        <v>2</v>
      </c>
      <c r="D34" s="29">
        <v>6</v>
      </c>
    </row>
    <row r="35" spans="1:4" ht="18" customHeight="1" x14ac:dyDescent="0.2">
      <c r="A35" s="31" t="s">
        <v>53</v>
      </c>
      <c r="B35" s="27">
        <v>26</v>
      </c>
      <c r="C35" s="28">
        <v>17</v>
      </c>
      <c r="D35" s="29">
        <v>43</v>
      </c>
    </row>
    <row r="36" spans="1:4" ht="18" customHeight="1" x14ac:dyDescent="0.2">
      <c r="A36" s="31">
        <v>25</v>
      </c>
      <c r="B36" s="27">
        <v>6</v>
      </c>
      <c r="C36" s="28">
        <v>8</v>
      </c>
      <c r="D36" s="29">
        <v>14</v>
      </c>
    </row>
    <row r="37" spans="1:4" ht="18" customHeight="1" x14ac:dyDescent="0.2">
      <c r="A37" s="31">
        <v>26</v>
      </c>
      <c r="B37" s="27">
        <v>8</v>
      </c>
      <c r="C37" s="28">
        <v>8</v>
      </c>
      <c r="D37" s="29">
        <v>16</v>
      </c>
    </row>
    <row r="38" spans="1:4" ht="18" customHeight="1" x14ac:dyDescent="0.2">
      <c r="A38" s="31">
        <v>27</v>
      </c>
      <c r="B38" s="27">
        <v>3</v>
      </c>
      <c r="C38" s="28">
        <v>5</v>
      </c>
      <c r="D38" s="29">
        <v>8</v>
      </c>
    </row>
    <row r="39" spans="1:4" ht="18" customHeight="1" x14ac:dyDescent="0.2">
      <c r="A39" s="31">
        <v>28</v>
      </c>
      <c r="B39" s="27">
        <v>9</v>
      </c>
      <c r="C39" s="28">
        <v>3</v>
      </c>
      <c r="D39" s="29">
        <v>12</v>
      </c>
    </row>
    <row r="40" spans="1:4" ht="18" customHeight="1" x14ac:dyDescent="0.2">
      <c r="A40" s="31">
        <v>29</v>
      </c>
      <c r="B40" s="27">
        <v>7</v>
      </c>
      <c r="C40" s="28">
        <v>7</v>
      </c>
      <c r="D40" s="29">
        <v>14</v>
      </c>
    </row>
    <row r="41" spans="1:4" ht="18" customHeight="1" x14ac:dyDescent="0.2">
      <c r="A41" s="31" t="s">
        <v>54</v>
      </c>
      <c r="B41" s="27">
        <v>33</v>
      </c>
      <c r="C41" s="28">
        <v>31</v>
      </c>
      <c r="D41" s="29">
        <v>64</v>
      </c>
    </row>
    <row r="42" spans="1:4" ht="18" customHeight="1" x14ac:dyDescent="0.2">
      <c r="A42" s="31">
        <v>30</v>
      </c>
      <c r="B42" s="27">
        <v>9</v>
      </c>
      <c r="C42" s="28">
        <v>12</v>
      </c>
      <c r="D42" s="29">
        <v>21</v>
      </c>
    </row>
    <row r="43" spans="1:4" ht="18" customHeight="1" x14ac:dyDescent="0.2">
      <c r="A43" s="31">
        <v>31</v>
      </c>
      <c r="B43" s="27">
        <v>6</v>
      </c>
      <c r="C43" s="28">
        <v>7</v>
      </c>
      <c r="D43" s="29">
        <v>13</v>
      </c>
    </row>
    <row r="44" spans="1:4" ht="18" customHeight="1" x14ac:dyDescent="0.2">
      <c r="A44" s="31">
        <v>32</v>
      </c>
      <c r="B44" s="27">
        <v>4</v>
      </c>
      <c r="C44" s="28">
        <v>8</v>
      </c>
      <c r="D44" s="29">
        <v>12</v>
      </c>
    </row>
    <row r="45" spans="1:4" ht="18" customHeight="1" x14ac:dyDescent="0.2">
      <c r="A45" s="31">
        <v>33</v>
      </c>
      <c r="B45" s="27">
        <v>9</v>
      </c>
      <c r="C45" s="28">
        <v>3</v>
      </c>
      <c r="D45" s="29">
        <v>12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32</v>
      </c>
      <c r="C47" s="28">
        <v>34</v>
      </c>
      <c r="D47" s="29">
        <v>66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8</v>
      </c>
      <c r="C49" s="28">
        <v>7</v>
      </c>
      <c r="D49" s="29">
        <v>15</v>
      </c>
    </row>
    <row r="50" spans="1:4" ht="18" customHeight="1" x14ac:dyDescent="0.2">
      <c r="A50" s="31">
        <v>37</v>
      </c>
      <c r="B50" s="27">
        <v>11</v>
      </c>
      <c r="C50" s="28">
        <v>10</v>
      </c>
      <c r="D50" s="29">
        <v>21</v>
      </c>
    </row>
    <row r="51" spans="1:4" ht="18" customHeight="1" x14ac:dyDescent="0.2">
      <c r="A51" s="31">
        <v>38</v>
      </c>
      <c r="B51" s="27">
        <v>7</v>
      </c>
      <c r="C51" s="28">
        <v>7</v>
      </c>
      <c r="D51" s="29">
        <v>14</v>
      </c>
    </row>
    <row r="52" spans="1:4" ht="18" customHeight="1" x14ac:dyDescent="0.2">
      <c r="A52" s="31">
        <v>39</v>
      </c>
      <c r="B52" s="27">
        <v>4</v>
      </c>
      <c r="C52" s="28">
        <v>5</v>
      </c>
      <c r="D52" s="29">
        <v>9</v>
      </c>
    </row>
    <row r="53" spans="1:4" ht="18" customHeight="1" x14ac:dyDescent="0.2">
      <c r="A53" s="31" t="s">
        <v>56</v>
      </c>
      <c r="B53" s="27">
        <v>35</v>
      </c>
      <c r="C53" s="28">
        <v>34</v>
      </c>
      <c r="D53" s="29">
        <v>69</v>
      </c>
    </row>
    <row r="54" spans="1:4" ht="18" customHeight="1" x14ac:dyDescent="0.2">
      <c r="A54" s="31">
        <v>40</v>
      </c>
      <c r="B54" s="27">
        <v>7</v>
      </c>
      <c r="C54" s="28">
        <v>5</v>
      </c>
      <c r="D54" s="29">
        <v>12</v>
      </c>
    </row>
    <row r="55" spans="1:4" ht="18" customHeight="1" x14ac:dyDescent="0.2">
      <c r="A55" s="31">
        <v>41</v>
      </c>
      <c r="B55" s="27">
        <v>8</v>
      </c>
      <c r="C55" s="28">
        <v>7</v>
      </c>
      <c r="D55" s="29">
        <v>15</v>
      </c>
    </row>
    <row r="56" spans="1:4" ht="18" customHeight="1" x14ac:dyDescent="0.2">
      <c r="A56" s="31">
        <v>42</v>
      </c>
      <c r="B56" s="27">
        <v>9</v>
      </c>
      <c r="C56" s="28">
        <v>7</v>
      </c>
      <c r="D56" s="29">
        <v>16</v>
      </c>
    </row>
    <row r="57" spans="1:4" ht="18" customHeight="1" x14ac:dyDescent="0.2">
      <c r="A57" s="31">
        <v>43</v>
      </c>
      <c r="B57" s="27">
        <v>9</v>
      </c>
      <c r="C57" s="28">
        <v>14</v>
      </c>
      <c r="D57" s="29">
        <v>23</v>
      </c>
    </row>
    <row r="58" spans="1:4" ht="18" customHeight="1" x14ac:dyDescent="0.2">
      <c r="A58" s="31">
        <v>44</v>
      </c>
      <c r="B58" s="27">
        <v>15</v>
      </c>
      <c r="C58" s="28">
        <v>8</v>
      </c>
      <c r="D58" s="29">
        <v>23</v>
      </c>
    </row>
    <row r="59" spans="1:4" ht="18" customHeight="1" x14ac:dyDescent="0.2">
      <c r="A59" s="31" t="s">
        <v>57</v>
      </c>
      <c r="B59" s="27">
        <v>48</v>
      </c>
      <c r="C59" s="28">
        <v>41</v>
      </c>
      <c r="D59" s="29">
        <v>89</v>
      </c>
    </row>
    <row r="60" spans="1:4" ht="18" customHeight="1" x14ac:dyDescent="0.2">
      <c r="A60" s="31">
        <v>45</v>
      </c>
      <c r="B60" s="27">
        <v>13</v>
      </c>
      <c r="C60" s="28">
        <v>11</v>
      </c>
      <c r="D60" s="29">
        <v>24</v>
      </c>
    </row>
    <row r="61" spans="1:4" ht="18" customHeight="1" x14ac:dyDescent="0.2">
      <c r="A61" s="31">
        <v>46</v>
      </c>
      <c r="B61" s="27">
        <v>8</v>
      </c>
      <c r="C61" s="28">
        <v>10</v>
      </c>
      <c r="D61" s="29">
        <v>18</v>
      </c>
    </row>
    <row r="62" spans="1:4" ht="18" customHeight="1" x14ac:dyDescent="0.2">
      <c r="A62" s="31">
        <v>47</v>
      </c>
      <c r="B62" s="27">
        <v>13</v>
      </c>
      <c r="C62" s="28">
        <v>6</v>
      </c>
      <c r="D62" s="29">
        <v>19</v>
      </c>
    </row>
    <row r="63" spans="1:4" ht="18" customHeight="1" x14ac:dyDescent="0.2">
      <c r="A63" s="31">
        <v>48</v>
      </c>
      <c r="B63" s="27">
        <v>12</v>
      </c>
      <c r="C63" s="28">
        <v>8</v>
      </c>
      <c r="D63" s="29">
        <v>20</v>
      </c>
    </row>
    <row r="64" spans="1:4" ht="18" customHeight="1" x14ac:dyDescent="0.2">
      <c r="A64" s="31">
        <v>49</v>
      </c>
      <c r="B64" s="27">
        <v>9</v>
      </c>
      <c r="C64" s="28">
        <v>8</v>
      </c>
      <c r="D64" s="29">
        <v>17</v>
      </c>
    </row>
    <row r="65" spans="1:4" ht="18" customHeight="1" x14ac:dyDescent="0.2">
      <c r="A65" s="31" t="s">
        <v>58</v>
      </c>
      <c r="B65" s="27">
        <v>55</v>
      </c>
      <c r="C65" s="28">
        <v>43</v>
      </c>
      <c r="D65" s="29">
        <v>98</v>
      </c>
    </row>
    <row r="66" spans="1:4" ht="18" customHeight="1" x14ac:dyDescent="0.2">
      <c r="A66" s="31">
        <v>50</v>
      </c>
      <c r="B66" s="27">
        <v>2</v>
      </c>
      <c r="C66" s="28">
        <v>11</v>
      </c>
      <c r="D66" s="29">
        <v>13</v>
      </c>
    </row>
    <row r="67" spans="1:4" ht="18" customHeight="1" x14ac:dyDescent="0.2">
      <c r="A67" s="31">
        <v>51</v>
      </c>
      <c r="B67" s="27">
        <v>10</v>
      </c>
      <c r="C67" s="28">
        <v>12</v>
      </c>
      <c r="D67" s="29">
        <v>22</v>
      </c>
    </row>
    <row r="68" spans="1:4" ht="18" customHeight="1" x14ac:dyDescent="0.2">
      <c r="A68" s="31">
        <v>52</v>
      </c>
      <c r="B68" s="27">
        <v>8</v>
      </c>
      <c r="C68" s="28">
        <v>5</v>
      </c>
      <c r="D68" s="29">
        <v>13</v>
      </c>
    </row>
    <row r="69" spans="1:4" ht="18" customHeight="1" x14ac:dyDescent="0.2">
      <c r="A69" s="31">
        <v>53</v>
      </c>
      <c r="B69" s="27">
        <v>5</v>
      </c>
      <c r="C69" s="28">
        <v>10</v>
      </c>
      <c r="D69" s="29">
        <v>15</v>
      </c>
    </row>
    <row r="70" spans="1:4" ht="18" customHeight="1" x14ac:dyDescent="0.2">
      <c r="A70" s="31">
        <v>54</v>
      </c>
      <c r="B70" s="27">
        <v>9</v>
      </c>
      <c r="C70" s="28">
        <v>9</v>
      </c>
      <c r="D70" s="29">
        <v>18</v>
      </c>
    </row>
    <row r="71" spans="1:4" ht="18" customHeight="1" x14ac:dyDescent="0.2">
      <c r="A71" s="31" t="s">
        <v>59</v>
      </c>
      <c r="B71" s="27">
        <v>34</v>
      </c>
      <c r="C71" s="28">
        <v>47</v>
      </c>
      <c r="D71" s="29">
        <v>81</v>
      </c>
    </row>
    <row r="72" spans="1:4" ht="18" customHeight="1" x14ac:dyDescent="0.2">
      <c r="A72" s="31">
        <v>55</v>
      </c>
      <c r="B72" s="27">
        <v>7</v>
      </c>
      <c r="C72" s="28">
        <v>8</v>
      </c>
      <c r="D72" s="29">
        <v>15</v>
      </c>
    </row>
    <row r="73" spans="1:4" ht="18" customHeight="1" x14ac:dyDescent="0.2">
      <c r="A73" s="31">
        <v>56</v>
      </c>
      <c r="B73" s="27">
        <v>2</v>
      </c>
      <c r="C73" s="28">
        <v>7</v>
      </c>
      <c r="D73" s="29">
        <v>9</v>
      </c>
    </row>
    <row r="74" spans="1:4" ht="18" customHeight="1" x14ac:dyDescent="0.2">
      <c r="A74" s="31">
        <v>57</v>
      </c>
      <c r="B74" s="27">
        <v>5</v>
      </c>
      <c r="C74" s="28">
        <v>10</v>
      </c>
      <c r="D74" s="29">
        <v>15</v>
      </c>
    </row>
    <row r="75" spans="1:4" ht="18" customHeight="1" x14ac:dyDescent="0.2">
      <c r="A75" s="31">
        <v>58</v>
      </c>
      <c r="B75" s="27">
        <v>7</v>
      </c>
      <c r="C75" s="28">
        <v>8</v>
      </c>
      <c r="D75" s="29">
        <v>15</v>
      </c>
    </row>
    <row r="76" spans="1:4" ht="18" customHeight="1" x14ac:dyDescent="0.2">
      <c r="A76" s="31">
        <v>59</v>
      </c>
      <c r="B76" s="27">
        <v>7</v>
      </c>
      <c r="C76" s="28">
        <v>9</v>
      </c>
      <c r="D76" s="29">
        <v>16</v>
      </c>
    </row>
    <row r="77" spans="1:4" ht="18" customHeight="1" x14ac:dyDescent="0.2">
      <c r="A77" s="31" t="s">
        <v>60</v>
      </c>
      <c r="B77" s="27">
        <v>28</v>
      </c>
      <c r="C77" s="28">
        <v>42</v>
      </c>
      <c r="D77" s="29">
        <v>70</v>
      </c>
    </row>
    <row r="78" spans="1:4" ht="18" customHeight="1" x14ac:dyDescent="0.2">
      <c r="A78" s="31">
        <v>60</v>
      </c>
      <c r="B78" s="27">
        <v>11</v>
      </c>
      <c r="C78" s="28">
        <v>15</v>
      </c>
      <c r="D78" s="29">
        <v>26</v>
      </c>
    </row>
    <row r="79" spans="1:4" ht="18" customHeight="1" x14ac:dyDescent="0.2">
      <c r="A79" s="31">
        <v>61</v>
      </c>
      <c r="B79" s="27">
        <v>10</v>
      </c>
      <c r="C79" s="28">
        <v>9</v>
      </c>
      <c r="D79" s="29">
        <v>19</v>
      </c>
    </row>
    <row r="80" spans="1:4" ht="18" customHeight="1" x14ac:dyDescent="0.2">
      <c r="A80" s="31">
        <v>62</v>
      </c>
      <c r="B80" s="27">
        <v>18</v>
      </c>
      <c r="C80" s="28">
        <v>11</v>
      </c>
      <c r="D80" s="29">
        <v>29</v>
      </c>
    </row>
    <row r="81" spans="1:4" ht="18" customHeight="1" x14ac:dyDescent="0.2">
      <c r="A81" s="31">
        <v>63</v>
      </c>
      <c r="B81" s="27">
        <v>10</v>
      </c>
      <c r="C81" s="28">
        <v>9</v>
      </c>
      <c r="D81" s="29">
        <v>19</v>
      </c>
    </row>
    <row r="82" spans="1:4" ht="18" customHeight="1" x14ac:dyDescent="0.2">
      <c r="A82" s="31">
        <v>64</v>
      </c>
      <c r="B82" s="27">
        <v>16</v>
      </c>
      <c r="C82" s="28">
        <v>14</v>
      </c>
      <c r="D82" s="29">
        <v>30</v>
      </c>
    </row>
    <row r="83" spans="1:4" ht="18" customHeight="1" x14ac:dyDescent="0.2">
      <c r="A83" s="31" t="s">
        <v>61</v>
      </c>
      <c r="B83" s="27">
        <v>65</v>
      </c>
      <c r="C83" s="28">
        <v>58</v>
      </c>
      <c r="D83" s="29">
        <v>123</v>
      </c>
    </row>
    <row r="84" spans="1:4" ht="18" customHeight="1" x14ac:dyDescent="0.2">
      <c r="A84" s="31" t="s">
        <v>62</v>
      </c>
      <c r="B84" s="27">
        <v>382</v>
      </c>
      <c r="C84" s="28">
        <v>373</v>
      </c>
      <c r="D84" s="29">
        <v>755</v>
      </c>
    </row>
    <row r="85" spans="1:4" ht="18" customHeight="1" x14ac:dyDescent="0.2">
      <c r="A85" s="31">
        <v>65</v>
      </c>
      <c r="B85" s="27">
        <v>18</v>
      </c>
      <c r="C85" s="28">
        <v>13</v>
      </c>
      <c r="D85" s="29">
        <v>31</v>
      </c>
    </row>
    <row r="86" spans="1:4" ht="18" customHeight="1" x14ac:dyDescent="0.2">
      <c r="A86" s="31">
        <v>66</v>
      </c>
      <c r="B86" s="27">
        <v>19</v>
      </c>
      <c r="C86" s="28">
        <v>15</v>
      </c>
      <c r="D86" s="29">
        <v>34</v>
      </c>
    </row>
    <row r="87" spans="1:4" ht="18" customHeight="1" x14ac:dyDescent="0.2">
      <c r="A87" s="31">
        <v>67</v>
      </c>
      <c r="B87" s="27">
        <v>16</v>
      </c>
      <c r="C87" s="28">
        <v>14</v>
      </c>
      <c r="D87" s="29">
        <v>30</v>
      </c>
    </row>
    <row r="88" spans="1:4" ht="18" customHeight="1" x14ac:dyDescent="0.2">
      <c r="A88" s="31">
        <v>68</v>
      </c>
      <c r="B88" s="27">
        <v>8</v>
      </c>
      <c r="C88" s="28">
        <v>15</v>
      </c>
      <c r="D88" s="29">
        <v>23</v>
      </c>
    </row>
    <row r="89" spans="1:4" ht="18" customHeight="1" x14ac:dyDescent="0.2">
      <c r="A89" s="31">
        <v>69</v>
      </c>
      <c r="B89" s="27">
        <v>17</v>
      </c>
      <c r="C89" s="28">
        <v>13</v>
      </c>
      <c r="D89" s="29">
        <v>30</v>
      </c>
    </row>
    <row r="90" spans="1:4" ht="18" customHeight="1" x14ac:dyDescent="0.2">
      <c r="A90" s="31" t="s">
        <v>63</v>
      </c>
      <c r="B90" s="27">
        <v>78</v>
      </c>
      <c r="C90" s="28">
        <v>70</v>
      </c>
      <c r="D90" s="29">
        <v>148</v>
      </c>
    </row>
    <row r="91" spans="1:4" ht="18" customHeight="1" x14ac:dyDescent="0.2">
      <c r="A91" s="31">
        <v>70</v>
      </c>
      <c r="B91" s="27">
        <v>16</v>
      </c>
      <c r="C91" s="28">
        <v>15</v>
      </c>
      <c r="D91" s="29">
        <v>31</v>
      </c>
    </row>
    <row r="92" spans="1:4" ht="18" customHeight="1" x14ac:dyDescent="0.2">
      <c r="A92" s="31">
        <v>71</v>
      </c>
      <c r="B92" s="27">
        <v>19</v>
      </c>
      <c r="C92" s="28">
        <v>13</v>
      </c>
      <c r="D92" s="29">
        <v>32</v>
      </c>
    </row>
    <row r="93" spans="1:4" ht="18" customHeight="1" x14ac:dyDescent="0.2">
      <c r="A93" s="31">
        <v>72</v>
      </c>
      <c r="B93" s="27">
        <v>8</v>
      </c>
      <c r="C93" s="28">
        <v>10</v>
      </c>
      <c r="D93" s="29">
        <v>18</v>
      </c>
    </row>
    <row r="94" spans="1:4" ht="18" customHeight="1" x14ac:dyDescent="0.2">
      <c r="A94" s="31">
        <v>73</v>
      </c>
      <c r="B94" s="27">
        <v>9</v>
      </c>
      <c r="C94" s="28">
        <v>4</v>
      </c>
      <c r="D94" s="29">
        <v>13</v>
      </c>
    </row>
    <row r="95" spans="1:4" ht="18" customHeight="1" x14ac:dyDescent="0.2">
      <c r="A95" s="31">
        <v>74</v>
      </c>
      <c r="B95" s="27">
        <v>7</v>
      </c>
      <c r="C95" s="28">
        <v>9</v>
      </c>
      <c r="D95" s="29">
        <v>16</v>
      </c>
    </row>
    <row r="96" spans="1:4" ht="18" customHeight="1" x14ac:dyDescent="0.2">
      <c r="A96" s="31" t="s">
        <v>64</v>
      </c>
      <c r="B96" s="27">
        <v>59</v>
      </c>
      <c r="C96" s="28">
        <v>51</v>
      </c>
      <c r="D96" s="29">
        <v>110</v>
      </c>
    </row>
    <row r="97" spans="1:4" ht="18" customHeight="1" x14ac:dyDescent="0.2">
      <c r="A97" s="31">
        <v>75</v>
      </c>
      <c r="B97" s="27">
        <v>9</v>
      </c>
      <c r="C97" s="28">
        <v>9</v>
      </c>
      <c r="D97" s="29">
        <v>18</v>
      </c>
    </row>
    <row r="98" spans="1:4" ht="18" customHeight="1" x14ac:dyDescent="0.2">
      <c r="A98" s="31">
        <v>76</v>
      </c>
      <c r="B98" s="27">
        <v>10</v>
      </c>
      <c r="C98" s="28">
        <v>9</v>
      </c>
      <c r="D98" s="29">
        <v>19</v>
      </c>
    </row>
    <row r="99" spans="1:4" ht="18" customHeight="1" x14ac:dyDescent="0.2">
      <c r="A99" s="31">
        <v>77</v>
      </c>
      <c r="B99" s="27">
        <v>7</v>
      </c>
      <c r="C99" s="28">
        <v>16</v>
      </c>
      <c r="D99" s="29">
        <v>23</v>
      </c>
    </row>
    <row r="100" spans="1:4" ht="18" customHeight="1" x14ac:dyDescent="0.2">
      <c r="A100" s="31">
        <v>78</v>
      </c>
      <c r="B100" s="27">
        <v>6</v>
      </c>
      <c r="C100" s="28">
        <v>7</v>
      </c>
      <c r="D100" s="29">
        <v>13</v>
      </c>
    </row>
    <row r="101" spans="1:4" ht="18" customHeight="1" x14ac:dyDescent="0.2">
      <c r="A101" s="31">
        <v>79</v>
      </c>
      <c r="B101" s="27">
        <v>8</v>
      </c>
      <c r="C101" s="28">
        <v>9</v>
      </c>
      <c r="D101" s="29">
        <v>17</v>
      </c>
    </row>
    <row r="102" spans="1:4" ht="18" customHeight="1" x14ac:dyDescent="0.2">
      <c r="A102" s="31" t="s">
        <v>65</v>
      </c>
      <c r="B102" s="27">
        <v>40</v>
      </c>
      <c r="C102" s="28">
        <v>50</v>
      </c>
      <c r="D102" s="29">
        <v>90</v>
      </c>
    </row>
    <row r="103" spans="1:4" ht="18" customHeight="1" x14ac:dyDescent="0.2">
      <c r="A103" s="31">
        <v>80</v>
      </c>
      <c r="B103" s="27">
        <v>5</v>
      </c>
      <c r="C103" s="28">
        <v>2</v>
      </c>
      <c r="D103" s="29">
        <v>7</v>
      </c>
    </row>
    <row r="104" spans="1:4" ht="18" customHeight="1" x14ac:dyDescent="0.2">
      <c r="A104" s="31">
        <v>81</v>
      </c>
      <c r="B104" s="27">
        <v>9</v>
      </c>
      <c r="C104" s="28">
        <v>7</v>
      </c>
      <c r="D104" s="29">
        <v>16</v>
      </c>
    </row>
    <row r="105" spans="1:4" ht="18" customHeight="1" x14ac:dyDescent="0.2">
      <c r="A105" s="31">
        <v>82</v>
      </c>
      <c r="B105" s="27">
        <v>4</v>
      </c>
      <c r="C105" s="28">
        <v>7</v>
      </c>
      <c r="D105" s="29">
        <v>11</v>
      </c>
    </row>
    <row r="106" spans="1:4" ht="18" customHeight="1" x14ac:dyDescent="0.2">
      <c r="A106" s="31">
        <v>83</v>
      </c>
      <c r="B106" s="27">
        <v>4</v>
      </c>
      <c r="C106" s="28">
        <v>15</v>
      </c>
      <c r="D106" s="29">
        <v>19</v>
      </c>
    </row>
    <row r="107" spans="1:4" ht="18" customHeight="1" x14ac:dyDescent="0.2">
      <c r="A107" s="31">
        <v>84</v>
      </c>
      <c r="B107" s="27">
        <v>4</v>
      </c>
      <c r="C107" s="28">
        <v>12</v>
      </c>
      <c r="D107" s="29">
        <v>16</v>
      </c>
    </row>
    <row r="108" spans="1:4" ht="18" customHeight="1" x14ac:dyDescent="0.2">
      <c r="A108" s="31" t="s">
        <v>66</v>
      </c>
      <c r="B108" s="27">
        <v>26</v>
      </c>
      <c r="C108" s="28">
        <v>43</v>
      </c>
      <c r="D108" s="29">
        <v>69</v>
      </c>
    </row>
    <row r="109" spans="1:4" ht="18" customHeight="1" x14ac:dyDescent="0.2">
      <c r="A109" s="31">
        <v>85</v>
      </c>
      <c r="B109" s="27">
        <v>3</v>
      </c>
      <c r="C109" s="28">
        <v>12</v>
      </c>
      <c r="D109" s="29">
        <v>15</v>
      </c>
    </row>
    <row r="110" spans="1:4" ht="18" customHeight="1" x14ac:dyDescent="0.2">
      <c r="A110" s="31">
        <v>86</v>
      </c>
      <c r="B110" s="27">
        <v>5</v>
      </c>
      <c r="C110" s="28">
        <v>14</v>
      </c>
      <c r="D110" s="29">
        <v>19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10</v>
      </c>
      <c r="C113" s="28">
        <v>9</v>
      </c>
      <c r="D113" s="29">
        <v>19</v>
      </c>
    </row>
    <row r="114" spans="1:4" ht="18" customHeight="1" x14ac:dyDescent="0.2">
      <c r="A114" s="31" t="s">
        <v>67</v>
      </c>
      <c r="B114" s="27">
        <v>23</v>
      </c>
      <c r="C114" s="28">
        <v>45</v>
      </c>
      <c r="D114" s="29">
        <v>68</v>
      </c>
    </row>
    <row r="115" spans="1:4" ht="18" customHeight="1" x14ac:dyDescent="0.2">
      <c r="A115" s="31">
        <v>90</v>
      </c>
      <c r="B115" s="27">
        <v>2</v>
      </c>
      <c r="C115" s="28">
        <v>9</v>
      </c>
      <c r="D115" s="29">
        <v>11</v>
      </c>
    </row>
    <row r="116" spans="1:4" ht="18" customHeight="1" x14ac:dyDescent="0.2">
      <c r="A116" s="31">
        <v>91</v>
      </c>
      <c r="B116" s="27">
        <v>2</v>
      </c>
      <c r="C116" s="28">
        <v>11</v>
      </c>
      <c r="D116" s="29">
        <v>13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6</v>
      </c>
      <c r="C120" s="28">
        <v>33</v>
      </c>
      <c r="D120" s="29">
        <v>39</v>
      </c>
    </row>
    <row r="121" spans="1:4" ht="18" customHeight="1" x14ac:dyDescent="0.2">
      <c r="A121" s="31">
        <v>95</v>
      </c>
      <c r="B121" s="27">
        <v>3</v>
      </c>
      <c r="C121" s="28">
        <v>3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6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36</v>
      </c>
      <c r="C130" s="5">
        <v>298</v>
      </c>
      <c r="D130" s="6">
        <v>534</v>
      </c>
    </row>
    <row r="131" spans="1:4" ht="18" customHeight="1" x14ac:dyDescent="0.2">
      <c r="A131" s="33" t="s">
        <v>47</v>
      </c>
      <c r="B131" s="7">
        <v>707</v>
      </c>
      <c r="C131" s="8">
        <v>733</v>
      </c>
      <c r="D131" s="9">
        <v>144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3</v>
      </c>
      <c r="D5" s="39">
        <v>4</v>
      </c>
    </row>
    <row r="6" spans="1:10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10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10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10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10" ht="18" customHeight="1" x14ac:dyDescent="0.2">
      <c r="A10" s="31" t="s">
        <v>48</v>
      </c>
      <c r="B10" s="27">
        <v>7</v>
      </c>
      <c r="C10" s="28">
        <v>8</v>
      </c>
      <c r="D10" s="29">
        <v>15</v>
      </c>
    </row>
    <row r="11" spans="1:10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10" ht="18" customHeight="1" x14ac:dyDescent="0.2">
      <c r="A12" s="31">
        <v>6</v>
      </c>
      <c r="B12" s="35">
        <v>3</v>
      </c>
      <c r="C12" s="28">
        <v>2</v>
      </c>
      <c r="D12" s="29">
        <v>5</v>
      </c>
    </row>
    <row r="13" spans="1:10" ht="18" customHeight="1" x14ac:dyDescent="0.2">
      <c r="A13" s="31">
        <v>7</v>
      </c>
      <c r="B13" s="35">
        <v>6</v>
      </c>
      <c r="C13" s="28">
        <v>2</v>
      </c>
      <c r="D13" s="29">
        <v>8</v>
      </c>
    </row>
    <row r="14" spans="1:10" ht="18" customHeight="1" x14ac:dyDescent="0.2">
      <c r="A14" s="31">
        <v>8</v>
      </c>
      <c r="B14" s="35">
        <v>6</v>
      </c>
      <c r="C14" s="28">
        <v>2</v>
      </c>
      <c r="D14" s="29">
        <v>8</v>
      </c>
    </row>
    <row r="15" spans="1:10" ht="18" customHeight="1" x14ac:dyDescent="0.2">
      <c r="A15" s="31">
        <v>9</v>
      </c>
      <c r="B15" s="35">
        <v>7</v>
      </c>
      <c r="C15" s="28">
        <v>1</v>
      </c>
      <c r="D15" s="29">
        <v>8</v>
      </c>
    </row>
    <row r="16" spans="1:10" ht="18" customHeight="1" x14ac:dyDescent="0.2">
      <c r="A16" s="31" t="s">
        <v>49</v>
      </c>
      <c r="B16" s="27">
        <v>24</v>
      </c>
      <c r="C16" s="28">
        <v>9</v>
      </c>
      <c r="D16" s="29">
        <v>33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4</v>
      </c>
      <c r="C18" s="28">
        <v>2</v>
      </c>
      <c r="D18" s="29">
        <v>6</v>
      </c>
    </row>
    <row r="19" spans="1:4" ht="18" customHeight="1" x14ac:dyDescent="0.2">
      <c r="A19" s="31">
        <v>12</v>
      </c>
      <c r="B19" s="27">
        <v>4</v>
      </c>
      <c r="C19" s="28">
        <v>7</v>
      </c>
      <c r="D19" s="29">
        <v>11</v>
      </c>
    </row>
    <row r="20" spans="1:4" ht="18" customHeight="1" x14ac:dyDescent="0.2">
      <c r="A20" s="31">
        <v>13</v>
      </c>
      <c r="B20" s="27">
        <v>5</v>
      </c>
      <c r="C20" s="28">
        <v>3</v>
      </c>
      <c r="D20" s="29">
        <v>8</v>
      </c>
    </row>
    <row r="21" spans="1:4" ht="18" customHeight="1" x14ac:dyDescent="0.2">
      <c r="A21" s="31">
        <v>14</v>
      </c>
      <c r="B21" s="27">
        <v>4</v>
      </c>
      <c r="C21" s="28">
        <v>2</v>
      </c>
      <c r="D21" s="29">
        <v>6</v>
      </c>
    </row>
    <row r="22" spans="1:4" ht="18" customHeight="1" x14ac:dyDescent="0.2">
      <c r="A22" s="31" t="s">
        <v>50</v>
      </c>
      <c r="B22" s="27">
        <v>20</v>
      </c>
      <c r="C22" s="28">
        <v>16</v>
      </c>
      <c r="D22" s="29">
        <v>36</v>
      </c>
    </row>
    <row r="23" spans="1:4" ht="18" customHeight="1" x14ac:dyDescent="0.2">
      <c r="A23" s="31" t="s">
        <v>51</v>
      </c>
      <c r="B23" s="27">
        <v>51</v>
      </c>
      <c r="C23" s="28">
        <v>33</v>
      </c>
      <c r="D23" s="29">
        <v>84</v>
      </c>
    </row>
    <row r="24" spans="1:4" ht="18" customHeight="1" x14ac:dyDescent="0.2">
      <c r="A24" s="31">
        <v>15</v>
      </c>
      <c r="B24" s="27">
        <v>5</v>
      </c>
      <c r="C24" s="28">
        <v>3</v>
      </c>
      <c r="D24" s="29">
        <v>8</v>
      </c>
    </row>
    <row r="25" spans="1:4" ht="18" customHeight="1" x14ac:dyDescent="0.2">
      <c r="A25" s="31">
        <v>16</v>
      </c>
      <c r="B25" s="27">
        <v>2</v>
      </c>
      <c r="C25" s="28">
        <v>5</v>
      </c>
      <c r="D25" s="29">
        <v>7</v>
      </c>
    </row>
    <row r="26" spans="1:4" ht="18" customHeight="1" x14ac:dyDescent="0.2">
      <c r="A26" s="31">
        <v>17</v>
      </c>
      <c r="B26" s="27">
        <v>1</v>
      </c>
      <c r="C26" s="28">
        <v>3</v>
      </c>
      <c r="D26" s="29">
        <v>4</v>
      </c>
    </row>
    <row r="27" spans="1:4" ht="18" customHeight="1" x14ac:dyDescent="0.2">
      <c r="A27" s="31">
        <v>18</v>
      </c>
      <c r="B27" s="27">
        <v>5</v>
      </c>
      <c r="C27" s="28">
        <v>4</v>
      </c>
      <c r="D27" s="29">
        <v>9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18</v>
      </c>
      <c r="C29" s="28">
        <v>20</v>
      </c>
      <c r="D29" s="29">
        <v>38</v>
      </c>
    </row>
    <row r="30" spans="1:4" ht="18" customHeight="1" x14ac:dyDescent="0.2">
      <c r="A30" s="31">
        <v>20</v>
      </c>
      <c r="B30" s="27">
        <v>10</v>
      </c>
      <c r="C30" s="28">
        <v>4</v>
      </c>
      <c r="D30" s="29">
        <v>14</v>
      </c>
    </row>
    <row r="31" spans="1:4" ht="18" customHeight="1" x14ac:dyDescent="0.2">
      <c r="A31" s="31">
        <v>21</v>
      </c>
      <c r="B31" s="27">
        <v>5</v>
      </c>
      <c r="C31" s="28">
        <v>0</v>
      </c>
      <c r="D31" s="29">
        <v>5</v>
      </c>
    </row>
    <row r="32" spans="1:4" ht="18" customHeight="1" x14ac:dyDescent="0.2">
      <c r="A32" s="31">
        <v>22</v>
      </c>
      <c r="B32" s="27">
        <v>9</v>
      </c>
      <c r="C32" s="28">
        <v>6</v>
      </c>
      <c r="D32" s="29">
        <v>15</v>
      </c>
    </row>
    <row r="33" spans="1:4" ht="18" customHeight="1" x14ac:dyDescent="0.2">
      <c r="A33" s="31">
        <v>23</v>
      </c>
      <c r="B33" s="27">
        <v>1</v>
      </c>
      <c r="C33" s="28">
        <v>5</v>
      </c>
      <c r="D33" s="29">
        <v>6</v>
      </c>
    </row>
    <row r="34" spans="1:4" ht="18" customHeight="1" x14ac:dyDescent="0.2">
      <c r="A34" s="31">
        <v>24</v>
      </c>
      <c r="B34" s="27">
        <v>4</v>
      </c>
      <c r="C34" s="28">
        <v>5</v>
      </c>
      <c r="D34" s="29">
        <v>9</v>
      </c>
    </row>
    <row r="35" spans="1:4" ht="18" customHeight="1" x14ac:dyDescent="0.2">
      <c r="A35" s="31" t="s">
        <v>53</v>
      </c>
      <c r="B35" s="27">
        <v>29</v>
      </c>
      <c r="C35" s="28">
        <v>20</v>
      </c>
      <c r="D35" s="29">
        <v>49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7</v>
      </c>
      <c r="C37" s="28">
        <v>3</v>
      </c>
      <c r="D37" s="29">
        <v>10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4</v>
      </c>
      <c r="C39" s="28">
        <v>5</v>
      </c>
      <c r="D39" s="29">
        <v>9</v>
      </c>
    </row>
    <row r="40" spans="1:4" ht="18" customHeight="1" x14ac:dyDescent="0.2">
      <c r="A40" s="31">
        <v>29</v>
      </c>
      <c r="B40" s="27">
        <v>2</v>
      </c>
      <c r="C40" s="28">
        <v>4</v>
      </c>
      <c r="D40" s="29">
        <v>6</v>
      </c>
    </row>
    <row r="41" spans="1:4" ht="18" customHeight="1" x14ac:dyDescent="0.2">
      <c r="A41" s="31" t="s">
        <v>54</v>
      </c>
      <c r="B41" s="27">
        <v>21</v>
      </c>
      <c r="C41" s="28">
        <v>18</v>
      </c>
      <c r="D41" s="29">
        <v>39</v>
      </c>
    </row>
    <row r="42" spans="1:4" ht="18" customHeight="1" x14ac:dyDescent="0.2">
      <c r="A42" s="31">
        <v>30</v>
      </c>
      <c r="B42" s="27">
        <v>4</v>
      </c>
      <c r="C42" s="28">
        <v>4</v>
      </c>
      <c r="D42" s="29">
        <v>8</v>
      </c>
    </row>
    <row r="43" spans="1:4" ht="18" customHeight="1" x14ac:dyDescent="0.2">
      <c r="A43" s="31">
        <v>31</v>
      </c>
      <c r="B43" s="27">
        <v>2</v>
      </c>
      <c r="C43" s="28">
        <v>5</v>
      </c>
      <c r="D43" s="29">
        <v>7</v>
      </c>
    </row>
    <row r="44" spans="1:4" ht="18" customHeight="1" x14ac:dyDescent="0.2">
      <c r="A44" s="31">
        <v>32</v>
      </c>
      <c r="B44" s="27">
        <v>4</v>
      </c>
      <c r="C44" s="28">
        <v>8</v>
      </c>
      <c r="D44" s="29">
        <v>12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5</v>
      </c>
      <c r="D46" s="29">
        <v>6</v>
      </c>
    </row>
    <row r="47" spans="1:4" ht="18" customHeight="1" x14ac:dyDescent="0.2">
      <c r="A47" s="31" t="s">
        <v>55</v>
      </c>
      <c r="B47" s="27">
        <v>12</v>
      </c>
      <c r="C47" s="28">
        <v>23</v>
      </c>
      <c r="D47" s="29">
        <v>35</v>
      </c>
    </row>
    <row r="48" spans="1:4" ht="18" customHeight="1" x14ac:dyDescent="0.2">
      <c r="A48" s="31">
        <v>35</v>
      </c>
      <c r="B48" s="27">
        <v>8</v>
      </c>
      <c r="C48" s="28">
        <v>0</v>
      </c>
      <c r="D48" s="29">
        <v>8</v>
      </c>
    </row>
    <row r="49" spans="1:4" ht="18" customHeight="1" x14ac:dyDescent="0.2">
      <c r="A49" s="31">
        <v>36</v>
      </c>
      <c r="B49" s="27">
        <v>6</v>
      </c>
      <c r="C49" s="28">
        <v>1</v>
      </c>
      <c r="D49" s="29">
        <v>7</v>
      </c>
    </row>
    <row r="50" spans="1:4" ht="18" customHeight="1" x14ac:dyDescent="0.2">
      <c r="A50" s="31">
        <v>37</v>
      </c>
      <c r="B50" s="27">
        <v>5</v>
      </c>
      <c r="C50" s="28">
        <v>5</v>
      </c>
      <c r="D50" s="29">
        <v>10</v>
      </c>
    </row>
    <row r="51" spans="1:4" ht="18" customHeight="1" x14ac:dyDescent="0.2">
      <c r="A51" s="31">
        <v>38</v>
      </c>
      <c r="B51" s="27">
        <v>4</v>
      </c>
      <c r="C51" s="28">
        <v>6</v>
      </c>
      <c r="D51" s="29">
        <v>10</v>
      </c>
    </row>
    <row r="52" spans="1:4" ht="18" customHeight="1" x14ac:dyDescent="0.2">
      <c r="A52" s="31">
        <v>39</v>
      </c>
      <c r="B52" s="27">
        <v>6</v>
      </c>
      <c r="C52" s="28">
        <v>4</v>
      </c>
      <c r="D52" s="29">
        <v>10</v>
      </c>
    </row>
    <row r="53" spans="1:4" ht="18" customHeight="1" x14ac:dyDescent="0.2">
      <c r="A53" s="31" t="s">
        <v>56</v>
      </c>
      <c r="B53" s="27">
        <v>29</v>
      </c>
      <c r="C53" s="28">
        <v>16</v>
      </c>
      <c r="D53" s="29">
        <v>45</v>
      </c>
    </row>
    <row r="54" spans="1:4" ht="18" customHeight="1" x14ac:dyDescent="0.2">
      <c r="A54" s="31">
        <v>40</v>
      </c>
      <c r="B54" s="27">
        <v>8</v>
      </c>
      <c r="C54" s="28">
        <v>2</v>
      </c>
      <c r="D54" s="29">
        <v>10</v>
      </c>
    </row>
    <row r="55" spans="1:4" ht="18" customHeight="1" x14ac:dyDescent="0.2">
      <c r="A55" s="31">
        <v>41</v>
      </c>
      <c r="B55" s="27">
        <v>4</v>
      </c>
      <c r="C55" s="28">
        <v>2</v>
      </c>
      <c r="D55" s="29">
        <v>6</v>
      </c>
    </row>
    <row r="56" spans="1:4" ht="18" customHeight="1" x14ac:dyDescent="0.2">
      <c r="A56" s="31">
        <v>42</v>
      </c>
      <c r="B56" s="27">
        <v>12</v>
      </c>
      <c r="C56" s="28">
        <v>5</v>
      </c>
      <c r="D56" s="29">
        <v>17</v>
      </c>
    </row>
    <row r="57" spans="1:4" ht="18" customHeight="1" x14ac:dyDescent="0.2">
      <c r="A57" s="31">
        <v>43</v>
      </c>
      <c r="B57" s="27">
        <v>6</v>
      </c>
      <c r="C57" s="28">
        <v>5</v>
      </c>
      <c r="D57" s="29">
        <v>11</v>
      </c>
    </row>
    <row r="58" spans="1:4" ht="18" customHeight="1" x14ac:dyDescent="0.2">
      <c r="A58" s="31">
        <v>44</v>
      </c>
      <c r="B58" s="27">
        <v>8</v>
      </c>
      <c r="C58" s="28">
        <v>7</v>
      </c>
      <c r="D58" s="29">
        <v>15</v>
      </c>
    </row>
    <row r="59" spans="1:4" ht="18" customHeight="1" x14ac:dyDescent="0.2">
      <c r="A59" s="31" t="s">
        <v>57</v>
      </c>
      <c r="B59" s="27">
        <v>38</v>
      </c>
      <c r="C59" s="28">
        <v>21</v>
      </c>
      <c r="D59" s="29">
        <v>59</v>
      </c>
    </row>
    <row r="60" spans="1:4" ht="18" customHeight="1" x14ac:dyDescent="0.2">
      <c r="A60" s="31">
        <v>45</v>
      </c>
      <c r="B60" s="27">
        <v>9</v>
      </c>
      <c r="C60" s="28">
        <v>8</v>
      </c>
      <c r="D60" s="29">
        <v>17</v>
      </c>
    </row>
    <row r="61" spans="1:4" ht="18" customHeight="1" x14ac:dyDescent="0.2">
      <c r="A61" s="31">
        <v>46</v>
      </c>
      <c r="B61" s="27">
        <v>8</v>
      </c>
      <c r="C61" s="28">
        <v>6</v>
      </c>
      <c r="D61" s="29">
        <v>14</v>
      </c>
    </row>
    <row r="62" spans="1:4" ht="18" customHeight="1" x14ac:dyDescent="0.2">
      <c r="A62" s="31">
        <v>47</v>
      </c>
      <c r="B62" s="27">
        <v>3</v>
      </c>
      <c r="C62" s="28">
        <v>6</v>
      </c>
      <c r="D62" s="29">
        <v>9</v>
      </c>
    </row>
    <row r="63" spans="1:4" ht="18" customHeight="1" x14ac:dyDescent="0.2">
      <c r="A63" s="31">
        <v>48</v>
      </c>
      <c r="B63" s="27">
        <v>6</v>
      </c>
      <c r="C63" s="28">
        <v>9</v>
      </c>
      <c r="D63" s="29">
        <v>15</v>
      </c>
    </row>
    <row r="64" spans="1:4" ht="18" customHeight="1" x14ac:dyDescent="0.2">
      <c r="A64" s="31">
        <v>49</v>
      </c>
      <c r="B64" s="27">
        <v>6</v>
      </c>
      <c r="C64" s="28">
        <v>6</v>
      </c>
      <c r="D64" s="29">
        <v>12</v>
      </c>
    </row>
    <row r="65" spans="1:4" ht="18" customHeight="1" x14ac:dyDescent="0.2">
      <c r="A65" s="31" t="s">
        <v>58</v>
      </c>
      <c r="B65" s="27">
        <v>32</v>
      </c>
      <c r="C65" s="28">
        <v>35</v>
      </c>
      <c r="D65" s="29">
        <v>67</v>
      </c>
    </row>
    <row r="66" spans="1:4" ht="18" customHeight="1" x14ac:dyDescent="0.2">
      <c r="A66" s="31">
        <v>50</v>
      </c>
      <c r="B66" s="27">
        <v>5</v>
      </c>
      <c r="C66" s="28">
        <v>6</v>
      </c>
      <c r="D66" s="29">
        <v>11</v>
      </c>
    </row>
    <row r="67" spans="1:4" ht="18" customHeight="1" x14ac:dyDescent="0.2">
      <c r="A67" s="31">
        <v>51</v>
      </c>
      <c r="B67" s="27">
        <v>6</v>
      </c>
      <c r="C67" s="28">
        <v>5</v>
      </c>
      <c r="D67" s="29">
        <v>11</v>
      </c>
    </row>
    <row r="68" spans="1:4" ht="18" customHeight="1" x14ac:dyDescent="0.2">
      <c r="A68" s="31">
        <v>52</v>
      </c>
      <c r="B68" s="27">
        <v>5</v>
      </c>
      <c r="C68" s="28">
        <v>4</v>
      </c>
      <c r="D68" s="29">
        <v>9</v>
      </c>
    </row>
    <row r="69" spans="1:4" ht="18" customHeight="1" x14ac:dyDescent="0.2">
      <c r="A69" s="31">
        <v>53</v>
      </c>
      <c r="B69" s="27">
        <v>1</v>
      </c>
      <c r="C69" s="28">
        <v>5</v>
      </c>
      <c r="D69" s="29">
        <v>6</v>
      </c>
    </row>
    <row r="70" spans="1:4" ht="18" customHeight="1" x14ac:dyDescent="0.2">
      <c r="A70" s="31">
        <v>54</v>
      </c>
      <c r="B70" s="27">
        <v>8</v>
      </c>
      <c r="C70" s="28">
        <v>5</v>
      </c>
      <c r="D70" s="29">
        <v>13</v>
      </c>
    </row>
    <row r="71" spans="1:4" ht="18" customHeight="1" x14ac:dyDescent="0.2">
      <c r="A71" s="31" t="s">
        <v>59</v>
      </c>
      <c r="B71" s="27">
        <v>25</v>
      </c>
      <c r="C71" s="28">
        <v>25</v>
      </c>
      <c r="D71" s="29">
        <v>50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7</v>
      </c>
      <c r="C73" s="28">
        <v>4</v>
      </c>
      <c r="D73" s="29">
        <v>11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5</v>
      </c>
      <c r="C75" s="28">
        <v>3</v>
      </c>
      <c r="D75" s="29">
        <v>8</v>
      </c>
    </row>
    <row r="76" spans="1:4" ht="18" customHeight="1" x14ac:dyDescent="0.2">
      <c r="A76" s="31">
        <v>59</v>
      </c>
      <c r="B76" s="27">
        <v>5</v>
      </c>
      <c r="C76" s="28">
        <v>9</v>
      </c>
      <c r="D76" s="29">
        <v>14</v>
      </c>
    </row>
    <row r="77" spans="1:4" ht="18" customHeight="1" x14ac:dyDescent="0.2">
      <c r="A77" s="31" t="s">
        <v>60</v>
      </c>
      <c r="B77" s="27">
        <v>27</v>
      </c>
      <c r="C77" s="28">
        <v>30</v>
      </c>
      <c r="D77" s="29">
        <v>57</v>
      </c>
    </row>
    <row r="78" spans="1:4" ht="18" customHeight="1" x14ac:dyDescent="0.2">
      <c r="A78" s="31">
        <v>60</v>
      </c>
      <c r="B78" s="27">
        <v>6</v>
      </c>
      <c r="C78" s="28">
        <v>6</v>
      </c>
      <c r="D78" s="29">
        <v>12</v>
      </c>
    </row>
    <row r="79" spans="1:4" ht="18" customHeight="1" x14ac:dyDescent="0.2">
      <c r="A79" s="31">
        <v>61</v>
      </c>
      <c r="B79" s="27">
        <v>6</v>
      </c>
      <c r="C79" s="28">
        <v>4</v>
      </c>
      <c r="D79" s="29">
        <v>10</v>
      </c>
    </row>
    <row r="80" spans="1:4" ht="18" customHeight="1" x14ac:dyDescent="0.2">
      <c r="A80" s="31">
        <v>62</v>
      </c>
      <c r="B80" s="27">
        <v>5</v>
      </c>
      <c r="C80" s="28">
        <v>4</v>
      </c>
      <c r="D80" s="29">
        <v>9</v>
      </c>
    </row>
    <row r="81" spans="1:4" ht="18" customHeight="1" x14ac:dyDescent="0.2">
      <c r="A81" s="31">
        <v>63</v>
      </c>
      <c r="B81" s="27">
        <v>2</v>
      </c>
      <c r="C81" s="28">
        <v>9</v>
      </c>
      <c r="D81" s="29">
        <v>11</v>
      </c>
    </row>
    <row r="82" spans="1:4" ht="18" customHeight="1" x14ac:dyDescent="0.2">
      <c r="A82" s="31">
        <v>64</v>
      </c>
      <c r="B82" s="27">
        <v>10</v>
      </c>
      <c r="C82" s="28">
        <v>10</v>
      </c>
      <c r="D82" s="29">
        <v>20</v>
      </c>
    </row>
    <row r="83" spans="1:4" ht="18" customHeight="1" x14ac:dyDescent="0.2">
      <c r="A83" s="31" t="s">
        <v>61</v>
      </c>
      <c r="B83" s="27">
        <v>29</v>
      </c>
      <c r="C83" s="28">
        <v>33</v>
      </c>
      <c r="D83" s="29">
        <v>62</v>
      </c>
    </row>
    <row r="84" spans="1:4" ht="18" customHeight="1" x14ac:dyDescent="0.2">
      <c r="A84" s="31" t="s">
        <v>62</v>
      </c>
      <c r="B84" s="27">
        <v>260</v>
      </c>
      <c r="C84" s="28">
        <v>241</v>
      </c>
      <c r="D84" s="29">
        <v>501</v>
      </c>
    </row>
    <row r="85" spans="1:4" ht="18" customHeight="1" x14ac:dyDescent="0.2">
      <c r="A85" s="31">
        <v>65</v>
      </c>
      <c r="B85" s="27">
        <v>11</v>
      </c>
      <c r="C85" s="28">
        <v>6</v>
      </c>
      <c r="D85" s="29">
        <v>17</v>
      </c>
    </row>
    <row r="86" spans="1:4" ht="18" customHeight="1" x14ac:dyDescent="0.2">
      <c r="A86" s="31">
        <v>66</v>
      </c>
      <c r="B86" s="27">
        <v>11</v>
      </c>
      <c r="C86" s="28">
        <v>2</v>
      </c>
      <c r="D86" s="29">
        <v>13</v>
      </c>
    </row>
    <row r="87" spans="1:4" ht="18" customHeight="1" x14ac:dyDescent="0.2">
      <c r="A87" s="31">
        <v>67</v>
      </c>
      <c r="B87" s="27">
        <v>8</v>
      </c>
      <c r="C87" s="28">
        <v>14</v>
      </c>
      <c r="D87" s="29">
        <v>22</v>
      </c>
    </row>
    <row r="88" spans="1:4" ht="18" customHeight="1" x14ac:dyDescent="0.2">
      <c r="A88" s="31">
        <v>68</v>
      </c>
      <c r="B88" s="27">
        <v>6</v>
      </c>
      <c r="C88" s="28">
        <v>11</v>
      </c>
      <c r="D88" s="29">
        <v>17</v>
      </c>
    </row>
    <row r="89" spans="1:4" ht="18" customHeight="1" x14ac:dyDescent="0.2">
      <c r="A89" s="31">
        <v>69</v>
      </c>
      <c r="B89" s="27">
        <v>9</v>
      </c>
      <c r="C89" s="28">
        <v>9</v>
      </c>
      <c r="D89" s="29">
        <v>18</v>
      </c>
    </row>
    <row r="90" spans="1:4" ht="18" customHeight="1" x14ac:dyDescent="0.2">
      <c r="A90" s="31" t="s">
        <v>63</v>
      </c>
      <c r="B90" s="27">
        <v>45</v>
      </c>
      <c r="C90" s="28">
        <v>42</v>
      </c>
      <c r="D90" s="29">
        <v>87</v>
      </c>
    </row>
    <row r="91" spans="1:4" ht="18" customHeight="1" x14ac:dyDescent="0.2">
      <c r="A91" s="31">
        <v>70</v>
      </c>
      <c r="B91" s="27">
        <v>8</v>
      </c>
      <c r="C91" s="28">
        <v>16</v>
      </c>
      <c r="D91" s="29">
        <v>24</v>
      </c>
    </row>
    <row r="92" spans="1:4" ht="18" customHeight="1" x14ac:dyDescent="0.2">
      <c r="A92" s="31">
        <v>71</v>
      </c>
      <c r="B92" s="27">
        <v>7</v>
      </c>
      <c r="C92" s="28">
        <v>19</v>
      </c>
      <c r="D92" s="29">
        <v>26</v>
      </c>
    </row>
    <row r="93" spans="1:4" ht="18" customHeight="1" x14ac:dyDescent="0.2">
      <c r="A93" s="31">
        <v>72</v>
      </c>
      <c r="B93" s="27">
        <v>15</v>
      </c>
      <c r="C93" s="28">
        <v>11</v>
      </c>
      <c r="D93" s="29">
        <v>26</v>
      </c>
    </row>
    <row r="94" spans="1:4" ht="18" customHeight="1" x14ac:dyDescent="0.2">
      <c r="A94" s="31">
        <v>73</v>
      </c>
      <c r="B94" s="27">
        <v>4</v>
      </c>
      <c r="C94" s="28">
        <v>5</v>
      </c>
      <c r="D94" s="29">
        <v>9</v>
      </c>
    </row>
    <row r="95" spans="1:4" ht="18" customHeight="1" x14ac:dyDescent="0.2">
      <c r="A95" s="31">
        <v>74</v>
      </c>
      <c r="B95" s="27">
        <v>12</v>
      </c>
      <c r="C95" s="28">
        <v>7</v>
      </c>
      <c r="D95" s="29">
        <v>19</v>
      </c>
    </row>
    <row r="96" spans="1:4" ht="18" customHeight="1" x14ac:dyDescent="0.2">
      <c r="A96" s="31" t="s">
        <v>64</v>
      </c>
      <c r="B96" s="27">
        <v>46</v>
      </c>
      <c r="C96" s="28">
        <v>58</v>
      </c>
      <c r="D96" s="29">
        <v>104</v>
      </c>
    </row>
    <row r="97" spans="1:4" ht="18" customHeight="1" x14ac:dyDescent="0.2">
      <c r="A97" s="31">
        <v>75</v>
      </c>
      <c r="B97" s="27">
        <v>5</v>
      </c>
      <c r="C97" s="28">
        <v>11</v>
      </c>
      <c r="D97" s="29">
        <v>16</v>
      </c>
    </row>
    <row r="98" spans="1:4" ht="18" customHeight="1" x14ac:dyDescent="0.2">
      <c r="A98" s="31">
        <v>76</v>
      </c>
      <c r="B98" s="27">
        <v>8</v>
      </c>
      <c r="C98" s="28">
        <v>8</v>
      </c>
      <c r="D98" s="29">
        <v>16</v>
      </c>
    </row>
    <row r="99" spans="1:4" ht="18" customHeight="1" x14ac:dyDescent="0.2">
      <c r="A99" s="31">
        <v>77</v>
      </c>
      <c r="B99" s="27">
        <v>10</v>
      </c>
      <c r="C99" s="28">
        <v>12</v>
      </c>
      <c r="D99" s="29">
        <v>22</v>
      </c>
    </row>
    <row r="100" spans="1:4" ht="18" customHeight="1" x14ac:dyDescent="0.2">
      <c r="A100" s="31">
        <v>78</v>
      </c>
      <c r="B100" s="27">
        <v>4</v>
      </c>
      <c r="C100" s="28">
        <v>4</v>
      </c>
      <c r="D100" s="29">
        <v>8</v>
      </c>
    </row>
    <row r="101" spans="1:4" ht="18" customHeight="1" x14ac:dyDescent="0.2">
      <c r="A101" s="31">
        <v>79</v>
      </c>
      <c r="B101" s="27">
        <v>6</v>
      </c>
      <c r="C101" s="28">
        <v>7</v>
      </c>
      <c r="D101" s="29">
        <v>13</v>
      </c>
    </row>
    <row r="102" spans="1:4" ht="18" customHeight="1" x14ac:dyDescent="0.2">
      <c r="A102" s="31" t="s">
        <v>65</v>
      </c>
      <c r="B102" s="27">
        <v>33</v>
      </c>
      <c r="C102" s="28">
        <v>42</v>
      </c>
      <c r="D102" s="29">
        <v>75</v>
      </c>
    </row>
    <row r="103" spans="1:4" ht="18" customHeight="1" x14ac:dyDescent="0.2">
      <c r="A103" s="31">
        <v>80</v>
      </c>
      <c r="B103" s="27">
        <v>2</v>
      </c>
      <c r="C103" s="28">
        <v>13</v>
      </c>
      <c r="D103" s="29">
        <v>15</v>
      </c>
    </row>
    <row r="104" spans="1:4" ht="18" customHeight="1" x14ac:dyDescent="0.2">
      <c r="A104" s="31">
        <v>81</v>
      </c>
      <c r="B104" s="27">
        <v>3</v>
      </c>
      <c r="C104" s="28">
        <v>5</v>
      </c>
      <c r="D104" s="29">
        <v>8</v>
      </c>
    </row>
    <row r="105" spans="1:4" ht="18" customHeight="1" x14ac:dyDescent="0.2">
      <c r="A105" s="31">
        <v>82</v>
      </c>
      <c r="B105" s="27">
        <v>6</v>
      </c>
      <c r="C105" s="28">
        <v>2</v>
      </c>
      <c r="D105" s="29">
        <v>8</v>
      </c>
    </row>
    <row r="106" spans="1:4" ht="18" customHeight="1" x14ac:dyDescent="0.2">
      <c r="A106" s="31">
        <v>83</v>
      </c>
      <c r="B106" s="27">
        <v>7</v>
      </c>
      <c r="C106" s="28">
        <v>7</v>
      </c>
      <c r="D106" s="29">
        <v>14</v>
      </c>
    </row>
    <row r="107" spans="1:4" ht="18" customHeight="1" x14ac:dyDescent="0.2">
      <c r="A107" s="31">
        <v>84</v>
      </c>
      <c r="B107" s="27">
        <v>4</v>
      </c>
      <c r="C107" s="28">
        <v>6</v>
      </c>
      <c r="D107" s="29">
        <v>10</v>
      </c>
    </row>
    <row r="108" spans="1:4" ht="18" customHeight="1" x14ac:dyDescent="0.2">
      <c r="A108" s="31" t="s">
        <v>66</v>
      </c>
      <c r="B108" s="27">
        <v>22</v>
      </c>
      <c r="C108" s="28">
        <v>33</v>
      </c>
      <c r="D108" s="29">
        <v>55</v>
      </c>
    </row>
    <row r="109" spans="1:4" ht="18" customHeight="1" x14ac:dyDescent="0.2">
      <c r="A109" s="31">
        <v>85</v>
      </c>
      <c r="B109" s="27">
        <v>6</v>
      </c>
      <c r="C109" s="28">
        <v>6</v>
      </c>
      <c r="D109" s="29">
        <v>12</v>
      </c>
    </row>
    <row r="110" spans="1:4" ht="18" customHeight="1" x14ac:dyDescent="0.2">
      <c r="A110" s="31">
        <v>86</v>
      </c>
      <c r="B110" s="27">
        <v>4</v>
      </c>
      <c r="C110" s="28">
        <v>9</v>
      </c>
      <c r="D110" s="29">
        <v>13</v>
      </c>
    </row>
    <row r="111" spans="1:4" ht="18" customHeight="1" x14ac:dyDescent="0.2">
      <c r="A111" s="31">
        <v>87</v>
      </c>
      <c r="B111" s="27">
        <v>0</v>
      </c>
      <c r="C111" s="28">
        <v>9</v>
      </c>
      <c r="D111" s="29">
        <v>9</v>
      </c>
    </row>
    <row r="112" spans="1:4" ht="18" customHeight="1" x14ac:dyDescent="0.2">
      <c r="A112" s="31">
        <v>88</v>
      </c>
      <c r="B112" s="27">
        <v>4</v>
      </c>
      <c r="C112" s="28">
        <v>8</v>
      </c>
      <c r="D112" s="29">
        <v>12</v>
      </c>
    </row>
    <row r="113" spans="1:4" ht="18" customHeight="1" x14ac:dyDescent="0.2">
      <c r="A113" s="31">
        <v>89</v>
      </c>
      <c r="B113" s="27">
        <v>2</v>
      </c>
      <c r="C113" s="28">
        <v>10</v>
      </c>
      <c r="D113" s="29">
        <v>12</v>
      </c>
    </row>
    <row r="114" spans="1:4" ht="18" customHeight="1" x14ac:dyDescent="0.2">
      <c r="A114" s="31" t="s">
        <v>67</v>
      </c>
      <c r="B114" s="27">
        <v>16</v>
      </c>
      <c r="C114" s="28">
        <v>42</v>
      </c>
      <c r="D114" s="29">
        <v>58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3</v>
      </c>
      <c r="C118" s="28">
        <v>0</v>
      </c>
      <c r="D118" s="29">
        <v>3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8</v>
      </c>
      <c r="C120" s="28">
        <v>10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0</v>
      </c>
      <c r="C126" s="28">
        <v>8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171</v>
      </c>
      <c r="C130" s="5">
        <v>237</v>
      </c>
      <c r="D130" s="6">
        <v>408</v>
      </c>
    </row>
    <row r="131" spans="1:4" ht="18" customHeight="1" x14ac:dyDescent="0.2">
      <c r="A131" s="33" t="s">
        <v>47</v>
      </c>
      <c r="B131" s="7">
        <v>482</v>
      </c>
      <c r="C131" s="8">
        <v>511</v>
      </c>
      <c r="D131" s="9">
        <v>9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10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10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10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4</v>
      </c>
      <c r="C22" s="28">
        <v>5</v>
      </c>
      <c r="D22" s="29">
        <v>9</v>
      </c>
    </row>
    <row r="23" spans="1:4" ht="18" customHeight="1" x14ac:dyDescent="0.2">
      <c r="A23" s="31" t="s">
        <v>51</v>
      </c>
      <c r="B23" s="27">
        <v>8</v>
      </c>
      <c r="C23" s="28">
        <v>8</v>
      </c>
      <c r="D23" s="29">
        <v>16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2</v>
      </c>
      <c r="D30" s="29">
        <v>2</v>
      </c>
    </row>
    <row r="31" spans="1:4" ht="18" customHeight="1" x14ac:dyDescent="0.2">
      <c r="A31" s="31">
        <v>21</v>
      </c>
      <c r="B31" s="27">
        <v>4</v>
      </c>
      <c r="C31" s="28">
        <v>0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3</v>
      </c>
      <c r="D34" s="29">
        <v>3</v>
      </c>
    </row>
    <row r="35" spans="1:4" ht="18" customHeight="1" x14ac:dyDescent="0.2">
      <c r="A35" s="31" t="s">
        <v>53</v>
      </c>
      <c r="B35" s="27">
        <v>8</v>
      </c>
      <c r="C35" s="28">
        <v>5</v>
      </c>
      <c r="D35" s="29">
        <v>13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0</v>
      </c>
      <c r="C39" s="28">
        <v>2</v>
      </c>
      <c r="D39" s="29">
        <v>2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4</v>
      </c>
      <c r="C41" s="28">
        <v>7</v>
      </c>
      <c r="D41" s="29">
        <v>11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2</v>
      </c>
      <c r="C43" s="28">
        <v>0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3</v>
      </c>
      <c r="C46" s="28">
        <v>1</v>
      </c>
      <c r="D46" s="29">
        <v>4</v>
      </c>
    </row>
    <row r="47" spans="1:4" ht="18" customHeight="1" x14ac:dyDescent="0.2">
      <c r="A47" s="31" t="s">
        <v>55</v>
      </c>
      <c r="B47" s="27">
        <v>12</v>
      </c>
      <c r="C47" s="28">
        <v>4</v>
      </c>
      <c r="D47" s="29">
        <v>16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3</v>
      </c>
      <c r="C53" s="28">
        <v>6</v>
      </c>
      <c r="D53" s="29">
        <v>9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2</v>
      </c>
      <c r="C59" s="28">
        <v>2</v>
      </c>
      <c r="D59" s="29">
        <v>4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3</v>
      </c>
      <c r="C61" s="28">
        <v>2</v>
      </c>
      <c r="D61" s="29">
        <v>5</v>
      </c>
    </row>
    <row r="62" spans="1:4" ht="18" customHeight="1" x14ac:dyDescent="0.2">
      <c r="A62" s="31">
        <v>47</v>
      </c>
      <c r="B62" s="27">
        <v>2</v>
      </c>
      <c r="C62" s="28">
        <v>5</v>
      </c>
      <c r="D62" s="29">
        <v>7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4</v>
      </c>
      <c r="C64" s="28">
        <v>2</v>
      </c>
      <c r="D64" s="29">
        <v>6</v>
      </c>
    </row>
    <row r="65" spans="1:4" ht="18" customHeight="1" x14ac:dyDescent="0.2">
      <c r="A65" s="31" t="s">
        <v>58</v>
      </c>
      <c r="B65" s="27">
        <v>10</v>
      </c>
      <c r="C65" s="28">
        <v>12</v>
      </c>
      <c r="D65" s="29">
        <v>22</v>
      </c>
    </row>
    <row r="66" spans="1:4" ht="18" customHeight="1" x14ac:dyDescent="0.2">
      <c r="A66" s="31">
        <v>50</v>
      </c>
      <c r="B66" s="27">
        <v>2</v>
      </c>
      <c r="C66" s="28">
        <v>0</v>
      </c>
      <c r="D66" s="29">
        <v>2</v>
      </c>
    </row>
    <row r="67" spans="1:4" ht="18" customHeight="1" x14ac:dyDescent="0.2">
      <c r="A67" s="31">
        <v>51</v>
      </c>
      <c r="B67" s="27">
        <v>1</v>
      </c>
      <c r="C67" s="28">
        <v>5</v>
      </c>
      <c r="D67" s="29">
        <v>6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5</v>
      </c>
      <c r="C71" s="28">
        <v>9</v>
      </c>
      <c r="D71" s="29">
        <v>14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2</v>
      </c>
      <c r="D75" s="29">
        <v>2</v>
      </c>
    </row>
    <row r="76" spans="1:4" ht="18" customHeight="1" x14ac:dyDescent="0.2">
      <c r="A76" s="31">
        <v>59</v>
      </c>
      <c r="B76" s="27">
        <v>1</v>
      </c>
      <c r="C76" s="28">
        <v>3</v>
      </c>
      <c r="D76" s="29">
        <v>4</v>
      </c>
    </row>
    <row r="77" spans="1:4" ht="18" customHeight="1" x14ac:dyDescent="0.2">
      <c r="A77" s="31" t="s">
        <v>60</v>
      </c>
      <c r="B77" s="27">
        <v>6</v>
      </c>
      <c r="C77" s="28">
        <v>8</v>
      </c>
      <c r="D77" s="29">
        <v>14</v>
      </c>
    </row>
    <row r="78" spans="1:4" ht="18" customHeight="1" x14ac:dyDescent="0.2">
      <c r="A78" s="31">
        <v>60</v>
      </c>
      <c r="B78" s="27">
        <v>2</v>
      </c>
      <c r="C78" s="28">
        <v>3</v>
      </c>
      <c r="D78" s="29">
        <v>5</v>
      </c>
    </row>
    <row r="79" spans="1:4" ht="18" customHeight="1" x14ac:dyDescent="0.2">
      <c r="A79" s="31">
        <v>61</v>
      </c>
      <c r="B79" s="27">
        <v>5</v>
      </c>
      <c r="C79" s="28">
        <v>3</v>
      </c>
      <c r="D79" s="29">
        <v>8</v>
      </c>
    </row>
    <row r="80" spans="1:4" ht="18" customHeight="1" x14ac:dyDescent="0.2">
      <c r="A80" s="31">
        <v>62</v>
      </c>
      <c r="B80" s="27">
        <v>0</v>
      </c>
      <c r="C80" s="28">
        <v>3</v>
      </c>
      <c r="D80" s="29">
        <v>3</v>
      </c>
    </row>
    <row r="81" spans="1:4" ht="18" customHeight="1" x14ac:dyDescent="0.2">
      <c r="A81" s="31">
        <v>63</v>
      </c>
      <c r="B81" s="27">
        <v>4</v>
      </c>
      <c r="C81" s="28">
        <v>3</v>
      </c>
      <c r="D81" s="29">
        <v>7</v>
      </c>
    </row>
    <row r="82" spans="1:4" ht="18" customHeight="1" x14ac:dyDescent="0.2">
      <c r="A82" s="31">
        <v>64</v>
      </c>
      <c r="B82" s="27">
        <v>3</v>
      </c>
      <c r="C82" s="28">
        <v>5</v>
      </c>
      <c r="D82" s="29">
        <v>8</v>
      </c>
    </row>
    <row r="83" spans="1:4" ht="18" customHeight="1" x14ac:dyDescent="0.2">
      <c r="A83" s="31" t="s">
        <v>61</v>
      </c>
      <c r="B83" s="27">
        <v>14</v>
      </c>
      <c r="C83" s="28">
        <v>17</v>
      </c>
      <c r="D83" s="29">
        <v>31</v>
      </c>
    </row>
    <row r="84" spans="1:4" ht="18" customHeight="1" x14ac:dyDescent="0.2">
      <c r="A84" s="31" t="s">
        <v>62</v>
      </c>
      <c r="B84" s="27">
        <v>67</v>
      </c>
      <c r="C84" s="28">
        <v>73</v>
      </c>
      <c r="D84" s="29">
        <v>140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2</v>
      </c>
      <c r="C87" s="28">
        <v>3</v>
      </c>
      <c r="D87" s="29">
        <v>5</v>
      </c>
    </row>
    <row r="88" spans="1:4" ht="18" customHeight="1" x14ac:dyDescent="0.2">
      <c r="A88" s="31">
        <v>68</v>
      </c>
      <c r="B88" s="27">
        <v>5</v>
      </c>
      <c r="C88" s="28">
        <v>2</v>
      </c>
      <c r="D88" s="29">
        <v>7</v>
      </c>
    </row>
    <row r="89" spans="1:4" ht="18" customHeight="1" x14ac:dyDescent="0.2">
      <c r="A89" s="31">
        <v>69</v>
      </c>
      <c r="B89" s="27">
        <v>3</v>
      </c>
      <c r="C89" s="28">
        <v>3</v>
      </c>
      <c r="D89" s="29">
        <v>6</v>
      </c>
    </row>
    <row r="90" spans="1:4" ht="18" customHeight="1" x14ac:dyDescent="0.2">
      <c r="A90" s="31" t="s">
        <v>63</v>
      </c>
      <c r="B90" s="27">
        <v>16</v>
      </c>
      <c r="C90" s="28">
        <v>12</v>
      </c>
      <c r="D90" s="29">
        <v>28</v>
      </c>
    </row>
    <row r="91" spans="1:4" ht="18" customHeight="1" x14ac:dyDescent="0.2">
      <c r="A91" s="31">
        <v>70</v>
      </c>
      <c r="B91" s="27">
        <v>4</v>
      </c>
      <c r="C91" s="28">
        <v>2</v>
      </c>
      <c r="D91" s="29">
        <v>6</v>
      </c>
    </row>
    <row r="92" spans="1:4" ht="18" customHeight="1" x14ac:dyDescent="0.2">
      <c r="A92" s="31">
        <v>71</v>
      </c>
      <c r="B92" s="27">
        <v>5</v>
      </c>
      <c r="C92" s="28">
        <v>4</v>
      </c>
      <c r="D92" s="29">
        <v>9</v>
      </c>
    </row>
    <row r="93" spans="1:4" ht="18" customHeight="1" x14ac:dyDescent="0.2">
      <c r="A93" s="31">
        <v>72</v>
      </c>
      <c r="B93" s="27">
        <v>0</v>
      </c>
      <c r="C93" s="28">
        <v>2</v>
      </c>
      <c r="D93" s="29">
        <v>2</v>
      </c>
    </row>
    <row r="94" spans="1:4" ht="18" customHeight="1" x14ac:dyDescent="0.2">
      <c r="A94" s="31">
        <v>73</v>
      </c>
      <c r="B94" s="27">
        <v>4</v>
      </c>
      <c r="C94" s="28">
        <v>1</v>
      </c>
      <c r="D94" s="29">
        <v>5</v>
      </c>
    </row>
    <row r="95" spans="1:4" ht="18" customHeight="1" x14ac:dyDescent="0.2">
      <c r="A95" s="31">
        <v>74</v>
      </c>
      <c r="B95" s="27">
        <v>4</v>
      </c>
      <c r="C95" s="28">
        <v>5</v>
      </c>
      <c r="D95" s="29">
        <v>9</v>
      </c>
    </row>
    <row r="96" spans="1:4" ht="18" customHeight="1" x14ac:dyDescent="0.2">
      <c r="A96" s="31" t="s">
        <v>64</v>
      </c>
      <c r="B96" s="27">
        <v>17</v>
      </c>
      <c r="C96" s="28">
        <v>14</v>
      </c>
      <c r="D96" s="29">
        <v>31</v>
      </c>
    </row>
    <row r="97" spans="1:4" ht="18" customHeight="1" x14ac:dyDescent="0.2">
      <c r="A97" s="31">
        <v>75</v>
      </c>
      <c r="B97" s="27">
        <v>1</v>
      </c>
      <c r="C97" s="28">
        <v>4</v>
      </c>
      <c r="D97" s="29">
        <v>5</v>
      </c>
    </row>
    <row r="98" spans="1:4" ht="18" customHeight="1" x14ac:dyDescent="0.2">
      <c r="A98" s="31">
        <v>76</v>
      </c>
      <c r="B98" s="27">
        <v>5</v>
      </c>
      <c r="C98" s="28">
        <v>2</v>
      </c>
      <c r="D98" s="29">
        <v>7</v>
      </c>
    </row>
    <row r="99" spans="1:4" ht="18" customHeight="1" x14ac:dyDescent="0.2">
      <c r="A99" s="31">
        <v>77</v>
      </c>
      <c r="B99" s="27">
        <v>3</v>
      </c>
      <c r="C99" s="28">
        <v>3</v>
      </c>
      <c r="D99" s="29">
        <v>6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1</v>
      </c>
      <c r="C101" s="28">
        <v>4</v>
      </c>
      <c r="D101" s="29">
        <v>5</v>
      </c>
    </row>
    <row r="102" spans="1:4" ht="18" customHeight="1" x14ac:dyDescent="0.2">
      <c r="A102" s="31" t="s">
        <v>65</v>
      </c>
      <c r="B102" s="27">
        <v>12</v>
      </c>
      <c r="C102" s="28">
        <v>15</v>
      </c>
      <c r="D102" s="29">
        <v>27</v>
      </c>
    </row>
    <row r="103" spans="1:4" ht="18" customHeight="1" x14ac:dyDescent="0.2">
      <c r="A103" s="31">
        <v>80</v>
      </c>
      <c r="B103" s="27">
        <v>3</v>
      </c>
      <c r="C103" s="28">
        <v>3</v>
      </c>
      <c r="D103" s="29">
        <v>6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1</v>
      </c>
      <c r="D105" s="29">
        <v>3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66</v>
      </c>
      <c r="B108" s="27">
        <v>10</v>
      </c>
      <c r="C108" s="28">
        <v>10</v>
      </c>
      <c r="D108" s="29">
        <v>20</v>
      </c>
    </row>
    <row r="109" spans="1:4" ht="18" customHeight="1" x14ac:dyDescent="0.2">
      <c r="A109" s="31">
        <v>85</v>
      </c>
      <c r="B109" s="27">
        <v>1</v>
      </c>
      <c r="C109" s="28">
        <v>3</v>
      </c>
      <c r="D109" s="29">
        <v>4</v>
      </c>
    </row>
    <row r="110" spans="1:4" ht="18" customHeight="1" x14ac:dyDescent="0.2">
      <c r="A110" s="31">
        <v>86</v>
      </c>
      <c r="B110" s="27">
        <v>2</v>
      </c>
      <c r="C110" s="28">
        <v>6</v>
      </c>
      <c r="D110" s="29">
        <v>8</v>
      </c>
    </row>
    <row r="111" spans="1:4" ht="18" customHeight="1" x14ac:dyDescent="0.2">
      <c r="A111" s="31">
        <v>87</v>
      </c>
      <c r="B111" s="27">
        <v>0</v>
      </c>
      <c r="C111" s="28">
        <v>4</v>
      </c>
      <c r="D111" s="29">
        <v>4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67</v>
      </c>
      <c r="B114" s="27">
        <v>5</v>
      </c>
      <c r="C114" s="28">
        <v>15</v>
      </c>
      <c r="D114" s="29">
        <v>20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2</v>
      </c>
      <c r="C117" s="28">
        <v>0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3</v>
      </c>
      <c r="C120" s="28">
        <v>9</v>
      </c>
      <c r="D120" s="29">
        <v>1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3</v>
      </c>
      <c r="C130" s="5">
        <v>77</v>
      </c>
      <c r="D130" s="6">
        <v>140</v>
      </c>
    </row>
    <row r="131" spans="1:4" ht="18" customHeight="1" x14ac:dyDescent="0.2">
      <c r="A131" s="33" t="s">
        <v>47</v>
      </c>
      <c r="B131" s="7">
        <v>138</v>
      </c>
      <c r="C131" s="8">
        <v>158</v>
      </c>
      <c r="D131" s="9">
        <v>29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6</v>
      </c>
      <c r="C5" s="12">
        <v>5</v>
      </c>
      <c r="D5" s="13">
        <v>11</v>
      </c>
    </row>
    <row r="6" spans="1:10" ht="18" customHeight="1" x14ac:dyDescent="0.2">
      <c r="A6" s="14">
        <v>1</v>
      </c>
      <c r="B6" s="15">
        <v>5</v>
      </c>
      <c r="C6" s="16">
        <v>6</v>
      </c>
      <c r="D6" s="17">
        <v>11</v>
      </c>
    </row>
    <row r="7" spans="1:10" ht="18" customHeight="1" x14ac:dyDescent="0.2">
      <c r="A7" s="14">
        <v>2</v>
      </c>
      <c r="B7" s="15">
        <v>6</v>
      </c>
      <c r="C7" s="16">
        <v>10</v>
      </c>
      <c r="D7" s="17">
        <v>16</v>
      </c>
    </row>
    <row r="8" spans="1:10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10" ht="18" customHeight="1" x14ac:dyDescent="0.2">
      <c r="A9" s="14">
        <v>4</v>
      </c>
      <c r="B9" s="15">
        <v>3</v>
      </c>
      <c r="C9" s="16">
        <v>11</v>
      </c>
      <c r="D9" s="17">
        <v>14</v>
      </c>
    </row>
    <row r="10" spans="1:10" ht="18" customHeight="1" x14ac:dyDescent="0.2">
      <c r="A10" s="18" t="s">
        <v>48</v>
      </c>
      <c r="B10" s="15">
        <v>30</v>
      </c>
      <c r="C10" s="16">
        <v>39</v>
      </c>
      <c r="D10" s="17">
        <v>69</v>
      </c>
    </row>
    <row r="11" spans="1:10" ht="18" customHeight="1" x14ac:dyDescent="0.2">
      <c r="A11" s="14">
        <v>5</v>
      </c>
      <c r="B11" s="15">
        <v>4</v>
      </c>
      <c r="C11" s="16">
        <v>9</v>
      </c>
      <c r="D11" s="17">
        <v>13</v>
      </c>
    </row>
    <row r="12" spans="1:10" ht="18" customHeight="1" x14ac:dyDescent="0.2">
      <c r="A12" s="14">
        <v>6</v>
      </c>
      <c r="B12" s="15">
        <v>9</v>
      </c>
      <c r="C12" s="16">
        <v>1</v>
      </c>
      <c r="D12" s="17">
        <v>10</v>
      </c>
    </row>
    <row r="13" spans="1:10" ht="18" customHeight="1" x14ac:dyDescent="0.2">
      <c r="A13" s="14">
        <v>7</v>
      </c>
      <c r="B13" s="15">
        <v>10</v>
      </c>
      <c r="C13" s="16">
        <v>3</v>
      </c>
      <c r="D13" s="17">
        <v>13</v>
      </c>
    </row>
    <row r="14" spans="1:10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10" ht="18" customHeight="1" x14ac:dyDescent="0.2">
      <c r="A15" s="14">
        <v>9</v>
      </c>
      <c r="B15" s="15">
        <v>9</v>
      </c>
      <c r="C15" s="16">
        <v>6</v>
      </c>
      <c r="D15" s="17">
        <v>15</v>
      </c>
    </row>
    <row r="16" spans="1:10" ht="18" customHeight="1" x14ac:dyDescent="0.2">
      <c r="A16" s="18" t="s">
        <v>49</v>
      </c>
      <c r="B16" s="15">
        <v>39</v>
      </c>
      <c r="C16" s="16">
        <v>27</v>
      </c>
      <c r="D16" s="17">
        <v>66</v>
      </c>
    </row>
    <row r="17" spans="1:4" ht="18" customHeight="1" x14ac:dyDescent="0.2">
      <c r="A17" s="14">
        <v>10</v>
      </c>
      <c r="B17" s="15">
        <v>10</v>
      </c>
      <c r="C17" s="16">
        <v>6</v>
      </c>
      <c r="D17" s="17">
        <v>16</v>
      </c>
    </row>
    <row r="18" spans="1:4" ht="18" customHeight="1" x14ac:dyDescent="0.2">
      <c r="A18" s="14">
        <v>11</v>
      </c>
      <c r="B18" s="15">
        <v>10</v>
      </c>
      <c r="C18" s="16">
        <v>8</v>
      </c>
      <c r="D18" s="17">
        <v>18</v>
      </c>
    </row>
    <row r="19" spans="1:4" ht="18" customHeight="1" x14ac:dyDescent="0.2">
      <c r="A19" s="14">
        <v>12</v>
      </c>
      <c r="B19" s="15">
        <v>3</v>
      </c>
      <c r="C19" s="16">
        <v>5</v>
      </c>
      <c r="D19" s="17">
        <v>8</v>
      </c>
    </row>
    <row r="20" spans="1:4" ht="18" customHeight="1" x14ac:dyDescent="0.2">
      <c r="A20" s="14">
        <v>13</v>
      </c>
      <c r="B20" s="15">
        <v>7</v>
      </c>
      <c r="C20" s="16">
        <v>10</v>
      </c>
      <c r="D20" s="17">
        <v>17</v>
      </c>
    </row>
    <row r="21" spans="1:4" ht="18" customHeight="1" x14ac:dyDescent="0.2">
      <c r="A21" s="14">
        <v>14</v>
      </c>
      <c r="B21" s="15">
        <v>9</v>
      </c>
      <c r="C21" s="16">
        <v>8</v>
      </c>
      <c r="D21" s="17">
        <v>17</v>
      </c>
    </row>
    <row r="22" spans="1:4" ht="18" customHeight="1" x14ac:dyDescent="0.2">
      <c r="A22" s="18" t="s">
        <v>50</v>
      </c>
      <c r="B22" s="15">
        <v>39</v>
      </c>
      <c r="C22" s="16">
        <v>37</v>
      </c>
      <c r="D22" s="17">
        <v>76</v>
      </c>
    </row>
    <row r="23" spans="1:4" ht="18" customHeight="1" x14ac:dyDescent="0.2">
      <c r="A23" s="18" t="s">
        <v>51</v>
      </c>
      <c r="B23" s="15">
        <v>108</v>
      </c>
      <c r="C23" s="16">
        <v>103</v>
      </c>
      <c r="D23" s="17">
        <v>211</v>
      </c>
    </row>
    <row r="24" spans="1:4" ht="18" customHeight="1" x14ac:dyDescent="0.2">
      <c r="A24" s="14">
        <v>15</v>
      </c>
      <c r="B24" s="15">
        <v>10</v>
      </c>
      <c r="C24" s="16">
        <v>9</v>
      </c>
      <c r="D24" s="17">
        <v>19</v>
      </c>
    </row>
    <row r="25" spans="1:4" ht="18" customHeight="1" x14ac:dyDescent="0.2">
      <c r="A25" s="14">
        <v>16</v>
      </c>
      <c r="B25" s="15">
        <v>9</v>
      </c>
      <c r="C25" s="16">
        <v>5</v>
      </c>
      <c r="D25" s="17">
        <v>14</v>
      </c>
    </row>
    <row r="26" spans="1:4" ht="18" customHeight="1" x14ac:dyDescent="0.2">
      <c r="A26" s="14">
        <v>17</v>
      </c>
      <c r="B26" s="15">
        <v>11</v>
      </c>
      <c r="C26" s="16">
        <v>5</v>
      </c>
      <c r="D26" s="17">
        <v>16</v>
      </c>
    </row>
    <row r="27" spans="1:4" ht="18" customHeight="1" x14ac:dyDescent="0.2">
      <c r="A27" s="14">
        <v>18</v>
      </c>
      <c r="B27" s="15">
        <v>9</v>
      </c>
      <c r="C27" s="16">
        <v>6</v>
      </c>
      <c r="D27" s="17">
        <v>15</v>
      </c>
    </row>
    <row r="28" spans="1:4" ht="18" customHeight="1" x14ac:dyDescent="0.2">
      <c r="A28" s="14">
        <v>19</v>
      </c>
      <c r="B28" s="15">
        <v>6</v>
      </c>
      <c r="C28" s="16">
        <v>7</v>
      </c>
      <c r="D28" s="17">
        <v>13</v>
      </c>
    </row>
    <row r="29" spans="1:4" ht="18" customHeight="1" x14ac:dyDescent="0.2">
      <c r="A29" s="18" t="s">
        <v>52</v>
      </c>
      <c r="B29" s="15">
        <v>45</v>
      </c>
      <c r="C29" s="16">
        <v>32</v>
      </c>
      <c r="D29" s="17">
        <v>77</v>
      </c>
    </row>
    <row r="30" spans="1:4" ht="18" customHeight="1" x14ac:dyDescent="0.2">
      <c r="A30" s="14">
        <v>20</v>
      </c>
      <c r="B30" s="15">
        <v>10</v>
      </c>
      <c r="C30" s="16">
        <v>6</v>
      </c>
      <c r="D30" s="17">
        <v>16</v>
      </c>
    </row>
    <row r="31" spans="1:4" ht="18" customHeight="1" x14ac:dyDescent="0.2">
      <c r="A31" s="14">
        <v>21</v>
      </c>
      <c r="B31" s="15">
        <v>4</v>
      </c>
      <c r="C31" s="16">
        <v>8</v>
      </c>
      <c r="D31" s="17">
        <v>12</v>
      </c>
    </row>
    <row r="32" spans="1:4" ht="18" customHeight="1" x14ac:dyDescent="0.2">
      <c r="A32" s="14">
        <v>22</v>
      </c>
      <c r="B32" s="15">
        <v>10</v>
      </c>
      <c r="C32" s="16">
        <v>9</v>
      </c>
      <c r="D32" s="17">
        <v>19</v>
      </c>
    </row>
    <row r="33" spans="1:4" ht="18" customHeight="1" x14ac:dyDescent="0.2">
      <c r="A33" s="14">
        <v>23</v>
      </c>
      <c r="B33" s="15">
        <v>10</v>
      </c>
      <c r="C33" s="16">
        <v>10</v>
      </c>
      <c r="D33" s="17">
        <v>20</v>
      </c>
    </row>
    <row r="34" spans="1:4" ht="18" customHeight="1" x14ac:dyDescent="0.2">
      <c r="A34" s="14">
        <v>24</v>
      </c>
      <c r="B34" s="15">
        <v>10</v>
      </c>
      <c r="C34" s="16">
        <v>8</v>
      </c>
      <c r="D34" s="17">
        <v>18</v>
      </c>
    </row>
    <row r="35" spans="1:4" ht="18" customHeight="1" x14ac:dyDescent="0.2">
      <c r="A35" s="18" t="s">
        <v>53</v>
      </c>
      <c r="B35" s="15">
        <v>44</v>
      </c>
      <c r="C35" s="16">
        <v>41</v>
      </c>
      <c r="D35" s="17">
        <v>85</v>
      </c>
    </row>
    <row r="36" spans="1:4" ht="18" customHeight="1" x14ac:dyDescent="0.2">
      <c r="A36" s="14">
        <v>25</v>
      </c>
      <c r="B36" s="15">
        <v>12</v>
      </c>
      <c r="C36" s="16">
        <v>8</v>
      </c>
      <c r="D36" s="17">
        <v>20</v>
      </c>
    </row>
    <row r="37" spans="1:4" ht="18" customHeight="1" x14ac:dyDescent="0.2">
      <c r="A37" s="14">
        <v>26</v>
      </c>
      <c r="B37" s="15">
        <v>10</v>
      </c>
      <c r="C37" s="16">
        <v>6</v>
      </c>
      <c r="D37" s="17">
        <v>16</v>
      </c>
    </row>
    <row r="38" spans="1:4" ht="18" customHeight="1" x14ac:dyDescent="0.2">
      <c r="A38" s="14">
        <v>27</v>
      </c>
      <c r="B38" s="15">
        <v>12</v>
      </c>
      <c r="C38" s="16">
        <v>14</v>
      </c>
      <c r="D38" s="17">
        <v>26</v>
      </c>
    </row>
    <row r="39" spans="1:4" ht="18" customHeight="1" x14ac:dyDescent="0.2">
      <c r="A39" s="14">
        <v>28</v>
      </c>
      <c r="B39" s="15">
        <v>13</v>
      </c>
      <c r="C39" s="16">
        <v>6</v>
      </c>
      <c r="D39" s="17">
        <v>19</v>
      </c>
    </row>
    <row r="40" spans="1:4" ht="18" customHeight="1" x14ac:dyDescent="0.2">
      <c r="A40" s="14">
        <v>29</v>
      </c>
      <c r="B40" s="15">
        <v>10</v>
      </c>
      <c r="C40" s="16">
        <v>15</v>
      </c>
      <c r="D40" s="17">
        <v>25</v>
      </c>
    </row>
    <row r="41" spans="1:4" ht="18" customHeight="1" x14ac:dyDescent="0.2">
      <c r="A41" s="18" t="s">
        <v>54</v>
      </c>
      <c r="B41" s="15">
        <v>57</v>
      </c>
      <c r="C41" s="16">
        <v>49</v>
      </c>
      <c r="D41" s="17">
        <v>106</v>
      </c>
    </row>
    <row r="42" spans="1:4" ht="18" customHeight="1" x14ac:dyDescent="0.2">
      <c r="A42" s="14">
        <v>30</v>
      </c>
      <c r="B42" s="15">
        <v>12</v>
      </c>
      <c r="C42" s="16">
        <v>8</v>
      </c>
      <c r="D42" s="17">
        <v>20</v>
      </c>
    </row>
    <row r="43" spans="1:4" ht="18" customHeight="1" x14ac:dyDescent="0.2">
      <c r="A43" s="14">
        <v>31</v>
      </c>
      <c r="B43" s="15">
        <v>13</v>
      </c>
      <c r="C43" s="16">
        <v>14</v>
      </c>
      <c r="D43" s="17">
        <v>27</v>
      </c>
    </row>
    <row r="44" spans="1:4" ht="18" customHeight="1" x14ac:dyDescent="0.2">
      <c r="A44" s="14">
        <v>32</v>
      </c>
      <c r="B44" s="15">
        <v>20</v>
      </c>
      <c r="C44" s="16">
        <v>12</v>
      </c>
      <c r="D44" s="17">
        <v>32</v>
      </c>
    </row>
    <row r="45" spans="1:4" ht="18" customHeight="1" x14ac:dyDescent="0.2">
      <c r="A45" s="14">
        <v>33</v>
      </c>
      <c r="B45" s="15">
        <v>12</v>
      </c>
      <c r="C45" s="16">
        <v>11</v>
      </c>
      <c r="D45" s="17">
        <v>23</v>
      </c>
    </row>
    <row r="46" spans="1:4" ht="18" customHeight="1" x14ac:dyDescent="0.2">
      <c r="A46" s="14">
        <v>34</v>
      </c>
      <c r="B46" s="15">
        <v>8</v>
      </c>
      <c r="C46" s="16">
        <v>12</v>
      </c>
      <c r="D46" s="17">
        <v>20</v>
      </c>
    </row>
    <row r="47" spans="1:4" ht="18" customHeight="1" x14ac:dyDescent="0.2">
      <c r="A47" s="18" t="s">
        <v>55</v>
      </c>
      <c r="B47" s="15">
        <v>65</v>
      </c>
      <c r="C47" s="16">
        <v>57</v>
      </c>
      <c r="D47" s="17">
        <v>122</v>
      </c>
    </row>
    <row r="48" spans="1:4" ht="18" customHeight="1" x14ac:dyDescent="0.2">
      <c r="A48" s="14">
        <v>35</v>
      </c>
      <c r="B48" s="15">
        <v>9</v>
      </c>
      <c r="C48" s="16">
        <v>12</v>
      </c>
      <c r="D48" s="17">
        <v>21</v>
      </c>
    </row>
    <row r="49" spans="1:4" ht="18" customHeight="1" x14ac:dyDescent="0.2">
      <c r="A49" s="14">
        <v>36</v>
      </c>
      <c r="B49" s="15">
        <v>16</v>
      </c>
      <c r="C49" s="16">
        <v>18</v>
      </c>
      <c r="D49" s="17">
        <v>34</v>
      </c>
    </row>
    <row r="50" spans="1:4" ht="18" customHeight="1" x14ac:dyDescent="0.2">
      <c r="A50" s="14">
        <v>37</v>
      </c>
      <c r="B50" s="15">
        <v>15</v>
      </c>
      <c r="C50" s="16">
        <v>13</v>
      </c>
      <c r="D50" s="17">
        <v>28</v>
      </c>
    </row>
    <row r="51" spans="1:4" ht="18" customHeight="1" x14ac:dyDescent="0.2">
      <c r="A51" s="14">
        <v>38</v>
      </c>
      <c r="B51" s="15">
        <v>8</v>
      </c>
      <c r="C51" s="16">
        <v>17</v>
      </c>
      <c r="D51" s="17">
        <v>25</v>
      </c>
    </row>
    <row r="52" spans="1:4" ht="18" customHeight="1" x14ac:dyDescent="0.2">
      <c r="A52" s="14">
        <v>39</v>
      </c>
      <c r="B52" s="15">
        <v>12</v>
      </c>
      <c r="C52" s="16">
        <v>4</v>
      </c>
      <c r="D52" s="17">
        <v>16</v>
      </c>
    </row>
    <row r="53" spans="1:4" ht="18" customHeight="1" x14ac:dyDescent="0.2">
      <c r="A53" s="18" t="s">
        <v>56</v>
      </c>
      <c r="B53" s="15">
        <v>60</v>
      </c>
      <c r="C53" s="16">
        <v>64</v>
      </c>
      <c r="D53" s="17">
        <v>124</v>
      </c>
    </row>
    <row r="54" spans="1:4" ht="18" customHeight="1" x14ac:dyDescent="0.2">
      <c r="A54" s="14">
        <v>40</v>
      </c>
      <c r="B54" s="15">
        <v>6</v>
      </c>
      <c r="C54" s="16">
        <v>9</v>
      </c>
      <c r="D54" s="17">
        <v>15</v>
      </c>
    </row>
    <row r="55" spans="1:4" ht="18" customHeight="1" x14ac:dyDescent="0.2">
      <c r="A55" s="14">
        <v>41</v>
      </c>
      <c r="B55" s="15">
        <v>13</v>
      </c>
      <c r="C55" s="16">
        <v>9</v>
      </c>
      <c r="D55" s="17">
        <v>22</v>
      </c>
    </row>
    <row r="56" spans="1:4" ht="18" customHeight="1" x14ac:dyDescent="0.2">
      <c r="A56" s="14">
        <v>42</v>
      </c>
      <c r="B56" s="15">
        <v>14</v>
      </c>
      <c r="C56" s="16">
        <v>13</v>
      </c>
      <c r="D56" s="17">
        <v>27</v>
      </c>
    </row>
    <row r="57" spans="1:4" ht="18" customHeight="1" x14ac:dyDescent="0.2">
      <c r="A57" s="14">
        <v>43</v>
      </c>
      <c r="B57" s="15">
        <v>9</v>
      </c>
      <c r="C57" s="16">
        <v>13</v>
      </c>
      <c r="D57" s="17">
        <v>22</v>
      </c>
    </row>
    <row r="58" spans="1:4" ht="18" customHeight="1" x14ac:dyDescent="0.2">
      <c r="A58" s="14">
        <v>44</v>
      </c>
      <c r="B58" s="15">
        <v>17</v>
      </c>
      <c r="C58" s="16">
        <v>25</v>
      </c>
      <c r="D58" s="17">
        <v>42</v>
      </c>
    </row>
    <row r="59" spans="1:4" ht="18" customHeight="1" x14ac:dyDescent="0.2">
      <c r="A59" s="18" t="s">
        <v>57</v>
      </c>
      <c r="B59" s="15">
        <v>59</v>
      </c>
      <c r="C59" s="16">
        <v>69</v>
      </c>
      <c r="D59" s="17">
        <v>128</v>
      </c>
    </row>
    <row r="60" spans="1:4" ht="18" customHeight="1" x14ac:dyDescent="0.2">
      <c r="A60" s="14">
        <v>45</v>
      </c>
      <c r="B60" s="15">
        <v>24</v>
      </c>
      <c r="C60" s="16">
        <v>20</v>
      </c>
      <c r="D60" s="17">
        <v>44</v>
      </c>
    </row>
    <row r="61" spans="1:4" ht="18" customHeight="1" x14ac:dyDescent="0.2">
      <c r="A61" s="14">
        <v>46</v>
      </c>
      <c r="B61" s="15">
        <v>24</v>
      </c>
      <c r="C61" s="16">
        <v>16</v>
      </c>
      <c r="D61" s="17">
        <v>40</v>
      </c>
    </row>
    <row r="62" spans="1:4" ht="18" customHeight="1" x14ac:dyDescent="0.2">
      <c r="A62" s="14">
        <v>47</v>
      </c>
      <c r="B62" s="15">
        <v>22</v>
      </c>
      <c r="C62" s="16">
        <v>24</v>
      </c>
      <c r="D62" s="17">
        <v>46</v>
      </c>
    </row>
    <row r="63" spans="1:4" ht="18" customHeight="1" x14ac:dyDescent="0.2">
      <c r="A63" s="14">
        <v>48</v>
      </c>
      <c r="B63" s="15">
        <v>22</v>
      </c>
      <c r="C63" s="16">
        <v>16</v>
      </c>
      <c r="D63" s="17">
        <v>38</v>
      </c>
    </row>
    <row r="64" spans="1:4" ht="18" customHeight="1" x14ac:dyDescent="0.2">
      <c r="A64" s="14">
        <v>49</v>
      </c>
      <c r="B64" s="15">
        <v>21</v>
      </c>
      <c r="C64" s="16">
        <v>16</v>
      </c>
      <c r="D64" s="17">
        <v>37</v>
      </c>
    </row>
    <row r="65" spans="1:4" ht="18" customHeight="1" x14ac:dyDescent="0.2">
      <c r="A65" s="18" t="s">
        <v>58</v>
      </c>
      <c r="B65" s="15">
        <v>113</v>
      </c>
      <c r="C65" s="16">
        <v>92</v>
      </c>
      <c r="D65" s="17">
        <v>205</v>
      </c>
    </row>
    <row r="66" spans="1:4" ht="18" customHeight="1" x14ac:dyDescent="0.2">
      <c r="A66" s="14">
        <v>50</v>
      </c>
      <c r="B66" s="15">
        <v>19</v>
      </c>
      <c r="C66" s="16">
        <v>16</v>
      </c>
      <c r="D66" s="17">
        <v>35</v>
      </c>
    </row>
    <row r="67" spans="1:4" ht="18" customHeight="1" x14ac:dyDescent="0.2">
      <c r="A67" s="14">
        <v>51</v>
      </c>
      <c r="B67" s="15">
        <v>26</v>
      </c>
      <c r="C67" s="16">
        <v>12</v>
      </c>
      <c r="D67" s="17">
        <v>38</v>
      </c>
    </row>
    <row r="68" spans="1:4" ht="18" customHeight="1" x14ac:dyDescent="0.2">
      <c r="A68" s="14">
        <v>52</v>
      </c>
      <c r="B68" s="15">
        <v>8</v>
      </c>
      <c r="C68" s="16">
        <v>16</v>
      </c>
      <c r="D68" s="17">
        <v>24</v>
      </c>
    </row>
    <row r="69" spans="1:4" ht="18" customHeight="1" x14ac:dyDescent="0.2">
      <c r="A69" s="14">
        <v>53</v>
      </c>
      <c r="B69" s="15">
        <v>22</v>
      </c>
      <c r="C69" s="16">
        <v>27</v>
      </c>
      <c r="D69" s="17">
        <v>49</v>
      </c>
    </row>
    <row r="70" spans="1:4" ht="18" customHeight="1" x14ac:dyDescent="0.2">
      <c r="A70" s="14">
        <v>54</v>
      </c>
      <c r="B70" s="15">
        <v>13</v>
      </c>
      <c r="C70" s="16">
        <v>17</v>
      </c>
      <c r="D70" s="17">
        <v>30</v>
      </c>
    </row>
    <row r="71" spans="1:4" ht="18" customHeight="1" x14ac:dyDescent="0.2">
      <c r="A71" s="18" t="s">
        <v>59</v>
      </c>
      <c r="B71" s="15">
        <v>88</v>
      </c>
      <c r="C71" s="16">
        <v>88</v>
      </c>
      <c r="D71" s="17">
        <v>176</v>
      </c>
    </row>
    <row r="72" spans="1:4" ht="18" customHeight="1" x14ac:dyDescent="0.2">
      <c r="A72" s="14">
        <v>55</v>
      </c>
      <c r="B72" s="15">
        <v>17</v>
      </c>
      <c r="C72" s="16">
        <v>13</v>
      </c>
      <c r="D72" s="17">
        <v>30</v>
      </c>
    </row>
    <row r="73" spans="1:4" ht="18" customHeight="1" x14ac:dyDescent="0.2">
      <c r="A73" s="14">
        <v>56</v>
      </c>
      <c r="B73" s="15">
        <v>17</v>
      </c>
      <c r="C73" s="16">
        <v>15</v>
      </c>
      <c r="D73" s="17">
        <v>32</v>
      </c>
    </row>
    <row r="74" spans="1:4" ht="18" customHeight="1" x14ac:dyDescent="0.2">
      <c r="A74" s="14">
        <v>57</v>
      </c>
      <c r="B74" s="15">
        <v>17</v>
      </c>
      <c r="C74" s="16">
        <v>15</v>
      </c>
      <c r="D74" s="17">
        <v>32</v>
      </c>
    </row>
    <row r="75" spans="1:4" ht="18" customHeight="1" x14ac:dyDescent="0.2">
      <c r="A75" s="14">
        <v>58</v>
      </c>
      <c r="B75" s="15">
        <v>19</v>
      </c>
      <c r="C75" s="16">
        <v>20</v>
      </c>
      <c r="D75" s="17">
        <v>39</v>
      </c>
    </row>
    <row r="76" spans="1:4" ht="18" customHeight="1" x14ac:dyDescent="0.2">
      <c r="A76" s="14">
        <v>59</v>
      </c>
      <c r="B76" s="15">
        <v>18</v>
      </c>
      <c r="C76" s="16">
        <v>19</v>
      </c>
      <c r="D76" s="17">
        <v>37</v>
      </c>
    </row>
    <row r="77" spans="1:4" ht="18" customHeight="1" x14ac:dyDescent="0.2">
      <c r="A77" s="18" t="s">
        <v>60</v>
      </c>
      <c r="B77" s="15">
        <v>88</v>
      </c>
      <c r="C77" s="16">
        <v>82</v>
      </c>
      <c r="D77" s="17">
        <v>170</v>
      </c>
    </row>
    <row r="78" spans="1:4" ht="18" customHeight="1" x14ac:dyDescent="0.2">
      <c r="A78" s="14">
        <v>60</v>
      </c>
      <c r="B78" s="15">
        <v>12</v>
      </c>
      <c r="C78" s="16">
        <v>19</v>
      </c>
      <c r="D78" s="17">
        <v>31</v>
      </c>
    </row>
    <row r="79" spans="1:4" ht="18" customHeight="1" x14ac:dyDescent="0.2">
      <c r="A79" s="14">
        <v>61</v>
      </c>
      <c r="B79" s="15">
        <v>18</v>
      </c>
      <c r="C79" s="16">
        <v>22</v>
      </c>
      <c r="D79" s="17">
        <v>40</v>
      </c>
    </row>
    <row r="80" spans="1:4" ht="18" customHeight="1" x14ac:dyDescent="0.2">
      <c r="A80" s="14">
        <v>62</v>
      </c>
      <c r="B80" s="15">
        <v>20</v>
      </c>
      <c r="C80" s="16">
        <v>14</v>
      </c>
      <c r="D80" s="17">
        <v>34</v>
      </c>
    </row>
    <row r="81" spans="1:4" ht="18" customHeight="1" x14ac:dyDescent="0.2">
      <c r="A81" s="14">
        <v>63</v>
      </c>
      <c r="B81" s="15">
        <v>16</v>
      </c>
      <c r="C81" s="16">
        <v>14</v>
      </c>
      <c r="D81" s="17">
        <v>30</v>
      </c>
    </row>
    <row r="82" spans="1:4" ht="18" customHeight="1" x14ac:dyDescent="0.2">
      <c r="A82" s="14">
        <v>64</v>
      </c>
      <c r="B82" s="15">
        <v>17</v>
      </c>
      <c r="C82" s="16">
        <v>15</v>
      </c>
      <c r="D82" s="17">
        <v>32</v>
      </c>
    </row>
    <row r="83" spans="1:4" ht="18" customHeight="1" x14ac:dyDescent="0.2">
      <c r="A83" s="18" t="s">
        <v>61</v>
      </c>
      <c r="B83" s="15">
        <v>83</v>
      </c>
      <c r="C83" s="16">
        <v>84</v>
      </c>
      <c r="D83" s="17">
        <v>167</v>
      </c>
    </row>
    <row r="84" spans="1:4" ht="18" customHeight="1" x14ac:dyDescent="0.2">
      <c r="A84" s="18" t="s">
        <v>62</v>
      </c>
      <c r="B84" s="15">
        <v>702</v>
      </c>
      <c r="C84" s="16">
        <v>658</v>
      </c>
      <c r="D84" s="17">
        <v>1360</v>
      </c>
    </row>
    <row r="85" spans="1:4" ht="18" customHeight="1" x14ac:dyDescent="0.2">
      <c r="A85" s="14">
        <v>65</v>
      </c>
      <c r="B85" s="15">
        <v>16</v>
      </c>
      <c r="C85" s="16">
        <v>19</v>
      </c>
      <c r="D85" s="17">
        <v>35</v>
      </c>
    </row>
    <row r="86" spans="1:4" ht="18" customHeight="1" x14ac:dyDescent="0.2">
      <c r="A86" s="14">
        <v>66</v>
      </c>
      <c r="B86" s="15">
        <v>16</v>
      </c>
      <c r="C86" s="16">
        <v>17</v>
      </c>
      <c r="D86" s="17">
        <v>33</v>
      </c>
    </row>
    <row r="87" spans="1:4" ht="18" customHeight="1" x14ac:dyDescent="0.2">
      <c r="A87" s="14">
        <v>67</v>
      </c>
      <c r="B87" s="15">
        <v>17</v>
      </c>
      <c r="C87" s="16">
        <v>18</v>
      </c>
      <c r="D87" s="17">
        <v>35</v>
      </c>
    </row>
    <row r="88" spans="1:4" ht="18" customHeight="1" x14ac:dyDescent="0.2">
      <c r="A88" s="14">
        <v>68</v>
      </c>
      <c r="B88" s="15">
        <v>20</v>
      </c>
      <c r="C88" s="16">
        <v>23</v>
      </c>
      <c r="D88" s="17">
        <v>43</v>
      </c>
    </row>
    <row r="89" spans="1:4" ht="18" customHeight="1" x14ac:dyDescent="0.2">
      <c r="A89" s="14">
        <v>69</v>
      </c>
      <c r="B89" s="15">
        <v>24</v>
      </c>
      <c r="C89" s="16">
        <v>25</v>
      </c>
      <c r="D89" s="17">
        <v>49</v>
      </c>
    </row>
    <row r="90" spans="1:4" ht="18" customHeight="1" x14ac:dyDescent="0.2">
      <c r="A90" s="18" t="s">
        <v>63</v>
      </c>
      <c r="B90" s="15">
        <v>93</v>
      </c>
      <c r="C90" s="16">
        <v>102</v>
      </c>
      <c r="D90" s="17">
        <v>195</v>
      </c>
    </row>
    <row r="91" spans="1:4" ht="18" customHeight="1" x14ac:dyDescent="0.2">
      <c r="A91" s="14">
        <v>70</v>
      </c>
      <c r="B91" s="15">
        <v>22</v>
      </c>
      <c r="C91" s="16">
        <v>24</v>
      </c>
      <c r="D91" s="17">
        <v>46</v>
      </c>
    </row>
    <row r="92" spans="1:4" ht="18" customHeight="1" x14ac:dyDescent="0.2">
      <c r="A92" s="14">
        <v>71</v>
      </c>
      <c r="B92" s="15">
        <v>33</v>
      </c>
      <c r="C92" s="16">
        <v>33</v>
      </c>
      <c r="D92" s="17">
        <v>66</v>
      </c>
    </row>
    <row r="93" spans="1:4" ht="18" customHeight="1" x14ac:dyDescent="0.2">
      <c r="A93" s="14">
        <v>72</v>
      </c>
      <c r="B93" s="15">
        <v>18</v>
      </c>
      <c r="C93" s="16">
        <v>21</v>
      </c>
      <c r="D93" s="17">
        <v>39</v>
      </c>
    </row>
    <row r="94" spans="1:4" ht="18" customHeight="1" x14ac:dyDescent="0.2">
      <c r="A94" s="14">
        <v>73</v>
      </c>
      <c r="B94" s="15">
        <v>12</v>
      </c>
      <c r="C94" s="16">
        <v>13</v>
      </c>
      <c r="D94" s="17">
        <v>25</v>
      </c>
    </row>
    <row r="95" spans="1:4" ht="18" customHeight="1" x14ac:dyDescent="0.2">
      <c r="A95" s="14">
        <v>74</v>
      </c>
      <c r="B95" s="15">
        <v>21</v>
      </c>
      <c r="C95" s="16">
        <v>25</v>
      </c>
      <c r="D95" s="17">
        <v>46</v>
      </c>
    </row>
    <row r="96" spans="1:4" ht="18" customHeight="1" x14ac:dyDescent="0.2">
      <c r="A96" s="18" t="s">
        <v>64</v>
      </c>
      <c r="B96" s="15">
        <v>106</v>
      </c>
      <c r="C96" s="16">
        <v>116</v>
      </c>
      <c r="D96" s="17">
        <v>222</v>
      </c>
    </row>
    <row r="97" spans="1:4" ht="18" customHeight="1" x14ac:dyDescent="0.2">
      <c r="A97" s="14">
        <v>75</v>
      </c>
      <c r="B97" s="15">
        <v>12</v>
      </c>
      <c r="C97" s="16">
        <v>21</v>
      </c>
      <c r="D97" s="17">
        <v>33</v>
      </c>
    </row>
    <row r="98" spans="1:4" ht="18" customHeight="1" x14ac:dyDescent="0.2">
      <c r="A98" s="14">
        <v>76</v>
      </c>
      <c r="B98" s="15">
        <v>16</v>
      </c>
      <c r="C98" s="16">
        <v>19</v>
      </c>
      <c r="D98" s="17">
        <v>35</v>
      </c>
    </row>
    <row r="99" spans="1:4" ht="18" customHeight="1" x14ac:dyDescent="0.2">
      <c r="A99" s="14">
        <v>77</v>
      </c>
      <c r="B99" s="15">
        <v>13</v>
      </c>
      <c r="C99" s="16">
        <v>20</v>
      </c>
      <c r="D99" s="17">
        <v>33</v>
      </c>
    </row>
    <row r="100" spans="1:4" ht="18" customHeight="1" x14ac:dyDescent="0.2">
      <c r="A100" s="14">
        <v>78</v>
      </c>
      <c r="B100" s="15">
        <v>18</v>
      </c>
      <c r="C100" s="16">
        <v>18</v>
      </c>
      <c r="D100" s="17">
        <v>36</v>
      </c>
    </row>
    <row r="101" spans="1:4" ht="18" customHeight="1" x14ac:dyDescent="0.2">
      <c r="A101" s="14">
        <v>79</v>
      </c>
      <c r="B101" s="15">
        <v>16</v>
      </c>
      <c r="C101" s="16">
        <v>11</v>
      </c>
      <c r="D101" s="17">
        <v>27</v>
      </c>
    </row>
    <row r="102" spans="1:4" ht="18" customHeight="1" x14ac:dyDescent="0.2">
      <c r="A102" s="18" t="s">
        <v>65</v>
      </c>
      <c r="B102" s="15">
        <v>75</v>
      </c>
      <c r="C102" s="16">
        <v>89</v>
      </c>
      <c r="D102" s="17">
        <v>164</v>
      </c>
    </row>
    <row r="103" spans="1:4" ht="18" customHeight="1" x14ac:dyDescent="0.2">
      <c r="A103" s="14">
        <v>80</v>
      </c>
      <c r="B103" s="15">
        <v>9</v>
      </c>
      <c r="C103" s="16">
        <v>14</v>
      </c>
      <c r="D103" s="17">
        <v>23</v>
      </c>
    </row>
    <row r="104" spans="1:4" ht="18" customHeight="1" x14ac:dyDescent="0.2">
      <c r="A104" s="14">
        <v>81</v>
      </c>
      <c r="B104" s="15">
        <v>12</v>
      </c>
      <c r="C104" s="16">
        <v>22</v>
      </c>
      <c r="D104" s="17">
        <v>34</v>
      </c>
    </row>
    <row r="105" spans="1:4" ht="18" customHeight="1" x14ac:dyDescent="0.2">
      <c r="A105" s="14">
        <v>82</v>
      </c>
      <c r="B105" s="15">
        <v>15</v>
      </c>
      <c r="C105" s="16">
        <v>20</v>
      </c>
      <c r="D105" s="17">
        <v>35</v>
      </c>
    </row>
    <row r="106" spans="1:4" ht="18" customHeight="1" x14ac:dyDescent="0.2">
      <c r="A106" s="14">
        <v>83</v>
      </c>
      <c r="B106" s="15">
        <v>10</v>
      </c>
      <c r="C106" s="16">
        <v>15</v>
      </c>
      <c r="D106" s="17">
        <v>25</v>
      </c>
    </row>
    <row r="107" spans="1:4" ht="18" customHeight="1" x14ac:dyDescent="0.2">
      <c r="A107" s="14">
        <v>84</v>
      </c>
      <c r="B107" s="15">
        <v>14</v>
      </c>
      <c r="C107" s="16">
        <v>16</v>
      </c>
      <c r="D107" s="17">
        <v>30</v>
      </c>
    </row>
    <row r="108" spans="1:4" ht="18" customHeight="1" x14ac:dyDescent="0.2">
      <c r="A108" s="18" t="s">
        <v>66</v>
      </c>
      <c r="B108" s="15">
        <v>60</v>
      </c>
      <c r="C108" s="16">
        <v>87</v>
      </c>
      <c r="D108" s="17">
        <v>147</v>
      </c>
    </row>
    <row r="109" spans="1:4" ht="18" customHeight="1" x14ac:dyDescent="0.2">
      <c r="A109" s="14">
        <v>85</v>
      </c>
      <c r="B109" s="15">
        <v>12</v>
      </c>
      <c r="C109" s="16">
        <v>21</v>
      </c>
      <c r="D109" s="17">
        <v>33</v>
      </c>
    </row>
    <row r="110" spans="1:4" ht="18" customHeight="1" x14ac:dyDescent="0.2">
      <c r="A110" s="14">
        <v>86</v>
      </c>
      <c r="B110" s="15">
        <v>6</v>
      </c>
      <c r="C110" s="16">
        <v>24</v>
      </c>
      <c r="D110" s="17">
        <v>30</v>
      </c>
    </row>
    <row r="111" spans="1:4" ht="18" customHeight="1" x14ac:dyDescent="0.2">
      <c r="A111" s="14">
        <v>87</v>
      </c>
      <c r="B111" s="15">
        <v>9</v>
      </c>
      <c r="C111" s="16">
        <v>8</v>
      </c>
      <c r="D111" s="17">
        <v>17</v>
      </c>
    </row>
    <row r="112" spans="1:4" ht="18" customHeight="1" x14ac:dyDescent="0.2">
      <c r="A112" s="14">
        <v>88</v>
      </c>
      <c r="B112" s="15">
        <v>12</v>
      </c>
      <c r="C112" s="16">
        <v>11</v>
      </c>
      <c r="D112" s="17">
        <v>23</v>
      </c>
    </row>
    <row r="113" spans="1:4" ht="18" customHeight="1" x14ac:dyDescent="0.2">
      <c r="A113" s="14">
        <v>89</v>
      </c>
      <c r="B113" s="15">
        <v>3</v>
      </c>
      <c r="C113" s="16">
        <v>7</v>
      </c>
      <c r="D113" s="17">
        <v>10</v>
      </c>
    </row>
    <row r="114" spans="1:4" ht="18" customHeight="1" x14ac:dyDescent="0.2">
      <c r="A114" s="18" t="s">
        <v>67</v>
      </c>
      <c r="B114" s="15">
        <v>42</v>
      </c>
      <c r="C114" s="16">
        <v>71</v>
      </c>
      <c r="D114" s="17">
        <v>113</v>
      </c>
    </row>
    <row r="115" spans="1:4" ht="18" customHeight="1" x14ac:dyDescent="0.2">
      <c r="A115" s="14">
        <v>90</v>
      </c>
      <c r="B115" s="15">
        <v>2</v>
      </c>
      <c r="C115" s="16">
        <v>16</v>
      </c>
      <c r="D115" s="17">
        <v>18</v>
      </c>
    </row>
    <row r="116" spans="1:4" ht="18" customHeight="1" x14ac:dyDescent="0.2">
      <c r="A116" s="14">
        <v>91</v>
      </c>
      <c r="B116" s="15">
        <v>11</v>
      </c>
      <c r="C116" s="16">
        <v>12</v>
      </c>
      <c r="D116" s="17">
        <v>23</v>
      </c>
    </row>
    <row r="117" spans="1:4" ht="18" customHeight="1" x14ac:dyDescent="0.2">
      <c r="A117" s="14">
        <v>92</v>
      </c>
      <c r="B117" s="15">
        <v>2</v>
      </c>
      <c r="C117" s="16">
        <v>14</v>
      </c>
      <c r="D117" s="17">
        <v>16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18</v>
      </c>
      <c r="C120" s="16">
        <v>54</v>
      </c>
      <c r="D120" s="17">
        <v>72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2</v>
      </c>
      <c r="C126" s="16">
        <v>24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96</v>
      </c>
      <c r="C130" s="5">
        <v>544</v>
      </c>
      <c r="D130" s="6">
        <v>940</v>
      </c>
    </row>
    <row r="131" spans="1:4" ht="18" customHeight="1" x14ac:dyDescent="0.2">
      <c r="A131" s="20" t="s">
        <v>47</v>
      </c>
      <c r="B131" s="7">
        <v>1206</v>
      </c>
      <c r="C131" s="8">
        <v>1305</v>
      </c>
      <c r="D131" s="9">
        <v>25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J131"/>
  <sheetViews>
    <sheetView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3</v>
      </c>
      <c r="D5" s="39">
        <v>4</v>
      </c>
    </row>
    <row r="6" spans="1:10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10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10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10" ht="18" customHeight="1" x14ac:dyDescent="0.2">
      <c r="A9" s="31">
        <v>4</v>
      </c>
      <c r="B9" s="36">
        <v>2</v>
      </c>
      <c r="C9" s="38">
        <v>3</v>
      </c>
      <c r="D9" s="40">
        <v>5</v>
      </c>
    </row>
    <row r="10" spans="1:10" ht="18" customHeight="1" x14ac:dyDescent="0.2">
      <c r="A10" s="31" t="s">
        <v>48</v>
      </c>
      <c r="B10" s="27">
        <v>9</v>
      </c>
      <c r="C10" s="28">
        <v>11</v>
      </c>
      <c r="D10" s="29">
        <v>20</v>
      </c>
    </row>
    <row r="11" spans="1:10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10" ht="18" customHeight="1" x14ac:dyDescent="0.2">
      <c r="A12" s="31">
        <v>6</v>
      </c>
      <c r="B12" s="35">
        <v>3</v>
      </c>
      <c r="C12" s="28">
        <v>2</v>
      </c>
      <c r="D12" s="29">
        <v>5</v>
      </c>
    </row>
    <row r="13" spans="1:10" ht="18" customHeight="1" x14ac:dyDescent="0.2">
      <c r="A13" s="31">
        <v>7</v>
      </c>
      <c r="B13" s="35">
        <v>7</v>
      </c>
      <c r="C13" s="28">
        <v>2</v>
      </c>
      <c r="D13" s="29">
        <v>9</v>
      </c>
    </row>
    <row r="14" spans="1:10" ht="18" customHeight="1" x14ac:dyDescent="0.2">
      <c r="A14" s="31">
        <v>8</v>
      </c>
      <c r="B14" s="35">
        <v>7</v>
      </c>
      <c r="C14" s="28">
        <v>2</v>
      </c>
      <c r="D14" s="29">
        <v>9</v>
      </c>
    </row>
    <row r="15" spans="1:10" ht="18" customHeight="1" x14ac:dyDescent="0.2">
      <c r="A15" s="31">
        <v>9</v>
      </c>
      <c r="B15" s="35">
        <v>7</v>
      </c>
      <c r="C15" s="28">
        <v>1</v>
      </c>
      <c r="D15" s="29">
        <v>8</v>
      </c>
    </row>
    <row r="16" spans="1:10" ht="18" customHeight="1" x14ac:dyDescent="0.2">
      <c r="A16" s="31" t="s">
        <v>49</v>
      </c>
      <c r="B16" s="27">
        <v>26</v>
      </c>
      <c r="C16" s="28">
        <v>9</v>
      </c>
      <c r="D16" s="29">
        <v>35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5</v>
      </c>
      <c r="C18" s="28">
        <v>4</v>
      </c>
      <c r="D18" s="29">
        <v>9</v>
      </c>
    </row>
    <row r="19" spans="1:4" ht="18" customHeight="1" x14ac:dyDescent="0.2">
      <c r="A19" s="31">
        <v>12</v>
      </c>
      <c r="B19" s="27">
        <v>4</v>
      </c>
      <c r="C19" s="28">
        <v>8</v>
      </c>
      <c r="D19" s="29">
        <v>12</v>
      </c>
    </row>
    <row r="20" spans="1:4" ht="18" customHeight="1" x14ac:dyDescent="0.2">
      <c r="A20" s="31">
        <v>13</v>
      </c>
      <c r="B20" s="27">
        <v>7</v>
      </c>
      <c r="C20" s="28">
        <v>4</v>
      </c>
      <c r="D20" s="29">
        <v>11</v>
      </c>
    </row>
    <row r="21" spans="1:4" ht="18" customHeight="1" x14ac:dyDescent="0.2">
      <c r="A21" s="31">
        <v>14</v>
      </c>
      <c r="B21" s="27">
        <v>4</v>
      </c>
      <c r="C21" s="28">
        <v>2</v>
      </c>
      <c r="D21" s="29">
        <v>6</v>
      </c>
    </row>
    <row r="22" spans="1:4" ht="18" customHeight="1" x14ac:dyDescent="0.2">
      <c r="A22" s="31" t="s">
        <v>50</v>
      </c>
      <c r="B22" s="27">
        <v>24</v>
      </c>
      <c r="C22" s="28">
        <v>21</v>
      </c>
      <c r="D22" s="29">
        <v>45</v>
      </c>
    </row>
    <row r="23" spans="1:4" ht="18" customHeight="1" x14ac:dyDescent="0.2">
      <c r="A23" s="31" t="s">
        <v>51</v>
      </c>
      <c r="B23" s="27">
        <v>59</v>
      </c>
      <c r="C23" s="28">
        <v>41</v>
      </c>
      <c r="D23" s="29">
        <v>100</v>
      </c>
    </row>
    <row r="24" spans="1:4" ht="18" customHeight="1" x14ac:dyDescent="0.2">
      <c r="A24" s="31">
        <v>15</v>
      </c>
      <c r="B24" s="27">
        <v>5</v>
      </c>
      <c r="C24" s="28">
        <v>4</v>
      </c>
      <c r="D24" s="29">
        <v>9</v>
      </c>
    </row>
    <row r="25" spans="1:4" ht="18" customHeight="1" x14ac:dyDescent="0.2">
      <c r="A25" s="31">
        <v>16</v>
      </c>
      <c r="B25" s="27">
        <v>2</v>
      </c>
      <c r="C25" s="28">
        <v>5</v>
      </c>
      <c r="D25" s="29">
        <v>7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7</v>
      </c>
      <c r="C27" s="28">
        <v>6</v>
      </c>
      <c r="D27" s="29">
        <v>13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21</v>
      </c>
      <c r="C29" s="28">
        <v>23</v>
      </c>
      <c r="D29" s="29">
        <v>44</v>
      </c>
    </row>
    <row r="30" spans="1:4" ht="18" customHeight="1" x14ac:dyDescent="0.2">
      <c r="A30" s="31">
        <v>20</v>
      </c>
      <c r="B30" s="27">
        <v>10</v>
      </c>
      <c r="C30" s="28">
        <v>6</v>
      </c>
      <c r="D30" s="29">
        <v>16</v>
      </c>
    </row>
    <row r="31" spans="1:4" ht="18" customHeight="1" x14ac:dyDescent="0.2">
      <c r="A31" s="31">
        <v>21</v>
      </c>
      <c r="B31" s="27">
        <v>9</v>
      </c>
      <c r="C31" s="28">
        <v>0</v>
      </c>
      <c r="D31" s="29">
        <v>9</v>
      </c>
    </row>
    <row r="32" spans="1:4" ht="18" customHeight="1" x14ac:dyDescent="0.2">
      <c r="A32" s="31">
        <v>22</v>
      </c>
      <c r="B32" s="27">
        <v>11</v>
      </c>
      <c r="C32" s="28">
        <v>6</v>
      </c>
      <c r="D32" s="29">
        <v>17</v>
      </c>
    </row>
    <row r="33" spans="1:4" ht="18" customHeight="1" x14ac:dyDescent="0.2">
      <c r="A33" s="31">
        <v>23</v>
      </c>
      <c r="B33" s="27">
        <v>3</v>
      </c>
      <c r="C33" s="28">
        <v>5</v>
      </c>
      <c r="D33" s="29">
        <v>8</v>
      </c>
    </row>
    <row r="34" spans="1:4" ht="18" customHeight="1" x14ac:dyDescent="0.2">
      <c r="A34" s="31">
        <v>24</v>
      </c>
      <c r="B34" s="27">
        <v>4</v>
      </c>
      <c r="C34" s="28">
        <v>8</v>
      </c>
      <c r="D34" s="29">
        <v>12</v>
      </c>
    </row>
    <row r="35" spans="1:4" ht="18" customHeight="1" x14ac:dyDescent="0.2">
      <c r="A35" s="31" t="s">
        <v>53</v>
      </c>
      <c r="B35" s="27">
        <v>37</v>
      </c>
      <c r="C35" s="28">
        <v>25</v>
      </c>
      <c r="D35" s="29">
        <v>62</v>
      </c>
    </row>
    <row r="36" spans="1:4" ht="18" customHeight="1" x14ac:dyDescent="0.2">
      <c r="A36" s="31">
        <v>25</v>
      </c>
      <c r="B36" s="27">
        <v>3</v>
      </c>
      <c r="C36" s="28">
        <v>5</v>
      </c>
      <c r="D36" s="29">
        <v>8</v>
      </c>
    </row>
    <row r="37" spans="1:4" ht="18" customHeight="1" x14ac:dyDescent="0.2">
      <c r="A37" s="31">
        <v>26</v>
      </c>
      <c r="B37" s="27">
        <v>9</v>
      </c>
      <c r="C37" s="28">
        <v>6</v>
      </c>
      <c r="D37" s="29">
        <v>15</v>
      </c>
    </row>
    <row r="38" spans="1:4" ht="18" customHeight="1" x14ac:dyDescent="0.2">
      <c r="A38" s="31">
        <v>27</v>
      </c>
      <c r="B38" s="27">
        <v>7</v>
      </c>
      <c r="C38" s="28">
        <v>2</v>
      </c>
      <c r="D38" s="29">
        <v>9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2</v>
      </c>
      <c r="C40" s="28">
        <v>5</v>
      </c>
      <c r="D40" s="29">
        <v>7</v>
      </c>
    </row>
    <row r="41" spans="1:4" ht="18" customHeight="1" x14ac:dyDescent="0.2">
      <c r="A41" s="31" t="s">
        <v>54</v>
      </c>
      <c r="B41" s="27">
        <v>25</v>
      </c>
      <c r="C41" s="28">
        <v>25</v>
      </c>
      <c r="D41" s="29">
        <v>50</v>
      </c>
    </row>
    <row r="42" spans="1:4" ht="18" customHeight="1" x14ac:dyDescent="0.2">
      <c r="A42" s="31">
        <v>30</v>
      </c>
      <c r="B42" s="27">
        <v>7</v>
      </c>
      <c r="C42" s="28">
        <v>5</v>
      </c>
      <c r="D42" s="29">
        <v>12</v>
      </c>
    </row>
    <row r="43" spans="1:4" ht="18" customHeight="1" x14ac:dyDescent="0.2">
      <c r="A43" s="31">
        <v>31</v>
      </c>
      <c r="B43" s="27">
        <v>4</v>
      </c>
      <c r="C43" s="28">
        <v>5</v>
      </c>
      <c r="D43" s="29">
        <v>9</v>
      </c>
    </row>
    <row r="44" spans="1:4" ht="18" customHeight="1" x14ac:dyDescent="0.2">
      <c r="A44" s="31">
        <v>32</v>
      </c>
      <c r="B44" s="27">
        <v>5</v>
      </c>
      <c r="C44" s="28">
        <v>9</v>
      </c>
      <c r="D44" s="29">
        <v>14</v>
      </c>
    </row>
    <row r="45" spans="1:4" ht="18" customHeight="1" x14ac:dyDescent="0.2">
      <c r="A45" s="31">
        <v>33</v>
      </c>
      <c r="B45" s="27">
        <v>4</v>
      </c>
      <c r="C45" s="28">
        <v>2</v>
      </c>
      <c r="D45" s="29">
        <v>6</v>
      </c>
    </row>
    <row r="46" spans="1:4" ht="18" customHeight="1" x14ac:dyDescent="0.2">
      <c r="A46" s="31">
        <v>34</v>
      </c>
      <c r="B46" s="27">
        <v>4</v>
      </c>
      <c r="C46" s="28">
        <v>6</v>
      </c>
      <c r="D46" s="29">
        <v>10</v>
      </c>
    </row>
    <row r="47" spans="1:4" ht="18" customHeight="1" x14ac:dyDescent="0.2">
      <c r="A47" s="31" t="s">
        <v>55</v>
      </c>
      <c r="B47" s="27">
        <v>24</v>
      </c>
      <c r="C47" s="28">
        <v>27</v>
      </c>
      <c r="D47" s="29">
        <v>51</v>
      </c>
    </row>
    <row r="48" spans="1:4" ht="18" customHeight="1" x14ac:dyDescent="0.2">
      <c r="A48" s="31">
        <v>35</v>
      </c>
      <c r="B48" s="27">
        <v>9</v>
      </c>
      <c r="C48" s="28">
        <v>1</v>
      </c>
      <c r="D48" s="29">
        <v>10</v>
      </c>
    </row>
    <row r="49" spans="1:4" ht="18" customHeight="1" x14ac:dyDescent="0.2">
      <c r="A49" s="31">
        <v>36</v>
      </c>
      <c r="B49" s="27">
        <v>6</v>
      </c>
      <c r="C49" s="28">
        <v>2</v>
      </c>
      <c r="D49" s="29">
        <v>8</v>
      </c>
    </row>
    <row r="50" spans="1:4" ht="18" customHeight="1" x14ac:dyDescent="0.2">
      <c r="A50" s="31">
        <v>37</v>
      </c>
      <c r="B50" s="27">
        <v>6</v>
      </c>
      <c r="C50" s="28">
        <v>6</v>
      </c>
      <c r="D50" s="29">
        <v>12</v>
      </c>
    </row>
    <row r="51" spans="1:4" ht="18" customHeight="1" x14ac:dyDescent="0.2">
      <c r="A51" s="31">
        <v>38</v>
      </c>
      <c r="B51" s="27">
        <v>4</v>
      </c>
      <c r="C51" s="28">
        <v>7</v>
      </c>
      <c r="D51" s="29">
        <v>11</v>
      </c>
    </row>
    <row r="52" spans="1:4" ht="18" customHeight="1" x14ac:dyDescent="0.2">
      <c r="A52" s="31">
        <v>39</v>
      </c>
      <c r="B52" s="27">
        <v>7</v>
      </c>
      <c r="C52" s="28">
        <v>6</v>
      </c>
      <c r="D52" s="29">
        <v>13</v>
      </c>
    </row>
    <row r="53" spans="1:4" ht="18" customHeight="1" x14ac:dyDescent="0.2">
      <c r="A53" s="31" t="s">
        <v>56</v>
      </c>
      <c r="B53" s="27">
        <v>32</v>
      </c>
      <c r="C53" s="28">
        <v>22</v>
      </c>
      <c r="D53" s="29">
        <v>54</v>
      </c>
    </row>
    <row r="54" spans="1:4" ht="18" customHeight="1" x14ac:dyDescent="0.2">
      <c r="A54" s="31">
        <v>40</v>
      </c>
      <c r="B54" s="27">
        <v>8</v>
      </c>
      <c r="C54" s="28">
        <v>3</v>
      </c>
      <c r="D54" s="29">
        <v>11</v>
      </c>
    </row>
    <row r="55" spans="1:4" ht="18" customHeight="1" x14ac:dyDescent="0.2">
      <c r="A55" s="31">
        <v>41</v>
      </c>
      <c r="B55" s="27">
        <v>4</v>
      </c>
      <c r="C55" s="28">
        <v>2</v>
      </c>
      <c r="D55" s="29">
        <v>6</v>
      </c>
    </row>
    <row r="56" spans="1:4" ht="18" customHeight="1" x14ac:dyDescent="0.2">
      <c r="A56" s="31">
        <v>42</v>
      </c>
      <c r="B56" s="27">
        <v>13</v>
      </c>
      <c r="C56" s="28">
        <v>5</v>
      </c>
      <c r="D56" s="29">
        <v>18</v>
      </c>
    </row>
    <row r="57" spans="1:4" ht="18" customHeight="1" x14ac:dyDescent="0.2">
      <c r="A57" s="31">
        <v>43</v>
      </c>
      <c r="B57" s="27">
        <v>7</v>
      </c>
      <c r="C57" s="28">
        <v>6</v>
      </c>
      <c r="D57" s="29">
        <v>13</v>
      </c>
    </row>
    <row r="58" spans="1:4" ht="18" customHeight="1" x14ac:dyDescent="0.2">
      <c r="A58" s="31">
        <v>44</v>
      </c>
      <c r="B58" s="27">
        <v>8</v>
      </c>
      <c r="C58" s="28">
        <v>7</v>
      </c>
      <c r="D58" s="29">
        <v>15</v>
      </c>
    </row>
    <row r="59" spans="1:4" ht="18" customHeight="1" x14ac:dyDescent="0.2">
      <c r="A59" s="31" t="s">
        <v>57</v>
      </c>
      <c r="B59" s="27">
        <v>40</v>
      </c>
      <c r="C59" s="28">
        <v>23</v>
      </c>
      <c r="D59" s="29">
        <v>63</v>
      </c>
    </row>
    <row r="60" spans="1:4" ht="18" customHeight="1" x14ac:dyDescent="0.2">
      <c r="A60" s="31">
        <v>45</v>
      </c>
      <c r="B60" s="27">
        <v>10</v>
      </c>
      <c r="C60" s="28">
        <v>10</v>
      </c>
      <c r="D60" s="29">
        <v>20</v>
      </c>
    </row>
    <row r="61" spans="1:4" ht="18" customHeight="1" x14ac:dyDescent="0.2">
      <c r="A61" s="31">
        <v>46</v>
      </c>
      <c r="B61" s="27">
        <v>11</v>
      </c>
      <c r="C61" s="28">
        <v>8</v>
      </c>
      <c r="D61" s="29">
        <v>19</v>
      </c>
    </row>
    <row r="62" spans="1:4" ht="18" customHeight="1" x14ac:dyDescent="0.2">
      <c r="A62" s="31">
        <v>47</v>
      </c>
      <c r="B62" s="27">
        <v>5</v>
      </c>
      <c r="C62" s="28">
        <v>11</v>
      </c>
      <c r="D62" s="29">
        <v>16</v>
      </c>
    </row>
    <row r="63" spans="1:4" ht="18" customHeight="1" x14ac:dyDescent="0.2">
      <c r="A63" s="31">
        <v>48</v>
      </c>
      <c r="B63" s="27">
        <v>6</v>
      </c>
      <c r="C63" s="28">
        <v>10</v>
      </c>
      <c r="D63" s="29">
        <v>16</v>
      </c>
    </row>
    <row r="64" spans="1:4" ht="18" customHeight="1" x14ac:dyDescent="0.2">
      <c r="A64" s="31">
        <v>49</v>
      </c>
      <c r="B64" s="27">
        <v>10</v>
      </c>
      <c r="C64" s="28">
        <v>8</v>
      </c>
      <c r="D64" s="29">
        <v>18</v>
      </c>
    </row>
    <row r="65" spans="1:4" ht="18" customHeight="1" x14ac:dyDescent="0.2">
      <c r="A65" s="31" t="s">
        <v>58</v>
      </c>
      <c r="B65" s="27">
        <v>42</v>
      </c>
      <c r="C65" s="28">
        <v>47</v>
      </c>
      <c r="D65" s="29">
        <v>89</v>
      </c>
    </row>
    <row r="66" spans="1:4" ht="18" customHeight="1" x14ac:dyDescent="0.2">
      <c r="A66" s="31">
        <v>50</v>
      </c>
      <c r="B66" s="27">
        <v>7</v>
      </c>
      <c r="C66" s="28">
        <v>6</v>
      </c>
      <c r="D66" s="29">
        <v>13</v>
      </c>
    </row>
    <row r="67" spans="1:4" ht="18" customHeight="1" x14ac:dyDescent="0.2">
      <c r="A67" s="31">
        <v>51</v>
      </c>
      <c r="B67" s="27">
        <v>7</v>
      </c>
      <c r="C67" s="28">
        <v>10</v>
      </c>
      <c r="D67" s="29">
        <v>17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2</v>
      </c>
      <c r="C69" s="28">
        <v>7</v>
      </c>
      <c r="D69" s="29">
        <v>9</v>
      </c>
    </row>
    <row r="70" spans="1:4" ht="18" customHeight="1" x14ac:dyDescent="0.2">
      <c r="A70" s="31">
        <v>54</v>
      </c>
      <c r="B70" s="27">
        <v>9</v>
      </c>
      <c r="C70" s="28">
        <v>6</v>
      </c>
      <c r="D70" s="29">
        <v>15</v>
      </c>
    </row>
    <row r="71" spans="1:4" ht="18" customHeight="1" x14ac:dyDescent="0.2">
      <c r="A71" s="31" t="s">
        <v>59</v>
      </c>
      <c r="B71" s="27">
        <v>30</v>
      </c>
      <c r="C71" s="28">
        <v>34</v>
      </c>
      <c r="D71" s="29">
        <v>64</v>
      </c>
    </row>
    <row r="72" spans="1:4" ht="18" customHeight="1" x14ac:dyDescent="0.2">
      <c r="A72" s="31">
        <v>55</v>
      </c>
      <c r="B72" s="27">
        <v>7</v>
      </c>
      <c r="C72" s="28">
        <v>8</v>
      </c>
      <c r="D72" s="29">
        <v>15</v>
      </c>
    </row>
    <row r="73" spans="1:4" ht="18" customHeight="1" x14ac:dyDescent="0.2">
      <c r="A73" s="31">
        <v>56</v>
      </c>
      <c r="B73" s="27">
        <v>9</v>
      </c>
      <c r="C73" s="28">
        <v>5</v>
      </c>
      <c r="D73" s="29">
        <v>14</v>
      </c>
    </row>
    <row r="74" spans="1:4" ht="18" customHeight="1" x14ac:dyDescent="0.2">
      <c r="A74" s="31">
        <v>57</v>
      </c>
      <c r="B74" s="27">
        <v>6</v>
      </c>
      <c r="C74" s="28">
        <v>8</v>
      </c>
      <c r="D74" s="29">
        <v>14</v>
      </c>
    </row>
    <row r="75" spans="1:4" ht="18" customHeight="1" x14ac:dyDescent="0.2">
      <c r="A75" s="31">
        <v>58</v>
      </c>
      <c r="B75" s="27">
        <v>5</v>
      </c>
      <c r="C75" s="28">
        <v>5</v>
      </c>
      <c r="D75" s="29">
        <v>10</v>
      </c>
    </row>
    <row r="76" spans="1:4" ht="18" customHeight="1" x14ac:dyDescent="0.2">
      <c r="A76" s="31">
        <v>59</v>
      </c>
      <c r="B76" s="27">
        <v>6</v>
      </c>
      <c r="C76" s="28">
        <v>12</v>
      </c>
      <c r="D76" s="29">
        <v>18</v>
      </c>
    </row>
    <row r="77" spans="1:4" ht="18" customHeight="1" x14ac:dyDescent="0.2">
      <c r="A77" s="31" t="s">
        <v>60</v>
      </c>
      <c r="B77" s="27">
        <v>33</v>
      </c>
      <c r="C77" s="28">
        <v>38</v>
      </c>
      <c r="D77" s="29">
        <v>71</v>
      </c>
    </row>
    <row r="78" spans="1:4" ht="18" customHeight="1" x14ac:dyDescent="0.2">
      <c r="A78" s="31">
        <v>60</v>
      </c>
      <c r="B78" s="27">
        <v>8</v>
      </c>
      <c r="C78" s="28">
        <v>9</v>
      </c>
      <c r="D78" s="29">
        <v>17</v>
      </c>
    </row>
    <row r="79" spans="1:4" ht="18" customHeight="1" x14ac:dyDescent="0.2">
      <c r="A79" s="31">
        <v>61</v>
      </c>
      <c r="B79" s="27">
        <v>11</v>
      </c>
      <c r="C79" s="28">
        <v>7</v>
      </c>
      <c r="D79" s="29">
        <v>18</v>
      </c>
    </row>
    <row r="80" spans="1:4" ht="18" customHeight="1" x14ac:dyDescent="0.2">
      <c r="A80" s="31">
        <v>62</v>
      </c>
      <c r="B80" s="27">
        <v>5</v>
      </c>
      <c r="C80" s="28">
        <v>7</v>
      </c>
      <c r="D80" s="29">
        <v>12</v>
      </c>
    </row>
    <row r="81" spans="1:4" ht="18" customHeight="1" x14ac:dyDescent="0.2">
      <c r="A81" s="31">
        <v>63</v>
      </c>
      <c r="B81" s="27">
        <v>6</v>
      </c>
      <c r="C81" s="28">
        <v>12</v>
      </c>
      <c r="D81" s="29">
        <v>18</v>
      </c>
    </row>
    <row r="82" spans="1:4" ht="18" customHeight="1" x14ac:dyDescent="0.2">
      <c r="A82" s="31">
        <v>64</v>
      </c>
      <c r="B82" s="27">
        <v>13</v>
      </c>
      <c r="C82" s="28">
        <v>15</v>
      </c>
      <c r="D82" s="29">
        <v>28</v>
      </c>
    </row>
    <row r="83" spans="1:4" ht="18" customHeight="1" x14ac:dyDescent="0.2">
      <c r="A83" s="31" t="s">
        <v>61</v>
      </c>
      <c r="B83" s="27">
        <v>43</v>
      </c>
      <c r="C83" s="28">
        <v>50</v>
      </c>
      <c r="D83" s="29">
        <v>93</v>
      </c>
    </row>
    <row r="84" spans="1:4" ht="18" customHeight="1" x14ac:dyDescent="0.2">
      <c r="A84" s="31" t="s">
        <v>62</v>
      </c>
      <c r="B84" s="27">
        <v>327</v>
      </c>
      <c r="C84" s="28">
        <v>314</v>
      </c>
      <c r="D84" s="29">
        <v>641</v>
      </c>
    </row>
    <row r="85" spans="1:4" ht="18" customHeight="1" x14ac:dyDescent="0.2">
      <c r="A85" s="31">
        <v>65</v>
      </c>
      <c r="B85" s="27">
        <v>15</v>
      </c>
      <c r="C85" s="28">
        <v>8</v>
      </c>
      <c r="D85" s="29">
        <v>23</v>
      </c>
    </row>
    <row r="86" spans="1:4" ht="18" customHeight="1" x14ac:dyDescent="0.2">
      <c r="A86" s="31">
        <v>66</v>
      </c>
      <c r="B86" s="27">
        <v>13</v>
      </c>
      <c r="C86" s="28">
        <v>4</v>
      </c>
      <c r="D86" s="29">
        <v>17</v>
      </c>
    </row>
    <row r="87" spans="1:4" ht="18" customHeight="1" x14ac:dyDescent="0.2">
      <c r="A87" s="31">
        <v>67</v>
      </c>
      <c r="B87" s="27">
        <v>10</v>
      </c>
      <c r="C87" s="28">
        <v>17</v>
      </c>
      <c r="D87" s="29">
        <v>27</v>
      </c>
    </row>
    <row r="88" spans="1:4" ht="18" customHeight="1" x14ac:dyDescent="0.2">
      <c r="A88" s="31">
        <v>68</v>
      </c>
      <c r="B88" s="27">
        <v>11</v>
      </c>
      <c r="C88" s="28">
        <v>13</v>
      </c>
      <c r="D88" s="29">
        <v>24</v>
      </c>
    </row>
    <row r="89" spans="1:4" ht="18" customHeight="1" x14ac:dyDescent="0.2">
      <c r="A89" s="31">
        <v>69</v>
      </c>
      <c r="B89" s="27">
        <v>12</v>
      </c>
      <c r="C89" s="28">
        <v>12</v>
      </c>
      <c r="D89" s="29">
        <v>24</v>
      </c>
    </row>
    <row r="90" spans="1:4" ht="18" customHeight="1" x14ac:dyDescent="0.2">
      <c r="A90" s="31" t="s">
        <v>63</v>
      </c>
      <c r="B90" s="27">
        <v>61</v>
      </c>
      <c r="C90" s="28">
        <v>54</v>
      </c>
      <c r="D90" s="29">
        <v>115</v>
      </c>
    </row>
    <row r="91" spans="1:4" ht="18" customHeight="1" x14ac:dyDescent="0.2">
      <c r="A91" s="31">
        <v>70</v>
      </c>
      <c r="B91" s="27">
        <v>12</v>
      </c>
      <c r="C91" s="28">
        <v>18</v>
      </c>
      <c r="D91" s="29">
        <v>30</v>
      </c>
    </row>
    <row r="92" spans="1:4" ht="18" customHeight="1" x14ac:dyDescent="0.2">
      <c r="A92" s="31">
        <v>71</v>
      </c>
      <c r="B92" s="27">
        <v>12</v>
      </c>
      <c r="C92" s="28">
        <v>23</v>
      </c>
      <c r="D92" s="29">
        <v>35</v>
      </c>
    </row>
    <row r="93" spans="1:4" ht="18" customHeight="1" x14ac:dyDescent="0.2">
      <c r="A93" s="31">
        <v>72</v>
      </c>
      <c r="B93" s="27">
        <v>15</v>
      </c>
      <c r="C93" s="28">
        <v>13</v>
      </c>
      <c r="D93" s="29">
        <v>28</v>
      </c>
    </row>
    <row r="94" spans="1:4" ht="18" customHeight="1" x14ac:dyDescent="0.2">
      <c r="A94" s="31">
        <v>73</v>
      </c>
      <c r="B94" s="27">
        <v>8</v>
      </c>
      <c r="C94" s="28">
        <v>6</v>
      </c>
      <c r="D94" s="29">
        <v>14</v>
      </c>
    </row>
    <row r="95" spans="1:4" ht="18" customHeight="1" x14ac:dyDescent="0.2">
      <c r="A95" s="31">
        <v>74</v>
      </c>
      <c r="B95" s="27">
        <v>16</v>
      </c>
      <c r="C95" s="28">
        <v>12</v>
      </c>
      <c r="D95" s="29">
        <v>28</v>
      </c>
    </row>
    <row r="96" spans="1:4" ht="18" customHeight="1" x14ac:dyDescent="0.2">
      <c r="A96" s="31" t="s">
        <v>64</v>
      </c>
      <c r="B96" s="27">
        <v>63</v>
      </c>
      <c r="C96" s="28">
        <v>72</v>
      </c>
      <c r="D96" s="29">
        <v>135</v>
      </c>
    </row>
    <row r="97" spans="1:4" ht="18" customHeight="1" x14ac:dyDescent="0.2">
      <c r="A97" s="31">
        <v>75</v>
      </c>
      <c r="B97" s="27">
        <v>6</v>
      </c>
      <c r="C97" s="28">
        <v>15</v>
      </c>
      <c r="D97" s="29">
        <v>21</v>
      </c>
    </row>
    <row r="98" spans="1:4" ht="18" customHeight="1" x14ac:dyDescent="0.2">
      <c r="A98" s="31">
        <v>76</v>
      </c>
      <c r="B98" s="27">
        <v>13</v>
      </c>
      <c r="C98" s="28">
        <v>10</v>
      </c>
      <c r="D98" s="29">
        <v>23</v>
      </c>
    </row>
    <row r="99" spans="1:4" ht="18" customHeight="1" x14ac:dyDescent="0.2">
      <c r="A99" s="31">
        <v>77</v>
      </c>
      <c r="B99" s="27">
        <v>13</v>
      </c>
      <c r="C99" s="28">
        <v>15</v>
      </c>
      <c r="D99" s="29">
        <v>28</v>
      </c>
    </row>
    <row r="100" spans="1:4" ht="18" customHeight="1" x14ac:dyDescent="0.2">
      <c r="A100" s="31">
        <v>78</v>
      </c>
      <c r="B100" s="27">
        <v>6</v>
      </c>
      <c r="C100" s="28">
        <v>6</v>
      </c>
      <c r="D100" s="29">
        <v>12</v>
      </c>
    </row>
    <row r="101" spans="1:4" ht="18" customHeight="1" x14ac:dyDescent="0.2">
      <c r="A101" s="31">
        <v>79</v>
      </c>
      <c r="B101" s="27">
        <v>7</v>
      </c>
      <c r="C101" s="28">
        <v>11</v>
      </c>
      <c r="D101" s="29">
        <v>18</v>
      </c>
    </row>
    <row r="102" spans="1:4" ht="18" customHeight="1" x14ac:dyDescent="0.2">
      <c r="A102" s="31" t="s">
        <v>65</v>
      </c>
      <c r="B102" s="27">
        <v>45</v>
      </c>
      <c r="C102" s="28">
        <v>57</v>
      </c>
      <c r="D102" s="29">
        <v>102</v>
      </c>
    </row>
    <row r="103" spans="1:4" ht="18" customHeight="1" x14ac:dyDescent="0.2">
      <c r="A103" s="31">
        <v>80</v>
      </c>
      <c r="B103" s="27">
        <v>5</v>
      </c>
      <c r="C103" s="28">
        <v>16</v>
      </c>
      <c r="D103" s="29">
        <v>21</v>
      </c>
    </row>
    <row r="104" spans="1:4" ht="18" customHeight="1" x14ac:dyDescent="0.2">
      <c r="A104" s="31">
        <v>81</v>
      </c>
      <c r="B104" s="27">
        <v>4</v>
      </c>
      <c r="C104" s="28">
        <v>7</v>
      </c>
      <c r="D104" s="29">
        <v>11</v>
      </c>
    </row>
    <row r="105" spans="1:4" ht="18" customHeight="1" x14ac:dyDescent="0.2">
      <c r="A105" s="31">
        <v>82</v>
      </c>
      <c r="B105" s="27">
        <v>8</v>
      </c>
      <c r="C105" s="28">
        <v>3</v>
      </c>
      <c r="D105" s="29">
        <v>11</v>
      </c>
    </row>
    <row r="106" spans="1:4" ht="18" customHeight="1" x14ac:dyDescent="0.2">
      <c r="A106" s="31">
        <v>83</v>
      </c>
      <c r="B106" s="27">
        <v>9</v>
      </c>
      <c r="C106" s="28">
        <v>8</v>
      </c>
      <c r="D106" s="29">
        <v>17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66</v>
      </c>
      <c r="B108" s="27">
        <v>32</v>
      </c>
      <c r="C108" s="28">
        <v>43</v>
      </c>
      <c r="D108" s="29">
        <v>75</v>
      </c>
    </row>
    <row r="109" spans="1:4" ht="18" customHeight="1" x14ac:dyDescent="0.2">
      <c r="A109" s="31">
        <v>85</v>
      </c>
      <c r="B109" s="27">
        <v>7</v>
      </c>
      <c r="C109" s="28">
        <v>9</v>
      </c>
      <c r="D109" s="29">
        <v>16</v>
      </c>
    </row>
    <row r="110" spans="1:4" ht="18" customHeight="1" x14ac:dyDescent="0.2">
      <c r="A110" s="31">
        <v>86</v>
      </c>
      <c r="B110" s="27">
        <v>6</v>
      </c>
      <c r="C110" s="28">
        <v>15</v>
      </c>
      <c r="D110" s="29">
        <v>21</v>
      </c>
    </row>
    <row r="111" spans="1:4" ht="18" customHeight="1" x14ac:dyDescent="0.2">
      <c r="A111" s="31">
        <v>87</v>
      </c>
      <c r="B111" s="27">
        <v>0</v>
      </c>
      <c r="C111" s="28">
        <v>13</v>
      </c>
      <c r="D111" s="29">
        <v>13</v>
      </c>
    </row>
    <row r="112" spans="1:4" ht="18" customHeight="1" x14ac:dyDescent="0.2">
      <c r="A112" s="31">
        <v>88</v>
      </c>
      <c r="B112" s="27">
        <v>4</v>
      </c>
      <c r="C112" s="28">
        <v>8</v>
      </c>
      <c r="D112" s="29">
        <v>12</v>
      </c>
    </row>
    <row r="113" spans="1:4" ht="18" customHeight="1" x14ac:dyDescent="0.2">
      <c r="A113" s="31">
        <v>89</v>
      </c>
      <c r="B113" s="27">
        <v>4</v>
      </c>
      <c r="C113" s="28">
        <v>12</v>
      </c>
      <c r="D113" s="29">
        <v>16</v>
      </c>
    </row>
    <row r="114" spans="1:4" ht="18" customHeight="1" x14ac:dyDescent="0.2">
      <c r="A114" s="31" t="s">
        <v>67</v>
      </c>
      <c r="B114" s="27">
        <v>21</v>
      </c>
      <c r="C114" s="28">
        <v>57</v>
      </c>
      <c r="D114" s="29">
        <v>78</v>
      </c>
    </row>
    <row r="115" spans="1:4" ht="18" customHeight="1" x14ac:dyDescent="0.2">
      <c r="A115" s="31">
        <v>90</v>
      </c>
      <c r="B115" s="27">
        <v>0</v>
      </c>
      <c r="C115" s="28">
        <v>6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3</v>
      </c>
      <c r="C117" s="28">
        <v>0</v>
      </c>
      <c r="D117" s="29">
        <v>3</v>
      </c>
    </row>
    <row r="118" spans="1:4" ht="18" customHeight="1" x14ac:dyDescent="0.2">
      <c r="A118" s="31">
        <v>93</v>
      </c>
      <c r="B118" s="27">
        <v>4</v>
      </c>
      <c r="C118" s="28">
        <v>3</v>
      </c>
      <c r="D118" s="29">
        <v>7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11</v>
      </c>
      <c r="C120" s="28">
        <v>19</v>
      </c>
      <c r="D120" s="29">
        <v>30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0</v>
      </c>
      <c r="C126" s="28">
        <v>10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234</v>
      </c>
      <c r="C130" s="5">
        <v>314</v>
      </c>
      <c r="D130" s="6">
        <v>548</v>
      </c>
    </row>
    <row r="131" spans="1:4" ht="18" customHeight="1" x14ac:dyDescent="0.2">
      <c r="A131" s="33" t="s">
        <v>47</v>
      </c>
      <c r="B131" s="7">
        <v>620</v>
      </c>
      <c r="C131" s="8">
        <v>669</v>
      </c>
      <c r="D131" s="9">
        <v>128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3:01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